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23_統計\厚生労働省\介護保険事業状況報告\02_月報HP\"/>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H1" i="28" l="1"/>
  <c r="F1" i="28"/>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I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4">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85">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0" fillId="0" borderId="86" xfId="0" applyFont="1" applyBorder="1" applyAlignment="1">
      <alignment horizontal="center" vertical="center"/>
    </xf>
    <xf numFmtId="0" fontId="0" fillId="0" borderId="30" xfId="0" applyFont="1" applyBorder="1" applyAlignment="1">
      <alignment horizontal="center" vertical="center"/>
    </xf>
    <xf numFmtId="182" fontId="0" fillId="0" borderId="0" xfId="0" applyNumberFormat="1" applyFont="1" applyBorder="1" applyAlignment="1">
      <alignment horizontal="center"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84" xfId="0" applyFont="1" applyBorder="1" applyAlignment="1">
      <alignment horizontal="center"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185" fontId="0"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186" fontId="5" fillId="0" borderId="0" xfId="0" applyNumberFormat="1" applyFont="1" applyBorder="1" applyAlignment="1">
      <alignment horizontal="right" vertical="center"/>
    </xf>
    <xf numFmtId="0" fontId="0" fillId="0" borderId="28"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51" xfId="3" applyFont="1" applyBorder="1" applyAlignment="1">
      <alignment horizontal="center" vertical="center"/>
    </xf>
    <xf numFmtId="0" fontId="2" fillId="0" borderId="43" xfId="3" applyFont="1" applyBorder="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182" fontId="2"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77" xfId="0" applyFont="1" applyBorder="1" applyAlignment="1"/>
    <xf numFmtId="0" fontId="0" fillId="0" borderId="10" xfId="0" applyFont="1" applyBorder="1" applyAlignment="1"/>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49"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7"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56"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182" fontId="0" fillId="0" borderId="0" xfId="0" applyNumberFormat="1" applyFont="1" applyAlignment="1">
      <alignment horizontal="left" vertical="center"/>
    </xf>
    <xf numFmtId="182" fontId="0" fillId="0" borderId="0" xfId="0" applyNumberFormat="1" applyFont="1" applyBorder="1" applyAlignment="1">
      <alignment horizontal="left" vertical="center"/>
    </xf>
    <xf numFmtId="0" fontId="0" fillId="0" borderId="30" xfId="0" applyFont="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182" fontId="0" fillId="0" borderId="0" xfId="0" applyNumberFormat="1"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39" xfId="0" applyFont="1" applyBorder="1" applyAlignment="1">
      <alignment horizontal="center" vertical="center"/>
    </xf>
    <xf numFmtId="0" fontId="0" fillId="0" borderId="40"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48"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66" xfId="0" applyFont="1" applyBorder="1" applyAlignment="1">
      <alignment horizontal="center"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29"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00"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24" t="s">
        <v>0</v>
      </c>
      <c r="F1" s="424"/>
      <c r="G1" s="424"/>
      <c r="H1" s="424"/>
      <c r="I1" s="2"/>
      <c r="J1" s="2"/>
      <c r="K1" s="2"/>
      <c r="L1" s="2"/>
    </row>
    <row r="2" spans="1:13" ht="24" customHeight="1" x14ac:dyDescent="0.2">
      <c r="A2" s="2"/>
      <c r="B2" s="2"/>
      <c r="C2" s="2"/>
      <c r="D2" s="2"/>
      <c r="E2" s="2"/>
      <c r="F2" s="41">
        <v>6</v>
      </c>
      <c r="G2" s="16">
        <v>5</v>
      </c>
      <c r="H2" s="2"/>
      <c r="I2" s="2"/>
      <c r="J2" s="2"/>
      <c r="K2" s="2"/>
      <c r="L2" s="2"/>
      <c r="M2" s="2"/>
    </row>
    <row r="3" spans="1:13" ht="24" customHeight="1" x14ac:dyDescent="0.2"/>
    <row r="4" spans="1:13" ht="20.25" customHeight="1" x14ac:dyDescent="0.2">
      <c r="D4" s="3"/>
      <c r="E4" s="4" t="s">
        <v>1</v>
      </c>
      <c r="F4" s="3"/>
      <c r="H4" s="23">
        <f>G2</f>
        <v>5</v>
      </c>
    </row>
    <row r="5" spans="1:13" ht="10.5" customHeight="1" thickBot="1" x14ac:dyDescent="0.25">
      <c r="E5" s="5"/>
    </row>
    <row r="6" spans="1:13" ht="21" customHeight="1" x14ac:dyDescent="0.2">
      <c r="E6" s="38"/>
      <c r="F6" s="425" t="s">
        <v>2</v>
      </c>
      <c r="G6" s="426"/>
      <c r="H6" s="426"/>
      <c r="I6" s="427"/>
    </row>
    <row r="7" spans="1:13" ht="21" customHeight="1" x14ac:dyDescent="0.2">
      <c r="E7" s="6"/>
      <c r="F7" s="7"/>
      <c r="G7" s="8" t="s">
        <v>3</v>
      </c>
      <c r="H7" s="39" t="s">
        <v>147</v>
      </c>
      <c r="I7" s="40" t="s">
        <v>146</v>
      </c>
    </row>
    <row r="8" spans="1:13" ht="21" customHeight="1" x14ac:dyDescent="0.2">
      <c r="E8" s="65" t="s">
        <v>4</v>
      </c>
      <c r="F8" s="43">
        <v>2353856</v>
      </c>
      <c r="G8" s="43">
        <v>998845</v>
      </c>
      <c r="H8" s="43">
        <v>941220</v>
      </c>
      <c r="I8" s="44">
        <v>413791</v>
      </c>
    </row>
    <row r="9" spans="1:13" ht="21" customHeight="1" x14ac:dyDescent="0.2">
      <c r="E9" s="66" t="s">
        <v>5</v>
      </c>
      <c r="F9" s="45">
        <v>940118</v>
      </c>
      <c r="G9" s="45">
        <v>398811</v>
      </c>
      <c r="H9" s="45">
        <v>370312</v>
      </c>
      <c r="I9" s="46">
        <v>170995</v>
      </c>
    </row>
    <row r="10" spans="1:13" ht="21" customHeight="1" x14ac:dyDescent="0.2">
      <c r="E10" s="66" t="s">
        <v>6</v>
      </c>
      <c r="F10" s="45">
        <v>310284</v>
      </c>
      <c r="G10" s="45">
        <v>138389</v>
      </c>
      <c r="H10" s="45">
        <v>118061</v>
      </c>
      <c r="I10" s="46">
        <v>53834</v>
      </c>
    </row>
    <row r="11" spans="1:13" ht="21" customHeight="1" x14ac:dyDescent="0.2">
      <c r="E11" s="66" t="s">
        <v>14</v>
      </c>
      <c r="F11" s="45">
        <v>189083</v>
      </c>
      <c r="G11" s="45">
        <v>80822</v>
      </c>
      <c r="H11" s="45">
        <v>78105</v>
      </c>
      <c r="I11" s="46">
        <v>30156</v>
      </c>
    </row>
    <row r="12" spans="1:13" ht="21" customHeight="1" x14ac:dyDescent="0.2">
      <c r="E12" s="66" t="s">
        <v>7</v>
      </c>
      <c r="F12" s="45">
        <v>124901</v>
      </c>
      <c r="G12" s="45">
        <v>49934</v>
      </c>
      <c r="H12" s="45">
        <v>51937</v>
      </c>
      <c r="I12" s="46">
        <v>23030</v>
      </c>
    </row>
    <row r="13" spans="1:13" ht="21" customHeight="1" x14ac:dyDescent="0.2">
      <c r="E13" s="66" t="s">
        <v>8</v>
      </c>
      <c r="F13" s="45">
        <v>73892</v>
      </c>
      <c r="G13" s="45">
        <v>31827</v>
      </c>
      <c r="H13" s="45">
        <v>29901</v>
      </c>
      <c r="I13" s="46">
        <v>12164</v>
      </c>
    </row>
    <row r="14" spans="1:13" ht="21" customHeight="1" x14ac:dyDescent="0.2">
      <c r="E14" s="66" t="s">
        <v>9</v>
      </c>
      <c r="F14" s="45">
        <v>53414</v>
      </c>
      <c r="G14" s="45">
        <v>19778</v>
      </c>
      <c r="H14" s="45">
        <v>21642</v>
      </c>
      <c r="I14" s="46">
        <v>11994</v>
      </c>
    </row>
    <row r="15" spans="1:13" ht="21" customHeight="1" x14ac:dyDescent="0.2">
      <c r="E15" s="66" t="s">
        <v>10</v>
      </c>
      <c r="F15" s="45">
        <v>109060</v>
      </c>
      <c r="G15" s="45">
        <v>45194</v>
      </c>
      <c r="H15" s="45">
        <v>43974</v>
      </c>
      <c r="I15" s="46">
        <v>19892</v>
      </c>
    </row>
    <row r="16" spans="1:13" ht="21" customHeight="1" x14ac:dyDescent="0.2">
      <c r="E16" s="66" t="s">
        <v>11</v>
      </c>
      <c r="F16" s="45">
        <v>57633</v>
      </c>
      <c r="G16" s="45">
        <v>24659</v>
      </c>
      <c r="H16" s="45">
        <v>22661</v>
      </c>
      <c r="I16" s="46">
        <v>10313</v>
      </c>
    </row>
    <row r="17" spans="5:13" ht="21" customHeight="1" x14ac:dyDescent="0.2">
      <c r="E17" s="66" t="s">
        <v>12</v>
      </c>
      <c r="F17" s="45">
        <v>66162</v>
      </c>
      <c r="G17" s="45">
        <v>27379</v>
      </c>
      <c r="H17" s="45">
        <v>26685</v>
      </c>
      <c r="I17" s="46">
        <v>12098</v>
      </c>
    </row>
    <row r="18" spans="5:13" ht="21" customHeight="1" x14ac:dyDescent="0.2">
      <c r="E18" s="66" t="s">
        <v>13</v>
      </c>
      <c r="F18" s="45">
        <v>18468</v>
      </c>
      <c r="G18" s="45">
        <v>6810</v>
      </c>
      <c r="H18" s="45">
        <v>7561</v>
      </c>
      <c r="I18" s="46">
        <v>4097</v>
      </c>
      <c r="M18" s="1" t="s">
        <v>87</v>
      </c>
    </row>
    <row r="19" spans="5:13" ht="21" customHeight="1" x14ac:dyDescent="0.2">
      <c r="E19" s="66" t="s">
        <v>15</v>
      </c>
      <c r="F19" s="45">
        <v>15956</v>
      </c>
      <c r="G19" s="45">
        <v>6732</v>
      </c>
      <c r="H19" s="45">
        <v>6345</v>
      </c>
      <c r="I19" s="46">
        <v>2879</v>
      </c>
    </row>
    <row r="20" spans="5:13" ht="21" customHeight="1" x14ac:dyDescent="0.2">
      <c r="E20" s="66" t="s">
        <v>16</v>
      </c>
      <c r="F20" s="45">
        <v>49725</v>
      </c>
      <c r="G20" s="45">
        <v>22004</v>
      </c>
      <c r="H20" s="45">
        <v>20463</v>
      </c>
      <c r="I20" s="46">
        <v>7258</v>
      </c>
    </row>
    <row r="21" spans="5:13" ht="21" customHeight="1" x14ac:dyDescent="0.2">
      <c r="E21" s="66" t="s">
        <v>17</v>
      </c>
      <c r="F21" s="45">
        <v>59031</v>
      </c>
      <c r="G21" s="45">
        <v>25936</v>
      </c>
      <c r="H21" s="45">
        <v>24544</v>
      </c>
      <c r="I21" s="46">
        <v>8551</v>
      </c>
    </row>
    <row r="22" spans="5:13" ht="21" customHeight="1" x14ac:dyDescent="0.2">
      <c r="E22" s="66" t="s">
        <v>18</v>
      </c>
      <c r="F22" s="45">
        <v>58517</v>
      </c>
      <c r="G22" s="45">
        <v>24917</v>
      </c>
      <c r="H22" s="45">
        <v>24199</v>
      </c>
      <c r="I22" s="46">
        <v>9401</v>
      </c>
    </row>
    <row r="23" spans="5:13" ht="21" customHeight="1" x14ac:dyDescent="0.2">
      <c r="E23" s="66" t="s">
        <v>19</v>
      </c>
      <c r="F23" s="45">
        <v>26731</v>
      </c>
      <c r="G23" s="45">
        <v>11398</v>
      </c>
      <c r="H23" s="45">
        <v>11050</v>
      </c>
      <c r="I23" s="46">
        <v>4283</v>
      </c>
    </row>
    <row r="24" spans="5:13" ht="21" customHeight="1" x14ac:dyDescent="0.2">
      <c r="E24" s="66" t="s">
        <v>20</v>
      </c>
      <c r="F24" s="45">
        <v>34370</v>
      </c>
      <c r="G24" s="45">
        <v>14890</v>
      </c>
      <c r="H24" s="45">
        <v>14314</v>
      </c>
      <c r="I24" s="46">
        <v>5166</v>
      </c>
    </row>
    <row r="25" spans="5:13" ht="21" customHeight="1" x14ac:dyDescent="0.2">
      <c r="E25" s="66" t="s">
        <v>21</v>
      </c>
      <c r="F25" s="45">
        <v>34555</v>
      </c>
      <c r="G25" s="45">
        <v>14911</v>
      </c>
      <c r="H25" s="45">
        <v>14257</v>
      </c>
      <c r="I25" s="46">
        <v>5387</v>
      </c>
    </row>
    <row r="26" spans="5:13" ht="21" customHeight="1" x14ac:dyDescent="0.2">
      <c r="E26" s="66" t="s">
        <v>22</v>
      </c>
      <c r="F26" s="45">
        <v>13639</v>
      </c>
      <c r="G26" s="45">
        <v>5540</v>
      </c>
      <c r="H26" s="45">
        <v>5645</v>
      </c>
      <c r="I26" s="46">
        <v>2454</v>
      </c>
    </row>
    <row r="27" spans="5:13" ht="21" customHeight="1" x14ac:dyDescent="0.2">
      <c r="E27" s="66" t="s">
        <v>23</v>
      </c>
      <c r="F27" s="45">
        <v>22646</v>
      </c>
      <c r="G27" s="45">
        <v>9004</v>
      </c>
      <c r="H27" s="45">
        <v>10169</v>
      </c>
      <c r="I27" s="46">
        <v>3473</v>
      </c>
    </row>
    <row r="28" spans="5:13" ht="21" customHeight="1" x14ac:dyDescent="0.2">
      <c r="E28" s="66" t="s">
        <v>24</v>
      </c>
      <c r="F28" s="45">
        <v>10102</v>
      </c>
      <c r="G28" s="45">
        <v>3681</v>
      </c>
      <c r="H28" s="45">
        <v>4302</v>
      </c>
      <c r="I28" s="46">
        <v>2119</v>
      </c>
    </row>
    <row r="29" spans="5:13" ht="21" customHeight="1" x14ac:dyDescent="0.2">
      <c r="E29" s="66" t="s">
        <v>25</v>
      </c>
      <c r="F29" s="45">
        <v>13524</v>
      </c>
      <c r="G29" s="45">
        <v>5996</v>
      </c>
      <c r="H29" s="45">
        <v>5559</v>
      </c>
      <c r="I29" s="46">
        <v>1969</v>
      </c>
    </row>
    <row r="30" spans="5:13" ht="21" customHeight="1" x14ac:dyDescent="0.2">
      <c r="E30" s="66" t="s">
        <v>26</v>
      </c>
      <c r="F30" s="45">
        <v>11095</v>
      </c>
      <c r="G30" s="45">
        <v>4424</v>
      </c>
      <c r="H30" s="45">
        <v>4693</v>
      </c>
      <c r="I30" s="46">
        <v>1978</v>
      </c>
    </row>
    <row r="31" spans="5:13" ht="21" customHeight="1" x14ac:dyDescent="0.2">
      <c r="E31" s="66" t="s">
        <v>27</v>
      </c>
      <c r="F31" s="45">
        <v>9855</v>
      </c>
      <c r="G31" s="45">
        <v>3785</v>
      </c>
      <c r="H31" s="45">
        <v>4106</v>
      </c>
      <c r="I31" s="46">
        <v>1964</v>
      </c>
    </row>
    <row r="32" spans="5:13" ht="21" customHeight="1" x14ac:dyDescent="0.2">
      <c r="E32" s="66" t="s">
        <v>28</v>
      </c>
      <c r="F32" s="45">
        <v>3214</v>
      </c>
      <c r="G32" s="45">
        <v>1406</v>
      </c>
      <c r="H32" s="45">
        <v>1348</v>
      </c>
      <c r="I32" s="46">
        <v>460</v>
      </c>
    </row>
    <row r="33" spans="5:9" ht="21" customHeight="1" x14ac:dyDescent="0.2">
      <c r="E33" s="66" t="s">
        <v>29</v>
      </c>
      <c r="F33" s="45">
        <v>5010</v>
      </c>
      <c r="G33" s="45">
        <v>2121</v>
      </c>
      <c r="H33" s="45">
        <v>2121</v>
      </c>
      <c r="I33" s="46">
        <v>768</v>
      </c>
    </row>
    <row r="34" spans="5:9" ht="21" customHeight="1" x14ac:dyDescent="0.2">
      <c r="E34" s="66" t="s">
        <v>30</v>
      </c>
      <c r="F34" s="45">
        <v>3720</v>
      </c>
      <c r="G34" s="45">
        <v>1517</v>
      </c>
      <c r="H34" s="45">
        <v>1486</v>
      </c>
      <c r="I34" s="46">
        <v>717</v>
      </c>
    </row>
    <row r="35" spans="5:9" ht="21" customHeight="1" x14ac:dyDescent="0.2">
      <c r="E35" s="66" t="s">
        <v>31</v>
      </c>
      <c r="F35" s="45">
        <v>4020</v>
      </c>
      <c r="G35" s="45">
        <v>1807</v>
      </c>
      <c r="H35" s="45">
        <v>1475</v>
      </c>
      <c r="I35" s="46">
        <v>738</v>
      </c>
    </row>
    <row r="36" spans="5:9" ht="21" customHeight="1" x14ac:dyDescent="0.2">
      <c r="E36" s="66" t="s">
        <v>32</v>
      </c>
      <c r="F36" s="45">
        <v>4709</v>
      </c>
      <c r="G36" s="45">
        <v>2017</v>
      </c>
      <c r="H36" s="45">
        <v>1888</v>
      </c>
      <c r="I36" s="46">
        <v>804</v>
      </c>
    </row>
    <row r="37" spans="5:9" ht="21" customHeight="1" x14ac:dyDescent="0.2">
      <c r="E37" s="66" t="s">
        <v>33</v>
      </c>
      <c r="F37" s="45">
        <v>4108</v>
      </c>
      <c r="G37" s="45">
        <v>1729</v>
      </c>
      <c r="H37" s="45">
        <v>1658</v>
      </c>
      <c r="I37" s="46">
        <v>721</v>
      </c>
    </row>
    <row r="38" spans="5:9" ht="21" customHeight="1" x14ac:dyDescent="0.2">
      <c r="E38" s="66" t="s">
        <v>34</v>
      </c>
      <c r="F38" s="45">
        <v>3027</v>
      </c>
      <c r="G38" s="45">
        <v>1238</v>
      </c>
      <c r="H38" s="45">
        <v>1239</v>
      </c>
      <c r="I38" s="46">
        <v>550</v>
      </c>
    </row>
    <row r="39" spans="5:9" ht="21" customHeight="1" x14ac:dyDescent="0.2">
      <c r="E39" s="66" t="s">
        <v>35</v>
      </c>
      <c r="F39" s="45">
        <v>9801</v>
      </c>
      <c r="G39" s="45">
        <v>3919</v>
      </c>
      <c r="H39" s="45">
        <v>4068</v>
      </c>
      <c r="I39" s="46">
        <v>1814</v>
      </c>
    </row>
    <row r="40" spans="5:9" ht="21" customHeight="1" x14ac:dyDescent="0.2">
      <c r="E40" s="66" t="s">
        <v>36</v>
      </c>
      <c r="F40" s="45">
        <v>12408</v>
      </c>
      <c r="G40" s="45">
        <v>5761</v>
      </c>
      <c r="H40" s="45">
        <v>5039</v>
      </c>
      <c r="I40" s="46">
        <v>1608</v>
      </c>
    </row>
    <row r="41" spans="5:9" ht="21" customHeight="1" thickBot="1" x14ac:dyDescent="0.25">
      <c r="E41" s="67" t="s">
        <v>37</v>
      </c>
      <c r="F41" s="47">
        <v>1078</v>
      </c>
      <c r="G41" s="47">
        <v>509</v>
      </c>
      <c r="H41" s="47">
        <v>413</v>
      </c>
      <c r="I41" s="48">
        <v>156</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6">
        <f>第１表!F2</f>
        <v>6</v>
      </c>
      <c r="K1" s="446"/>
      <c r="L1" s="18">
        <f>第１表!G2</f>
        <v>5</v>
      </c>
      <c r="M1" s="451">
        <f>IF(L1&lt;3,L1+12-2,L1-2)</f>
        <v>3</v>
      </c>
      <c r="N1" s="451"/>
    </row>
    <row r="2" spans="2:112" ht="24" customHeight="1" thickBot="1" x14ac:dyDescent="0.25">
      <c r="B2" s="142" t="s">
        <v>128</v>
      </c>
    </row>
    <row r="3" spans="2:112" ht="21" customHeight="1" thickBot="1" x14ac:dyDescent="0.25">
      <c r="B3" s="488"/>
      <c r="C3" s="491" t="s">
        <v>111</v>
      </c>
      <c r="D3" s="491"/>
      <c r="E3" s="491"/>
      <c r="F3" s="491"/>
      <c r="G3" s="491"/>
      <c r="H3" s="491"/>
      <c r="I3" s="491"/>
      <c r="J3" s="491"/>
      <c r="K3" s="491"/>
      <c r="L3" s="491"/>
      <c r="M3" s="492"/>
      <c r="N3" s="486" t="s">
        <v>110</v>
      </c>
      <c r="O3" s="486"/>
      <c r="P3" s="486"/>
      <c r="Q3" s="486"/>
      <c r="R3" s="486"/>
      <c r="S3" s="486"/>
      <c r="T3" s="486"/>
      <c r="U3" s="486"/>
      <c r="V3" s="486"/>
      <c r="W3" s="486"/>
      <c r="X3" s="487"/>
      <c r="Y3" s="485" t="s">
        <v>109</v>
      </c>
      <c r="Z3" s="486"/>
      <c r="AA3" s="486"/>
      <c r="AB3" s="486"/>
      <c r="AC3" s="486"/>
      <c r="AD3" s="486"/>
      <c r="AE3" s="486"/>
      <c r="AF3" s="486"/>
      <c r="AG3" s="486"/>
      <c r="AH3" s="486"/>
      <c r="AI3" s="487"/>
      <c r="AJ3" s="485" t="s">
        <v>108</v>
      </c>
      <c r="AK3" s="486"/>
      <c r="AL3" s="486"/>
      <c r="AM3" s="486"/>
      <c r="AN3" s="486"/>
      <c r="AO3" s="486"/>
      <c r="AP3" s="486"/>
      <c r="AQ3" s="486"/>
      <c r="AR3" s="486"/>
      <c r="AS3" s="486"/>
      <c r="AT3" s="487"/>
      <c r="AU3" s="485" t="s">
        <v>107</v>
      </c>
      <c r="AV3" s="486"/>
      <c r="AW3" s="486"/>
      <c r="AX3" s="486"/>
      <c r="AY3" s="486"/>
      <c r="AZ3" s="486"/>
      <c r="BA3" s="486"/>
      <c r="BB3" s="486"/>
      <c r="BC3" s="486"/>
      <c r="BD3" s="486"/>
      <c r="BE3" s="487"/>
      <c r="BF3" s="485" t="s">
        <v>106</v>
      </c>
      <c r="BG3" s="486"/>
      <c r="BH3" s="486"/>
      <c r="BI3" s="486"/>
      <c r="BJ3" s="486"/>
      <c r="BK3" s="486"/>
      <c r="BL3" s="486"/>
      <c r="BM3" s="486"/>
      <c r="BN3" s="486"/>
      <c r="BO3" s="486"/>
      <c r="BP3" s="487"/>
      <c r="BQ3" s="485" t="s">
        <v>105</v>
      </c>
      <c r="BR3" s="486"/>
      <c r="BS3" s="486"/>
      <c r="BT3" s="486"/>
      <c r="BU3" s="486"/>
      <c r="BV3" s="486"/>
      <c r="BW3" s="486"/>
      <c r="BX3" s="486"/>
      <c r="BY3" s="486"/>
      <c r="BZ3" s="486"/>
      <c r="CA3" s="487"/>
      <c r="CB3" s="485" t="s">
        <v>125</v>
      </c>
      <c r="CC3" s="486"/>
      <c r="CD3" s="486"/>
      <c r="CE3" s="486"/>
      <c r="CF3" s="486"/>
      <c r="CG3" s="486"/>
      <c r="CH3" s="486"/>
      <c r="CI3" s="486"/>
      <c r="CJ3" s="486"/>
      <c r="CK3" s="486"/>
      <c r="CL3" s="487"/>
      <c r="CM3" s="485" t="s">
        <v>158</v>
      </c>
      <c r="CN3" s="486"/>
      <c r="CO3" s="486"/>
      <c r="CP3" s="486"/>
      <c r="CQ3" s="486"/>
      <c r="CR3" s="486"/>
      <c r="CS3" s="486"/>
      <c r="CT3" s="486"/>
      <c r="CU3" s="486"/>
      <c r="CV3" s="486"/>
      <c r="CW3" s="487"/>
      <c r="CX3" s="485" t="s">
        <v>154</v>
      </c>
      <c r="CY3" s="486"/>
      <c r="CZ3" s="486"/>
      <c r="DA3" s="486"/>
      <c r="DB3" s="486"/>
      <c r="DC3" s="486"/>
      <c r="DD3" s="486"/>
      <c r="DE3" s="486"/>
      <c r="DF3" s="486"/>
      <c r="DG3" s="486"/>
      <c r="DH3" s="487"/>
    </row>
    <row r="4" spans="2:112" ht="21" customHeight="1" x14ac:dyDescent="0.2">
      <c r="B4" s="489"/>
      <c r="C4" s="493" t="s">
        <v>61</v>
      </c>
      <c r="D4" s="470"/>
      <c r="E4" s="471"/>
      <c r="F4" s="472" t="s">
        <v>62</v>
      </c>
      <c r="G4" s="470"/>
      <c r="H4" s="470"/>
      <c r="I4" s="470"/>
      <c r="J4" s="470"/>
      <c r="K4" s="470"/>
      <c r="L4" s="475"/>
      <c r="M4" s="473" t="s">
        <v>52</v>
      </c>
      <c r="N4" s="493" t="s">
        <v>61</v>
      </c>
      <c r="O4" s="470"/>
      <c r="P4" s="471"/>
      <c r="Q4" s="472" t="s">
        <v>62</v>
      </c>
      <c r="R4" s="470"/>
      <c r="S4" s="470"/>
      <c r="T4" s="470"/>
      <c r="U4" s="470"/>
      <c r="V4" s="470"/>
      <c r="W4" s="471"/>
      <c r="X4" s="473" t="s">
        <v>52</v>
      </c>
      <c r="Y4" s="469" t="s">
        <v>61</v>
      </c>
      <c r="Z4" s="470"/>
      <c r="AA4" s="475"/>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69" t="s">
        <v>61</v>
      </c>
      <c r="AV4" s="470"/>
      <c r="AW4" s="475"/>
      <c r="AX4" s="472" t="s">
        <v>62</v>
      </c>
      <c r="AY4" s="470"/>
      <c r="AZ4" s="470"/>
      <c r="BA4" s="470"/>
      <c r="BB4" s="470"/>
      <c r="BC4" s="470"/>
      <c r="BD4" s="475"/>
      <c r="BE4" s="473" t="s">
        <v>52</v>
      </c>
      <c r="BF4" s="469" t="s">
        <v>61</v>
      </c>
      <c r="BG4" s="470"/>
      <c r="BH4" s="471"/>
      <c r="BI4" s="472" t="s">
        <v>62</v>
      </c>
      <c r="BJ4" s="470"/>
      <c r="BK4" s="470"/>
      <c r="BL4" s="470"/>
      <c r="BM4" s="470"/>
      <c r="BN4" s="470"/>
      <c r="BO4" s="471"/>
      <c r="BP4" s="473" t="s">
        <v>52</v>
      </c>
      <c r="BQ4" s="469" t="s">
        <v>61</v>
      </c>
      <c r="BR4" s="470"/>
      <c r="BS4" s="471"/>
      <c r="BT4" s="472" t="s">
        <v>62</v>
      </c>
      <c r="BU4" s="470"/>
      <c r="BV4" s="470"/>
      <c r="BW4" s="470"/>
      <c r="BX4" s="470"/>
      <c r="BY4" s="470"/>
      <c r="BZ4" s="471"/>
      <c r="CA4" s="473" t="s">
        <v>52</v>
      </c>
      <c r="CB4" s="469" t="s">
        <v>61</v>
      </c>
      <c r="CC4" s="470"/>
      <c r="CD4" s="471"/>
      <c r="CE4" s="472" t="s">
        <v>62</v>
      </c>
      <c r="CF4" s="470"/>
      <c r="CG4" s="470"/>
      <c r="CH4" s="470"/>
      <c r="CI4" s="470"/>
      <c r="CJ4" s="470"/>
      <c r="CK4" s="471"/>
      <c r="CL4" s="473" t="s">
        <v>52</v>
      </c>
      <c r="CM4" s="469" t="s">
        <v>61</v>
      </c>
      <c r="CN4" s="470"/>
      <c r="CO4" s="471"/>
      <c r="CP4" s="472" t="s">
        <v>62</v>
      </c>
      <c r="CQ4" s="470"/>
      <c r="CR4" s="470"/>
      <c r="CS4" s="470"/>
      <c r="CT4" s="470"/>
      <c r="CU4" s="470"/>
      <c r="CV4" s="471"/>
      <c r="CW4" s="473" t="s">
        <v>52</v>
      </c>
      <c r="CX4" s="469" t="s">
        <v>61</v>
      </c>
      <c r="CY4" s="470"/>
      <c r="CZ4" s="471"/>
      <c r="DA4" s="472" t="s">
        <v>62</v>
      </c>
      <c r="DB4" s="470"/>
      <c r="DC4" s="470"/>
      <c r="DD4" s="470"/>
      <c r="DE4" s="470"/>
      <c r="DF4" s="470"/>
      <c r="DG4" s="471"/>
      <c r="DH4" s="473" t="s">
        <v>52</v>
      </c>
    </row>
    <row r="5" spans="2:112" ht="30" customHeight="1" thickBot="1" x14ac:dyDescent="0.25">
      <c r="B5" s="490"/>
      <c r="C5" s="204" t="s">
        <v>43</v>
      </c>
      <c r="D5" s="178" t="s">
        <v>44</v>
      </c>
      <c r="E5" s="179" t="s">
        <v>45</v>
      </c>
      <c r="F5" s="180" t="s">
        <v>83</v>
      </c>
      <c r="G5" s="178" t="s">
        <v>47</v>
      </c>
      <c r="H5" s="178" t="s">
        <v>48</v>
      </c>
      <c r="I5" s="178" t="s">
        <v>49</v>
      </c>
      <c r="J5" s="178" t="s">
        <v>50</v>
      </c>
      <c r="K5" s="178" t="s">
        <v>51</v>
      </c>
      <c r="L5" s="181" t="s">
        <v>45</v>
      </c>
      <c r="M5" s="474"/>
      <c r="N5" s="204" t="s">
        <v>43</v>
      </c>
      <c r="O5" s="178" t="s">
        <v>44</v>
      </c>
      <c r="P5" s="182" t="s">
        <v>45</v>
      </c>
      <c r="Q5" s="180" t="s">
        <v>83</v>
      </c>
      <c r="R5" s="178" t="s">
        <v>47</v>
      </c>
      <c r="S5" s="178" t="s">
        <v>48</v>
      </c>
      <c r="T5" s="178" t="s">
        <v>49</v>
      </c>
      <c r="U5" s="178" t="s">
        <v>50</v>
      </c>
      <c r="V5" s="178" t="s">
        <v>51</v>
      </c>
      <c r="W5" s="182" t="s">
        <v>45</v>
      </c>
      <c r="X5" s="474"/>
      <c r="Y5" s="177" t="s">
        <v>43</v>
      </c>
      <c r="Z5" s="178" t="s">
        <v>44</v>
      </c>
      <c r="AA5" s="181"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1" t="s">
        <v>45</v>
      </c>
      <c r="AX5" s="180" t="s">
        <v>83</v>
      </c>
      <c r="AY5" s="178" t="s">
        <v>47</v>
      </c>
      <c r="AZ5" s="178" t="s">
        <v>48</v>
      </c>
      <c r="BA5" s="178" t="s">
        <v>49</v>
      </c>
      <c r="BB5" s="178" t="s">
        <v>50</v>
      </c>
      <c r="BC5" s="178" t="s">
        <v>51</v>
      </c>
      <c r="BD5" s="181" t="s">
        <v>45</v>
      </c>
      <c r="BE5" s="474"/>
      <c r="BF5" s="177" t="s">
        <v>43</v>
      </c>
      <c r="BG5" s="178" t="s">
        <v>44</v>
      </c>
      <c r="BH5" s="182" t="s">
        <v>45</v>
      </c>
      <c r="BI5" s="180" t="s">
        <v>83</v>
      </c>
      <c r="BJ5" s="178" t="s">
        <v>47</v>
      </c>
      <c r="BK5" s="178" t="s">
        <v>48</v>
      </c>
      <c r="BL5" s="178" t="s">
        <v>49</v>
      </c>
      <c r="BM5" s="178" t="s">
        <v>50</v>
      </c>
      <c r="BN5" s="178" t="s">
        <v>51</v>
      </c>
      <c r="BO5" s="182" t="s">
        <v>45</v>
      </c>
      <c r="BP5" s="474"/>
      <c r="BQ5" s="177" t="s">
        <v>43</v>
      </c>
      <c r="BR5" s="178" t="s">
        <v>44</v>
      </c>
      <c r="BS5" s="182" t="s">
        <v>45</v>
      </c>
      <c r="BT5" s="180" t="s">
        <v>83</v>
      </c>
      <c r="BU5" s="178" t="s">
        <v>47</v>
      </c>
      <c r="BV5" s="178" t="s">
        <v>48</v>
      </c>
      <c r="BW5" s="178" t="s">
        <v>49</v>
      </c>
      <c r="BX5" s="178" t="s">
        <v>50</v>
      </c>
      <c r="BY5" s="178" t="s">
        <v>51</v>
      </c>
      <c r="BZ5" s="182" t="s">
        <v>45</v>
      </c>
      <c r="CA5" s="474"/>
      <c r="CB5" s="177" t="s">
        <v>43</v>
      </c>
      <c r="CC5" s="178" t="s">
        <v>44</v>
      </c>
      <c r="CD5" s="182" t="s">
        <v>45</v>
      </c>
      <c r="CE5" s="180" t="s">
        <v>83</v>
      </c>
      <c r="CF5" s="178" t="s">
        <v>47</v>
      </c>
      <c r="CG5" s="178" t="s">
        <v>48</v>
      </c>
      <c r="CH5" s="178" t="s">
        <v>49</v>
      </c>
      <c r="CI5" s="178" t="s">
        <v>50</v>
      </c>
      <c r="CJ5" s="178" t="s">
        <v>51</v>
      </c>
      <c r="CK5" s="182" t="s">
        <v>45</v>
      </c>
      <c r="CL5" s="474"/>
      <c r="CM5" s="177" t="s">
        <v>43</v>
      </c>
      <c r="CN5" s="178" t="s">
        <v>44</v>
      </c>
      <c r="CO5" s="182" t="s">
        <v>45</v>
      </c>
      <c r="CP5" s="180" t="s">
        <v>83</v>
      </c>
      <c r="CQ5" s="178" t="s">
        <v>47</v>
      </c>
      <c r="CR5" s="178" t="s">
        <v>48</v>
      </c>
      <c r="CS5" s="178" t="s">
        <v>49</v>
      </c>
      <c r="CT5" s="178" t="s">
        <v>50</v>
      </c>
      <c r="CU5" s="178" t="s">
        <v>51</v>
      </c>
      <c r="CV5" s="182" t="s">
        <v>45</v>
      </c>
      <c r="CW5" s="474"/>
      <c r="CX5" s="177" t="s">
        <v>43</v>
      </c>
      <c r="CY5" s="178" t="s">
        <v>44</v>
      </c>
      <c r="CZ5" s="182" t="s">
        <v>45</v>
      </c>
      <c r="DA5" s="180" t="s">
        <v>83</v>
      </c>
      <c r="DB5" s="178" t="s">
        <v>47</v>
      </c>
      <c r="DC5" s="178" t="s">
        <v>48</v>
      </c>
      <c r="DD5" s="178" t="s">
        <v>49</v>
      </c>
      <c r="DE5" s="178" t="s">
        <v>50</v>
      </c>
      <c r="DF5" s="178" t="s">
        <v>51</v>
      </c>
      <c r="DG5" s="182" t="s">
        <v>45</v>
      </c>
      <c r="DH5" s="474"/>
    </row>
    <row r="6" spans="2:112" ht="21" customHeight="1" x14ac:dyDescent="0.2">
      <c r="B6" s="84" t="s">
        <v>4</v>
      </c>
      <c r="C6" s="183">
        <v>0</v>
      </c>
      <c r="D6" s="184">
        <v>0</v>
      </c>
      <c r="E6" s="185">
        <v>0</v>
      </c>
      <c r="F6" s="186">
        <v>0</v>
      </c>
      <c r="G6" s="184">
        <v>13447</v>
      </c>
      <c r="H6" s="184">
        <v>19546</v>
      </c>
      <c r="I6" s="184">
        <v>19833</v>
      </c>
      <c r="J6" s="184">
        <v>23272</v>
      </c>
      <c r="K6" s="184">
        <v>21977</v>
      </c>
      <c r="L6" s="187">
        <v>98075</v>
      </c>
      <c r="M6" s="188">
        <v>98075</v>
      </c>
      <c r="N6" s="183">
        <v>0</v>
      </c>
      <c r="O6" s="184">
        <v>3</v>
      </c>
      <c r="P6" s="189">
        <v>3</v>
      </c>
      <c r="Q6" s="186">
        <v>0</v>
      </c>
      <c r="R6" s="184">
        <v>21</v>
      </c>
      <c r="S6" s="184">
        <v>126</v>
      </c>
      <c r="T6" s="184">
        <v>227</v>
      </c>
      <c r="U6" s="184">
        <v>538</v>
      </c>
      <c r="V6" s="184">
        <v>929</v>
      </c>
      <c r="W6" s="189">
        <v>1841</v>
      </c>
      <c r="X6" s="188">
        <v>1844</v>
      </c>
      <c r="Y6" s="183">
        <v>1013</v>
      </c>
      <c r="Z6" s="184">
        <v>3023</v>
      </c>
      <c r="AA6" s="189">
        <v>4036</v>
      </c>
      <c r="AB6" s="186">
        <v>0</v>
      </c>
      <c r="AC6" s="184">
        <v>8092</v>
      </c>
      <c r="AD6" s="184">
        <v>13087</v>
      </c>
      <c r="AE6" s="184">
        <v>8320</v>
      </c>
      <c r="AF6" s="184">
        <v>6338</v>
      </c>
      <c r="AG6" s="184">
        <v>4298</v>
      </c>
      <c r="AH6" s="189">
        <v>40135</v>
      </c>
      <c r="AI6" s="188">
        <v>44171</v>
      </c>
      <c r="AJ6" s="183">
        <v>223</v>
      </c>
      <c r="AK6" s="184">
        <v>638</v>
      </c>
      <c r="AL6" s="189">
        <v>861</v>
      </c>
      <c r="AM6" s="186">
        <v>0</v>
      </c>
      <c r="AN6" s="184">
        <v>1113</v>
      </c>
      <c r="AO6" s="184">
        <v>1228</v>
      </c>
      <c r="AP6" s="184">
        <v>1006</v>
      </c>
      <c r="AQ6" s="184">
        <v>773</v>
      </c>
      <c r="AR6" s="184">
        <v>466</v>
      </c>
      <c r="AS6" s="189">
        <v>4586</v>
      </c>
      <c r="AT6" s="188">
        <v>5447</v>
      </c>
      <c r="AU6" s="183">
        <v>0</v>
      </c>
      <c r="AV6" s="184">
        <v>0</v>
      </c>
      <c r="AW6" s="189">
        <v>0</v>
      </c>
      <c r="AX6" s="186">
        <v>0</v>
      </c>
      <c r="AY6" s="184">
        <v>12659</v>
      </c>
      <c r="AZ6" s="184">
        <v>12115</v>
      </c>
      <c r="BA6" s="184">
        <v>7006</v>
      </c>
      <c r="BB6" s="184">
        <v>3257</v>
      </c>
      <c r="BC6" s="184">
        <v>1235</v>
      </c>
      <c r="BD6" s="187">
        <v>36272</v>
      </c>
      <c r="BE6" s="188">
        <v>36272</v>
      </c>
      <c r="BF6" s="183">
        <v>0</v>
      </c>
      <c r="BG6" s="184">
        <v>0</v>
      </c>
      <c r="BH6" s="189">
        <v>0</v>
      </c>
      <c r="BI6" s="186">
        <v>0</v>
      </c>
      <c r="BJ6" s="184">
        <v>2609</v>
      </c>
      <c r="BK6" s="184">
        <v>3824</v>
      </c>
      <c r="BL6" s="184">
        <v>2254</v>
      </c>
      <c r="BM6" s="184">
        <v>1273</v>
      </c>
      <c r="BN6" s="184">
        <v>271</v>
      </c>
      <c r="BO6" s="189">
        <v>10231</v>
      </c>
      <c r="BP6" s="188">
        <v>10231</v>
      </c>
      <c r="BQ6" s="183">
        <v>39</v>
      </c>
      <c r="BR6" s="184">
        <v>80</v>
      </c>
      <c r="BS6" s="189">
        <v>119</v>
      </c>
      <c r="BT6" s="186">
        <v>0</v>
      </c>
      <c r="BU6" s="184">
        <v>1178</v>
      </c>
      <c r="BV6" s="184">
        <v>1911</v>
      </c>
      <c r="BW6" s="184">
        <v>3254</v>
      </c>
      <c r="BX6" s="184">
        <v>2948</v>
      </c>
      <c r="BY6" s="184">
        <v>978</v>
      </c>
      <c r="BZ6" s="189">
        <v>10269</v>
      </c>
      <c r="CA6" s="188">
        <v>10388</v>
      </c>
      <c r="CB6" s="183">
        <v>0</v>
      </c>
      <c r="CC6" s="184">
        <v>28</v>
      </c>
      <c r="CD6" s="189">
        <v>28</v>
      </c>
      <c r="CE6" s="186">
        <v>0</v>
      </c>
      <c r="CF6" s="184">
        <v>107</v>
      </c>
      <c r="CG6" s="184">
        <v>229</v>
      </c>
      <c r="CH6" s="184">
        <v>464</v>
      </c>
      <c r="CI6" s="184">
        <v>280</v>
      </c>
      <c r="CJ6" s="184">
        <v>81</v>
      </c>
      <c r="CK6" s="189">
        <v>1161</v>
      </c>
      <c r="CL6" s="188">
        <v>1189</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4872</v>
      </c>
      <c r="H7" s="191">
        <v>8918</v>
      </c>
      <c r="I7" s="191">
        <v>9173</v>
      </c>
      <c r="J7" s="191">
        <v>9897</v>
      </c>
      <c r="K7" s="191">
        <v>8182</v>
      </c>
      <c r="L7" s="194">
        <v>41042</v>
      </c>
      <c r="M7" s="195">
        <v>41042</v>
      </c>
      <c r="N7" s="190">
        <v>0</v>
      </c>
      <c r="O7" s="191">
        <v>3</v>
      </c>
      <c r="P7" s="196">
        <v>3</v>
      </c>
      <c r="Q7" s="193">
        <v>0</v>
      </c>
      <c r="R7" s="191">
        <v>11</v>
      </c>
      <c r="S7" s="191">
        <v>48</v>
      </c>
      <c r="T7" s="191">
        <v>92</v>
      </c>
      <c r="U7" s="191">
        <v>264</v>
      </c>
      <c r="V7" s="191">
        <v>429</v>
      </c>
      <c r="W7" s="196">
        <v>844</v>
      </c>
      <c r="X7" s="195">
        <v>847</v>
      </c>
      <c r="Y7" s="190">
        <v>475</v>
      </c>
      <c r="Z7" s="191">
        <v>1792</v>
      </c>
      <c r="AA7" s="196">
        <v>2267</v>
      </c>
      <c r="AB7" s="193">
        <v>0</v>
      </c>
      <c r="AC7" s="191">
        <v>3174</v>
      </c>
      <c r="AD7" s="191">
        <v>7249</v>
      </c>
      <c r="AE7" s="191">
        <v>4658</v>
      </c>
      <c r="AF7" s="191">
        <v>3245</v>
      </c>
      <c r="AG7" s="191">
        <v>1937</v>
      </c>
      <c r="AH7" s="196">
        <v>20263</v>
      </c>
      <c r="AI7" s="195">
        <v>22530</v>
      </c>
      <c r="AJ7" s="190">
        <v>68</v>
      </c>
      <c r="AK7" s="191">
        <v>348</v>
      </c>
      <c r="AL7" s="196">
        <v>416</v>
      </c>
      <c r="AM7" s="193">
        <v>0</v>
      </c>
      <c r="AN7" s="191">
        <v>330</v>
      </c>
      <c r="AO7" s="191">
        <v>557</v>
      </c>
      <c r="AP7" s="191">
        <v>422</v>
      </c>
      <c r="AQ7" s="191">
        <v>330</v>
      </c>
      <c r="AR7" s="191">
        <v>194</v>
      </c>
      <c r="AS7" s="196">
        <v>1833</v>
      </c>
      <c r="AT7" s="195">
        <v>2249</v>
      </c>
      <c r="AU7" s="190">
        <v>0</v>
      </c>
      <c r="AV7" s="191">
        <v>0</v>
      </c>
      <c r="AW7" s="196">
        <v>0</v>
      </c>
      <c r="AX7" s="193">
        <v>0</v>
      </c>
      <c r="AY7" s="191">
        <v>4391</v>
      </c>
      <c r="AZ7" s="191">
        <v>4892</v>
      </c>
      <c r="BA7" s="191">
        <v>2810</v>
      </c>
      <c r="BB7" s="191">
        <v>1265</v>
      </c>
      <c r="BC7" s="191">
        <v>596</v>
      </c>
      <c r="BD7" s="194">
        <v>13954</v>
      </c>
      <c r="BE7" s="195">
        <v>13954</v>
      </c>
      <c r="BF7" s="190">
        <v>0</v>
      </c>
      <c r="BG7" s="191">
        <v>0</v>
      </c>
      <c r="BH7" s="196">
        <v>0</v>
      </c>
      <c r="BI7" s="193">
        <v>0</v>
      </c>
      <c r="BJ7" s="191">
        <v>854</v>
      </c>
      <c r="BK7" s="191">
        <v>1793</v>
      </c>
      <c r="BL7" s="191">
        <v>1120</v>
      </c>
      <c r="BM7" s="191">
        <v>666</v>
      </c>
      <c r="BN7" s="191">
        <v>105</v>
      </c>
      <c r="BO7" s="196">
        <v>4538</v>
      </c>
      <c r="BP7" s="195">
        <v>4538</v>
      </c>
      <c r="BQ7" s="190">
        <v>9</v>
      </c>
      <c r="BR7" s="191">
        <v>40</v>
      </c>
      <c r="BS7" s="196">
        <v>49</v>
      </c>
      <c r="BT7" s="193">
        <v>0</v>
      </c>
      <c r="BU7" s="191">
        <v>432</v>
      </c>
      <c r="BV7" s="191">
        <v>653</v>
      </c>
      <c r="BW7" s="191">
        <v>1266</v>
      </c>
      <c r="BX7" s="191">
        <v>1290</v>
      </c>
      <c r="BY7" s="191">
        <v>356</v>
      </c>
      <c r="BZ7" s="196">
        <v>3997</v>
      </c>
      <c r="CA7" s="195">
        <v>4046</v>
      </c>
      <c r="CB7" s="190">
        <v>0</v>
      </c>
      <c r="CC7" s="191">
        <v>25</v>
      </c>
      <c r="CD7" s="196">
        <v>25</v>
      </c>
      <c r="CE7" s="193">
        <v>0</v>
      </c>
      <c r="CF7" s="191">
        <v>65</v>
      </c>
      <c r="CG7" s="191">
        <v>153</v>
      </c>
      <c r="CH7" s="191">
        <v>297</v>
      </c>
      <c r="CI7" s="191">
        <v>190</v>
      </c>
      <c r="CJ7" s="191">
        <v>67</v>
      </c>
      <c r="CK7" s="196">
        <v>772</v>
      </c>
      <c r="CL7" s="195">
        <v>797</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2121</v>
      </c>
      <c r="H8" s="191">
        <v>2396</v>
      </c>
      <c r="I8" s="191">
        <v>1532</v>
      </c>
      <c r="J8" s="191">
        <v>2100</v>
      </c>
      <c r="K8" s="191">
        <v>3123</v>
      </c>
      <c r="L8" s="194">
        <v>11272</v>
      </c>
      <c r="M8" s="195">
        <v>11272</v>
      </c>
      <c r="N8" s="190">
        <v>0</v>
      </c>
      <c r="O8" s="191">
        <v>0</v>
      </c>
      <c r="P8" s="196">
        <v>0</v>
      </c>
      <c r="Q8" s="193">
        <v>0</v>
      </c>
      <c r="R8" s="191">
        <v>1</v>
      </c>
      <c r="S8" s="191">
        <v>4</v>
      </c>
      <c r="T8" s="191">
        <v>25</v>
      </c>
      <c r="U8" s="191">
        <v>28</v>
      </c>
      <c r="V8" s="191">
        <v>99</v>
      </c>
      <c r="W8" s="196">
        <v>157</v>
      </c>
      <c r="X8" s="195">
        <v>157</v>
      </c>
      <c r="Y8" s="190">
        <v>80</v>
      </c>
      <c r="Z8" s="191">
        <v>375</v>
      </c>
      <c r="AA8" s="196">
        <v>455</v>
      </c>
      <c r="AB8" s="193">
        <v>0</v>
      </c>
      <c r="AC8" s="191">
        <v>1588</v>
      </c>
      <c r="AD8" s="191">
        <v>1889</v>
      </c>
      <c r="AE8" s="191">
        <v>766</v>
      </c>
      <c r="AF8" s="191">
        <v>819</v>
      </c>
      <c r="AG8" s="191">
        <v>571</v>
      </c>
      <c r="AH8" s="196">
        <v>5633</v>
      </c>
      <c r="AI8" s="195">
        <v>6088</v>
      </c>
      <c r="AJ8" s="190">
        <v>16</v>
      </c>
      <c r="AK8" s="191">
        <v>55</v>
      </c>
      <c r="AL8" s="196">
        <v>71</v>
      </c>
      <c r="AM8" s="193">
        <v>0</v>
      </c>
      <c r="AN8" s="191">
        <v>257</v>
      </c>
      <c r="AO8" s="191">
        <v>151</v>
      </c>
      <c r="AP8" s="191">
        <v>141</v>
      </c>
      <c r="AQ8" s="191">
        <v>74</v>
      </c>
      <c r="AR8" s="191">
        <v>95</v>
      </c>
      <c r="AS8" s="196">
        <v>718</v>
      </c>
      <c r="AT8" s="195">
        <v>789</v>
      </c>
      <c r="AU8" s="190">
        <v>0</v>
      </c>
      <c r="AV8" s="191">
        <v>0</v>
      </c>
      <c r="AW8" s="196">
        <v>0</v>
      </c>
      <c r="AX8" s="193">
        <v>0</v>
      </c>
      <c r="AY8" s="191">
        <v>1735</v>
      </c>
      <c r="AZ8" s="191">
        <v>1686</v>
      </c>
      <c r="BA8" s="191">
        <v>820</v>
      </c>
      <c r="BB8" s="191">
        <v>427</v>
      </c>
      <c r="BC8" s="191">
        <v>205</v>
      </c>
      <c r="BD8" s="194">
        <v>4873</v>
      </c>
      <c r="BE8" s="195">
        <v>4873</v>
      </c>
      <c r="BF8" s="190">
        <v>0</v>
      </c>
      <c r="BG8" s="191">
        <v>0</v>
      </c>
      <c r="BH8" s="196">
        <v>0</v>
      </c>
      <c r="BI8" s="193">
        <v>0</v>
      </c>
      <c r="BJ8" s="191">
        <v>325</v>
      </c>
      <c r="BK8" s="191">
        <v>437</v>
      </c>
      <c r="BL8" s="191">
        <v>252</v>
      </c>
      <c r="BM8" s="191">
        <v>137</v>
      </c>
      <c r="BN8" s="191">
        <v>36</v>
      </c>
      <c r="BO8" s="196">
        <v>1187</v>
      </c>
      <c r="BP8" s="195">
        <v>1187</v>
      </c>
      <c r="BQ8" s="190">
        <v>0</v>
      </c>
      <c r="BR8" s="191">
        <v>9</v>
      </c>
      <c r="BS8" s="196">
        <v>9</v>
      </c>
      <c r="BT8" s="193">
        <v>0</v>
      </c>
      <c r="BU8" s="191">
        <v>89</v>
      </c>
      <c r="BV8" s="191">
        <v>183</v>
      </c>
      <c r="BW8" s="191">
        <v>213</v>
      </c>
      <c r="BX8" s="191">
        <v>243</v>
      </c>
      <c r="BY8" s="191">
        <v>92</v>
      </c>
      <c r="BZ8" s="196">
        <v>820</v>
      </c>
      <c r="CA8" s="195">
        <v>829</v>
      </c>
      <c r="CB8" s="190">
        <v>0</v>
      </c>
      <c r="CC8" s="191">
        <v>0</v>
      </c>
      <c r="CD8" s="196">
        <v>0</v>
      </c>
      <c r="CE8" s="193">
        <v>0</v>
      </c>
      <c r="CF8" s="191">
        <v>13</v>
      </c>
      <c r="CG8" s="191">
        <v>23</v>
      </c>
      <c r="CH8" s="191">
        <v>45</v>
      </c>
      <c r="CI8" s="191">
        <v>36</v>
      </c>
      <c r="CJ8" s="191">
        <v>11</v>
      </c>
      <c r="CK8" s="196">
        <v>128</v>
      </c>
      <c r="CL8" s="195">
        <v>128</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03</v>
      </c>
      <c r="H9" s="191">
        <v>1379</v>
      </c>
      <c r="I9" s="191">
        <v>1299</v>
      </c>
      <c r="J9" s="191">
        <v>1793</v>
      </c>
      <c r="K9" s="191">
        <v>1846</v>
      </c>
      <c r="L9" s="194">
        <v>6920</v>
      </c>
      <c r="M9" s="195">
        <v>6920</v>
      </c>
      <c r="N9" s="190">
        <v>0</v>
      </c>
      <c r="O9" s="191">
        <v>0</v>
      </c>
      <c r="P9" s="196">
        <v>0</v>
      </c>
      <c r="Q9" s="193">
        <v>0</v>
      </c>
      <c r="R9" s="191">
        <v>0</v>
      </c>
      <c r="S9" s="191">
        <v>7</v>
      </c>
      <c r="T9" s="191">
        <v>20</v>
      </c>
      <c r="U9" s="191">
        <v>27</v>
      </c>
      <c r="V9" s="191">
        <v>38</v>
      </c>
      <c r="W9" s="196">
        <v>92</v>
      </c>
      <c r="X9" s="195">
        <v>92</v>
      </c>
      <c r="Y9" s="190">
        <v>88</v>
      </c>
      <c r="Z9" s="191">
        <v>190</v>
      </c>
      <c r="AA9" s="196">
        <v>278</v>
      </c>
      <c r="AB9" s="193">
        <v>0</v>
      </c>
      <c r="AC9" s="191">
        <v>377</v>
      </c>
      <c r="AD9" s="191">
        <v>769</v>
      </c>
      <c r="AE9" s="191">
        <v>661</v>
      </c>
      <c r="AF9" s="191">
        <v>387</v>
      </c>
      <c r="AG9" s="191">
        <v>279</v>
      </c>
      <c r="AH9" s="196">
        <v>2473</v>
      </c>
      <c r="AI9" s="195">
        <v>2751</v>
      </c>
      <c r="AJ9" s="190">
        <v>12</v>
      </c>
      <c r="AK9" s="191">
        <v>29</v>
      </c>
      <c r="AL9" s="196">
        <v>41</v>
      </c>
      <c r="AM9" s="193">
        <v>0</v>
      </c>
      <c r="AN9" s="191">
        <v>0</v>
      </c>
      <c r="AO9" s="191">
        <v>38</v>
      </c>
      <c r="AP9" s="191">
        <v>25</v>
      </c>
      <c r="AQ9" s="191">
        <v>70</v>
      </c>
      <c r="AR9" s="191">
        <v>0</v>
      </c>
      <c r="AS9" s="196">
        <v>133</v>
      </c>
      <c r="AT9" s="195">
        <v>174</v>
      </c>
      <c r="AU9" s="190">
        <v>0</v>
      </c>
      <c r="AV9" s="191">
        <v>0</v>
      </c>
      <c r="AW9" s="196">
        <v>0</v>
      </c>
      <c r="AX9" s="193">
        <v>0</v>
      </c>
      <c r="AY9" s="191">
        <v>913</v>
      </c>
      <c r="AZ9" s="191">
        <v>1002</v>
      </c>
      <c r="BA9" s="191">
        <v>913</v>
      </c>
      <c r="BB9" s="191">
        <v>289</v>
      </c>
      <c r="BC9" s="191">
        <v>87</v>
      </c>
      <c r="BD9" s="194">
        <v>3204</v>
      </c>
      <c r="BE9" s="195">
        <v>3204</v>
      </c>
      <c r="BF9" s="190">
        <v>0</v>
      </c>
      <c r="BG9" s="191">
        <v>0</v>
      </c>
      <c r="BH9" s="196">
        <v>0</v>
      </c>
      <c r="BI9" s="193">
        <v>0</v>
      </c>
      <c r="BJ9" s="191">
        <v>90</v>
      </c>
      <c r="BK9" s="191">
        <v>240</v>
      </c>
      <c r="BL9" s="191">
        <v>100</v>
      </c>
      <c r="BM9" s="191">
        <v>48</v>
      </c>
      <c r="BN9" s="191">
        <v>3</v>
      </c>
      <c r="BO9" s="196">
        <v>481</v>
      </c>
      <c r="BP9" s="195">
        <v>481</v>
      </c>
      <c r="BQ9" s="190">
        <v>0</v>
      </c>
      <c r="BR9" s="191">
        <v>0</v>
      </c>
      <c r="BS9" s="196">
        <v>0</v>
      </c>
      <c r="BT9" s="193">
        <v>0</v>
      </c>
      <c r="BU9" s="191">
        <v>56</v>
      </c>
      <c r="BV9" s="191">
        <v>230</v>
      </c>
      <c r="BW9" s="191">
        <v>416</v>
      </c>
      <c r="BX9" s="191">
        <v>272</v>
      </c>
      <c r="BY9" s="191">
        <v>39</v>
      </c>
      <c r="BZ9" s="196">
        <v>1013</v>
      </c>
      <c r="CA9" s="195">
        <v>1013</v>
      </c>
      <c r="CB9" s="190">
        <v>0</v>
      </c>
      <c r="CC9" s="191">
        <v>0</v>
      </c>
      <c r="CD9" s="196">
        <v>0</v>
      </c>
      <c r="CE9" s="193">
        <v>0</v>
      </c>
      <c r="CF9" s="191">
        <v>0</v>
      </c>
      <c r="CG9" s="191">
        <v>0</v>
      </c>
      <c r="CH9" s="191">
        <v>9</v>
      </c>
      <c r="CI9" s="191">
        <v>3</v>
      </c>
      <c r="CJ9" s="191">
        <v>0</v>
      </c>
      <c r="CK9" s="196">
        <v>12</v>
      </c>
      <c r="CL9" s="195">
        <v>12</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389</v>
      </c>
      <c r="H10" s="191">
        <v>1466</v>
      </c>
      <c r="I10" s="191">
        <v>1215</v>
      </c>
      <c r="J10" s="191">
        <v>1625</v>
      </c>
      <c r="K10" s="191">
        <v>1229</v>
      </c>
      <c r="L10" s="194">
        <v>6924</v>
      </c>
      <c r="M10" s="195">
        <v>6924</v>
      </c>
      <c r="N10" s="190">
        <v>0</v>
      </c>
      <c r="O10" s="191">
        <v>0</v>
      </c>
      <c r="P10" s="196">
        <v>0</v>
      </c>
      <c r="Q10" s="193">
        <v>0</v>
      </c>
      <c r="R10" s="191">
        <v>0</v>
      </c>
      <c r="S10" s="191">
        <v>26</v>
      </c>
      <c r="T10" s="191">
        <v>15</v>
      </c>
      <c r="U10" s="191">
        <v>28</v>
      </c>
      <c r="V10" s="191">
        <v>78</v>
      </c>
      <c r="W10" s="196">
        <v>147</v>
      </c>
      <c r="X10" s="195">
        <v>147</v>
      </c>
      <c r="Y10" s="190">
        <v>53</v>
      </c>
      <c r="Z10" s="191">
        <v>22</v>
      </c>
      <c r="AA10" s="196">
        <v>75</v>
      </c>
      <c r="AB10" s="193">
        <v>0</v>
      </c>
      <c r="AC10" s="191">
        <v>472</v>
      </c>
      <c r="AD10" s="191">
        <v>425</v>
      </c>
      <c r="AE10" s="191">
        <v>261</v>
      </c>
      <c r="AF10" s="191">
        <v>141</v>
      </c>
      <c r="AG10" s="191">
        <v>251</v>
      </c>
      <c r="AH10" s="196">
        <v>1550</v>
      </c>
      <c r="AI10" s="195">
        <v>1625</v>
      </c>
      <c r="AJ10" s="190">
        <v>12</v>
      </c>
      <c r="AK10" s="191">
        <v>0</v>
      </c>
      <c r="AL10" s="196">
        <v>12</v>
      </c>
      <c r="AM10" s="193">
        <v>0</v>
      </c>
      <c r="AN10" s="191">
        <v>118</v>
      </c>
      <c r="AO10" s="191">
        <v>53</v>
      </c>
      <c r="AP10" s="191">
        <v>62</v>
      </c>
      <c r="AQ10" s="191">
        <v>48</v>
      </c>
      <c r="AR10" s="191">
        <v>18</v>
      </c>
      <c r="AS10" s="196">
        <v>299</v>
      </c>
      <c r="AT10" s="195">
        <v>311</v>
      </c>
      <c r="AU10" s="190">
        <v>0</v>
      </c>
      <c r="AV10" s="191">
        <v>0</v>
      </c>
      <c r="AW10" s="196">
        <v>0</v>
      </c>
      <c r="AX10" s="193">
        <v>0</v>
      </c>
      <c r="AY10" s="191">
        <v>1292</v>
      </c>
      <c r="AZ10" s="191">
        <v>856</v>
      </c>
      <c r="BA10" s="191">
        <v>347</v>
      </c>
      <c r="BB10" s="191">
        <v>115</v>
      </c>
      <c r="BC10" s="191">
        <v>79</v>
      </c>
      <c r="BD10" s="194">
        <v>2689</v>
      </c>
      <c r="BE10" s="195">
        <v>2689</v>
      </c>
      <c r="BF10" s="190">
        <v>0</v>
      </c>
      <c r="BG10" s="191">
        <v>0</v>
      </c>
      <c r="BH10" s="196">
        <v>0</v>
      </c>
      <c r="BI10" s="193">
        <v>0</v>
      </c>
      <c r="BJ10" s="191">
        <v>178</v>
      </c>
      <c r="BK10" s="191">
        <v>154</v>
      </c>
      <c r="BL10" s="191">
        <v>72</v>
      </c>
      <c r="BM10" s="191">
        <v>36</v>
      </c>
      <c r="BN10" s="191">
        <v>22</v>
      </c>
      <c r="BO10" s="196">
        <v>462</v>
      </c>
      <c r="BP10" s="195">
        <v>462</v>
      </c>
      <c r="BQ10" s="190">
        <v>0</v>
      </c>
      <c r="BR10" s="191">
        <v>0</v>
      </c>
      <c r="BS10" s="196">
        <v>0</v>
      </c>
      <c r="BT10" s="193">
        <v>0</v>
      </c>
      <c r="BU10" s="191">
        <v>152</v>
      </c>
      <c r="BV10" s="191">
        <v>270</v>
      </c>
      <c r="BW10" s="191">
        <v>332</v>
      </c>
      <c r="BX10" s="191">
        <v>116</v>
      </c>
      <c r="BY10" s="191">
        <v>122</v>
      </c>
      <c r="BZ10" s="196">
        <v>992</v>
      </c>
      <c r="CA10" s="195">
        <v>992</v>
      </c>
      <c r="CB10" s="190">
        <v>0</v>
      </c>
      <c r="CC10" s="191">
        <v>0</v>
      </c>
      <c r="CD10" s="196">
        <v>0</v>
      </c>
      <c r="CE10" s="193">
        <v>0</v>
      </c>
      <c r="CF10" s="191">
        <v>6</v>
      </c>
      <c r="CG10" s="191">
        <v>12</v>
      </c>
      <c r="CH10" s="191">
        <v>44</v>
      </c>
      <c r="CI10" s="191">
        <v>7</v>
      </c>
      <c r="CJ10" s="191">
        <v>0</v>
      </c>
      <c r="CK10" s="196">
        <v>69</v>
      </c>
      <c r="CL10" s="195">
        <v>69</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46</v>
      </c>
      <c r="H11" s="191">
        <v>607</v>
      </c>
      <c r="I11" s="191">
        <v>857</v>
      </c>
      <c r="J11" s="191">
        <v>449</v>
      </c>
      <c r="K11" s="191">
        <v>805</v>
      </c>
      <c r="L11" s="194">
        <v>2964</v>
      </c>
      <c r="M11" s="195">
        <v>2964</v>
      </c>
      <c r="N11" s="190">
        <v>0</v>
      </c>
      <c r="O11" s="191">
        <v>0</v>
      </c>
      <c r="P11" s="196">
        <v>0</v>
      </c>
      <c r="Q11" s="193">
        <v>0</v>
      </c>
      <c r="R11" s="191">
        <v>0</v>
      </c>
      <c r="S11" s="191">
        <v>6</v>
      </c>
      <c r="T11" s="191">
        <v>18</v>
      </c>
      <c r="U11" s="191">
        <v>0</v>
      </c>
      <c r="V11" s="191">
        <v>25</v>
      </c>
      <c r="W11" s="196">
        <v>49</v>
      </c>
      <c r="X11" s="195">
        <v>49</v>
      </c>
      <c r="Y11" s="190">
        <v>8</v>
      </c>
      <c r="Z11" s="191">
        <v>8</v>
      </c>
      <c r="AA11" s="196">
        <v>16</v>
      </c>
      <c r="AB11" s="193">
        <v>0</v>
      </c>
      <c r="AC11" s="191">
        <v>39</v>
      </c>
      <c r="AD11" s="191">
        <v>132</v>
      </c>
      <c r="AE11" s="191">
        <v>254</v>
      </c>
      <c r="AF11" s="191">
        <v>68</v>
      </c>
      <c r="AG11" s="191">
        <v>85</v>
      </c>
      <c r="AH11" s="196">
        <v>578</v>
      </c>
      <c r="AI11" s="195">
        <v>594</v>
      </c>
      <c r="AJ11" s="190">
        <v>0</v>
      </c>
      <c r="AK11" s="191">
        <v>0</v>
      </c>
      <c r="AL11" s="196">
        <v>0</v>
      </c>
      <c r="AM11" s="193">
        <v>0</v>
      </c>
      <c r="AN11" s="191">
        <v>60</v>
      </c>
      <c r="AO11" s="191">
        <v>0</v>
      </c>
      <c r="AP11" s="191">
        <v>90</v>
      </c>
      <c r="AQ11" s="191">
        <v>4</v>
      </c>
      <c r="AR11" s="191">
        <v>20</v>
      </c>
      <c r="AS11" s="196">
        <v>174</v>
      </c>
      <c r="AT11" s="195">
        <v>174</v>
      </c>
      <c r="AU11" s="190">
        <v>0</v>
      </c>
      <c r="AV11" s="191">
        <v>0</v>
      </c>
      <c r="AW11" s="196">
        <v>0</v>
      </c>
      <c r="AX11" s="193">
        <v>0</v>
      </c>
      <c r="AY11" s="191">
        <v>293</v>
      </c>
      <c r="AZ11" s="191">
        <v>359</v>
      </c>
      <c r="BA11" s="191">
        <v>193</v>
      </c>
      <c r="BB11" s="191">
        <v>143</v>
      </c>
      <c r="BC11" s="191">
        <v>39</v>
      </c>
      <c r="BD11" s="194">
        <v>1027</v>
      </c>
      <c r="BE11" s="195">
        <v>1027</v>
      </c>
      <c r="BF11" s="190">
        <v>0</v>
      </c>
      <c r="BG11" s="191">
        <v>0</v>
      </c>
      <c r="BH11" s="196">
        <v>0</v>
      </c>
      <c r="BI11" s="193">
        <v>0</v>
      </c>
      <c r="BJ11" s="191">
        <v>76</v>
      </c>
      <c r="BK11" s="191">
        <v>51</v>
      </c>
      <c r="BL11" s="191">
        <v>69</v>
      </c>
      <c r="BM11" s="191">
        <v>13</v>
      </c>
      <c r="BN11" s="191">
        <v>2</v>
      </c>
      <c r="BO11" s="196">
        <v>211</v>
      </c>
      <c r="BP11" s="195">
        <v>211</v>
      </c>
      <c r="BQ11" s="190">
        <v>23</v>
      </c>
      <c r="BR11" s="191">
        <v>10</v>
      </c>
      <c r="BS11" s="196">
        <v>33</v>
      </c>
      <c r="BT11" s="193">
        <v>0</v>
      </c>
      <c r="BU11" s="191">
        <v>46</v>
      </c>
      <c r="BV11" s="191">
        <v>51</v>
      </c>
      <c r="BW11" s="191">
        <v>120</v>
      </c>
      <c r="BX11" s="191">
        <v>73</v>
      </c>
      <c r="BY11" s="191">
        <v>44</v>
      </c>
      <c r="BZ11" s="196">
        <v>334</v>
      </c>
      <c r="CA11" s="195">
        <v>367</v>
      </c>
      <c r="CB11" s="190">
        <v>0</v>
      </c>
      <c r="CC11" s="191">
        <v>0</v>
      </c>
      <c r="CD11" s="196">
        <v>0</v>
      </c>
      <c r="CE11" s="193">
        <v>0</v>
      </c>
      <c r="CF11" s="191">
        <v>0</v>
      </c>
      <c r="CG11" s="191">
        <v>0</v>
      </c>
      <c r="CH11" s="191">
        <v>6</v>
      </c>
      <c r="CI11" s="191">
        <v>0</v>
      </c>
      <c r="CJ11" s="191">
        <v>0</v>
      </c>
      <c r="CK11" s="196">
        <v>6</v>
      </c>
      <c r="CL11" s="195">
        <v>6</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90</v>
      </c>
      <c r="H12" s="191">
        <v>545</v>
      </c>
      <c r="I12" s="191">
        <v>873</v>
      </c>
      <c r="J12" s="191">
        <v>988</v>
      </c>
      <c r="K12" s="191">
        <v>850</v>
      </c>
      <c r="L12" s="194">
        <v>3846</v>
      </c>
      <c r="M12" s="195">
        <v>3846</v>
      </c>
      <c r="N12" s="190">
        <v>0</v>
      </c>
      <c r="O12" s="191">
        <v>0</v>
      </c>
      <c r="P12" s="196">
        <v>0</v>
      </c>
      <c r="Q12" s="193">
        <v>0</v>
      </c>
      <c r="R12" s="191">
        <v>0</v>
      </c>
      <c r="S12" s="191">
        <v>4</v>
      </c>
      <c r="T12" s="191">
        <v>5</v>
      </c>
      <c r="U12" s="191">
        <v>0</v>
      </c>
      <c r="V12" s="191">
        <v>34</v>
      </c>
      <c r="W12" s="196">
        <v>43</v>
      </c>
      <c r="X12" s="195">
        <v>43</v>
      </c>
      <c r="Y12" s="190">
        <v>21</v>
      </c>
      <c r="Z12" s="191">
        <v>63</v>
      </c>
      <c r="AA12" s="196">
        <v>84</v>
      </c>
      <c r="AB12" s="193">
        <v>0</v>
      </c>
      <c r="AC12" s="191">
        <v>479</v>
      </c>
      <c r="AD12" s="191">
        <v>210</v>
      </c>
      <c r="AE12" s="191">
        <v>260</v>
      </c>
      <c r="AF12" s="191">
        <v>255</v>
      </c>
      <c r="AG12" s="191">
        <v>335</v>
      </c>
      <c r="AH12" s="196">
        <v>1539</v>
      </c>
      <c r="AI12" s="195">
        <v>1623</v>
      </c>
      <c r="AJ12" s="190">
        <v>0</v>
      </c>
      <c r="AK12" s="191">
        <v>8</v>
      </c>
      <c r="AL12" s="196">
        <v>8</v>
      </c>
      <c r="AM12" s="193">
        <v>0</v>
      </c>
      <c r="AN12" s="191">
        <v>40</v>
      </c>
      <c r="AO12" s="191">
        <v>37</v>
      </c>
      <c r="AP12" s="191">
        <v>24</v>
      </c>
      <c r="AQ12" s="191">
        <v>19</v>
      </c>
      <c r="AR12" s="191">
        <v>20</v>
      </c>
      <c r="AS12" s="196">
        <v>140</v>
      </c>
      <c r="AT12" s="195">
        <v>148</v>
      </c>
      <c r="AU12" s="190">
        <v>0</v>
      </c>
      <c r="AV12" s="191">
        <v>0</v>
      </c>
      <c r="AW12" s="196">
        <v>0</v>
      </c>
      <c r="AX12" s="193">
        <v>0</v>
      </c>
      <c r="AY12" s="191">
        <v>362</v>
      </c>
      <c r="AZ12" s="191">
        <v>304</v>
      </c>
      <c r="BA12" s="191">
        <v>204</v>
      </c>
      <c r="BB12" s="191">
        <v>119</v>
      </c>
      <c r="BC12" s="191">
        <v>20</v>
      </c>
      <c r="BD12" s="194">
        <v>1009</v>
      </c>
      <c r="BE12" s="195">
        <v>1009</v>
      </c>
      <c r="BF12" s="190">
        <v>0</v>
      </c>
      <c r="BG12" s="191">
        <v>0</v>
      </c>
      <c r="BH12" s="196">
        <v>0</v>
      </c>
      <c r="BI12" s="193">
        <v>0</v>
      </c>
      <c r="BJ12" s="191">
        <v>92</v>
      </c>
      <c r="BK12" s="191">
        <v>74</v>
      </c>
      <c r="BL12" s="191">
        <v>76</v>
      </c>
      <c r="BM12" s="191">
        <v>57</v>
      </c>
      <c r="BN12" s="191">
        <v>10</v>
      </c>
      <c r="BO12" s="196">
        <v>309</v>
      </c>
      <c r="BP12" s="195">
        <v>309</v>
      </c>
      <c r="BQ12" s="190">
        <v>5</v>
      </c>
      <c r="BR12" s="191">
        <v>0</v>
      </c>
      <c r="BS12" s="196">
        <v>5</v>
      </c>
      <c r="BT12" s="193">
        <v>0</v>
      </c>
      <c r="BU12" s="191">
        <v>17</v>
      </c>
      <c r="BV12" s="191">
        <v>57</v>
      </c>
      <c r="BW12" s="191">
        <v>92</v>
      </c>
      <c r="BX12" s="191">
        <v>99</v>
      </c>
      <c r="BY12" s="191">
        <v>7</v>
      </c>
      <c r="BZ12" s="196">
        <v>272</v>
      </c>
      <c r="CA12" s="195">
        <v>277</v>
      </c>
      <c r="CB12" s="190">
        <v>0</v>
      </c>
      <c r="CC12" s="191">
        <v>0</v>
      </c>
      <c r="CD12" s="196">
        <v>0</v>
      </c>
      <c r="CE12" s="193">
        <v>0</v>
      </c>
      <c r="CF12" s="191">
        <v>0</v>
      </c>
      <c r="CG12" s="191">
        <v>18</v>
      </c>
      <c r="CH12" s="191">
        <v>38</v>
      </c>
      <c r="CI12" s="191">
        <v>9</v>
      </c>
      <c r="CJ12" s="191">
        <v>3</v>
      </c>
      <c r="CK12" s="196">
        <v>68</v>
      </c>
      <c r="CL12" s="195">
        <v>68</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151</v>
      </c>
      <c r="H13" s="191">
        <v>1083</v>
      </c>
      <c r="I13" s="191">
        <v>1178</v>
      </c>
      <c r="J13" s="191">
        <v>1781</v>
      </c>
      <c r="K13" s="191">
        <v>1321</v>
      </c>
      <c r="L13" s="194">
        <v>6514</v>
      </c>
      <c r="M13" s="195">
        <v>6514</v>
      </c>
      <c r="N13" s="190">
        <v>0</v>
      </c>
      <c r="O13" s="191">
        <v>0</v>
      </c>
      <c r="P13" s="196">
        <v>0</v>
      </c>
      <c r="Q13" s="193">
        <v>0</v>
      </c>
      <c r="R13" s="191">
        <v>9</v>
      </c>
      <c r="S13" s="191">
        <v>7</v>
      </c>
      <c r="T13" s="191">
        <v>13</v>
      </c>
      <c r="U13" s="191">
        <v>26</v>
      </c>
      <c r="V13" s="191">
        <v>44</v>
      </c>
      <c r="W13" s="196">
        <v>99</v>
      </c>
      <c r="X13" s="195">
        <v>99</v>
      </c>
      <c r="Y13" s="190">
        <v>91</v>
      </c>
      <c r="Z13" s="191">
        <v>105</v>
      </c>
      <c r="AA13" s="196">
        <v>196</v>
      </c>
      <c r="AB13" s="193">
        <v>0</v>
      </c>
      <c r="AC13" s="191">
        <v>576</v>
      </c>
      <c r="AD13" s="191">
        <v>380</v>
      </c>
      <c r="AE13" s="191">
        <v>327</v>
      </c>
      <c r="AF13" s="191">
        <v>332</v>
      </c>
      <c r="AG13" s="191">
        <v>161</v>
      </c>
      <c r="AH13" s="196">
        <v>1776</v>
      </c>
      <c r="AI13" s="195">
        <v>1972</v>
      </c>
      <c r="AJ13" s="190">
        <v>17</v>
      </c>
      <c r="AK13" s="191">
        <v>43</v>
      </c>
      <c r="AL13" s="196">
        <v>60</v>
      </c>
      <c r="AM13" s="193">
        <v>0</v>
      </c>
      <c r="AN13" s="191">
        <v>61</v>
      </c>
      <c r="AO13" s="191">
        <v>8</v>
      </c>
      <c r="AP13" s="191">
        <v>8</v>
      </c>
      <c r="AQ13" s="191">
        <v>41</v>
      </c>
      <c r="AR13" s="191">
        <v>11</v>
      </c>
      <c r="AS13" s="196">
        <v>129</v>
      </c>
      <c r="AT13" s="195">
        <v>189</v>
      </c>
      <c r="AU13" s="190">
        <v>0</v>
      </c>
      <c r="AV13" s="191">
        <v>0</v>
      </c>
      <c r="AW13" s="196">
        <v>0</v>
      </c>
      <c r="AX13" s="193">
        <v>0</v>
      </c>
      <c r="AY13" s="191">
        <v>874</v>
      </c>
      <c r="AZ13" s="191">
        <v>521</v>
      </c>
      <c r="BA13" s="191">
        <v>257</v>
      </c>
      <c r="BB13" s="191">
        <v>198</v>
      </c>
      <c r="BC13" s="191">
        <v>43</v>
      </c>
      <c r="BD13" s="194">
        <v>1893</v>
      </c>
      <c r="BE13" s="195">
        <v>1893</v>
      </c>
      <c r="BF13" s="190">
        <v>0</v>
      </c>
      <c r="BG13" s="191">
        <v>0</v>
      </c>
      <c r="BH13" s="196">
        <v>0</v>
      </c>
      <c r="BI13" s="193">
        <v>0</v>
      </c>
      <c r="BJ13" s="191">
        <v>203</v>
      </c>
      <c r="BK13" s="191">
        <v>74</v>
      </c>
      <c r="BL13" s="191">
        <v>19</v>
      </c>
      <c r="BM13" s="191">
        <v>40</v>
      </c>
      <c r="BN13" s="191">
        <v>25</v>
      </c>
      <c r="BO13" s="196">
        <v>361</v>
      </c>
      <c r="BP13" s="195">
        <v>361</v>
      </c>
      <c r="BQ13" s="190">
        <v>0</v>
      </c>
      <c r="BR13" s="191">
        <v>4</v>
      </c>
      <c r="BS13" s="196">
        <v>4</v>
      </c>
      <c r="BT13" s="193">
        <v>0</v>
      </c>
      <c r="BU13" s="191">
        <v>116</v>
      </c>
      <c r="BV13" s="191">
        <v>48</v>
      </c>
      <c r="BW13" s="191">
        <v>217</v>
      </c>
      <c r="BX13" s="191">
        <v>136</v>
      </c>
      <c r="BY13" s="191">
        <v>32</v>
      </c>
      <c r="BZ13" s="196">
        <v>549</v>
      </c>
      <c r="CA13" s="195">
        <v>553</v>
      </c>
      <c r="CB13" s="190">
        <v>0</v>
      </c>
      <c r="CC13" s="191">
        <v>0</v>
      </c>
      <c r="CD13" s="196">
        <v>0</v>
      </c>
      <c r="CE13" s="193">
        <v>0</v>
      </c>
      <c r="CF13" s="191">
        <v>0</v>
      </c>
      <c r="CG13" s="191">
        <v>4</v>
      </c>
      <c r="CH13" s="191">
        <v>11</v>
      </c>
      <c r="CI13" s="191">
        <v>0</v>
      </c>
      <c r="CJ13" s="191">
        <v>0</v>
      </c>
      <c r="CK13" s="196">
        <v>15</v>
      </c>
      <c r="CL13" s="195">
        <v>15</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208</v>
      </c>
      <c r="H14" s="191">
        <v>224</v>
      </c>
      <c r="I14" s="191">
        <v>520</v>
      </c>
      <c r="J14" s="191">
        <v>396</v>
      </c>
      <c r="K14" s="191">
        <v>641</v>
      </c>
      <c r="L14" s="194">
        <v>1989</v>
      </c>
      <c r="M14" s="195">
        <v>1989</v>
      </c>
      <c r="N14" s="190">
        <v>0</v>
      </c>
      <c r="O14" s="191">
        <v>0</v>
      </c>
      <c r="P14" s="196">
        <v>0</v>
      </c>
      <c r="Q14" s="193">
        <v>0</v>
      </c>
      <c r="R14" s="191">
        <v>0</v>
      </c>
      <c r="S14" s="191">
        <v>9</v>
      </c>
      <c r="T14" s="191">
        <v>2</v>
      </c>
      <c r="U14" s="191">
        <v>18</v>
      </c>
      <c r="V14" s="191">
        <v>26</v>
      </c>
      <c r="W14" s="196">
        <v>55</v>
      </c>
      <c r="X14" s="195">
        <v>55</v>
      </c>
      <c r="Y14" s="190">
        <v>24</v>
      </c>
      <c r="Z14" s="191">
        <v>25</v>
      </c>
      <c r="AA14" s="196">
        <v>49</v>
      </c>
      <c r="AB14" s="193">
        <v>0</v>
      </c>
      <c r="AC14" s="191">
        <v>150</v>
      </c>
      <c r="AD14" s="191">
        <v>64</v>
      </c>
      <c r="AE14" s="191">
        <v>113</v>
      </c>
      <c r="AF14" s="191">
        <v>149</v>
      </c>
      <c r="AG14" s="191">
        <v>101</v>
      </c>
      <c r="AH14" s="196">
        <v>577</v>
      </c>
      <c r="AI14" s="195">
        <v>626</v>
      </c>
      <c r="AJ14" s="190">
        <v>0</v>
      </c>
      <c r="AK14" s="191">
        <v>20</v>
      </c>
      <c r="AL14" s="196">
        <v>20</v>
      </c>
      <c r="AM14" s="193">
        <v>0</v>
      </c>
      <c r="AN14" s="191">
        <v>28</v>
      </c>
      <c r="AO14" s="191">
        <v>30</v>
      </c>
      <c r="AP14" s="191">
        <v>0</v>
      </c>
      <c r="AQ14" s="191">
        <v>51</v>
      </c>
      <c r="AR14" s="191">
        <v>0</v>
      </c>
      <c r="AS14" s="196">
        <v>109</v>
      </c>
      <c r="AT14" s="195">
        <v>129</v>
      </c>
      <c r="AU14" s="190">
        <v>0</v>
      </c>
      <c r="AV14" s="191">
        <v>0</v>
      </c>
      <c r="AW14" s="196">
        <v>0</v>
      </c>
      <c r="AX14" s="193">
        <v>0</v>
      </c>
      <c r="AY14" s="191">
        <v>360</v>
      </c>
      <c r="AZ14" s="191">
        <v>219</v>
      </c>
      <c r="BA14" s="191">
        <v>136</v>
      </c>
      <c r="BB14" s="191">
        <v>96</v>
      </c>
      <c r="BC14" s="191">
        <v>17</v>
      </c>
      <c r="BD14" s="194">
        <v>828</v>
      </c>
      <c r="BE14" s="195">
        <v>828</v>
      </c>
      <c r="BF14" s="190">
        <v>0</v>
      </c>
      <c r="BG14" s="191">
        <v>0</v>
      </c>
      <c r="BH14" s="196">
        <v>0</v>
      </c>
      <c r="BI14" s="193">
        <v>0</v>
      </c>
      <c r="BJ14" s="191">
        <v>129</v>
      </c>
      <c r="BK14" s="191">
        <v>65</v>
      </c>
      <c r="BL14" s="191">
        <v>54</v>
      </c>
      <c r="BM14" s="191">
        <v>102</v>
      </c>
      <c r="BN14" s="191">
        <v>0</v>
      </c>
      <c r="BO14" s="196">
        <v>350</v>
      </c>
      <c r="BP14" s="195">
        <v>350</v>
      </c>
      <c r="BQ14" s="190">
        <v>0</v>
      </c>
      <c r="BR14" s="191">
        <v>0</v>
      </c>
      <c r="BS14" s="196">
        <v>0</v>
      </c>
      <c r="BT14" s="193">
        <v>0</v>
      </c>
      <c r="BU14" s="191">
        <v>30</v>
      </c>
      <c r="BV14" s="191">
        <v>59</v>
      </c>
      <c r="BW14" s="191">
        <v>79</v>
      </c>
      <c r="BX14" s="191">
        <v>25</v>
      </c>
      <c r="BY14" s="191">
        <v>40</v>
      </c>
      <c r="BZ14" s="196">
        <v>233</v>
      </c>
      <c r="CA14" s="195">
        <v>233</v>
      </c>
      <c r="CB14" s="190">
        <v>0</v>
      </c>
      <c r="CC14" s="191">
        <v>0</v>
      </c>
      <c r="CD14" s="196">
        <v>0</v>
      </c>
      <c r="CE14" s="193">
        <v>0</v>
      </c>
      <c r="CF14" s="191">
        <v>11</v>
      </c>
      <c r="CG14" s="191">
        <v>1</v>
      </c>
      <c r="CH14" s="191">
        <v>0</v>
      </c>
      <c r="CI14" s="191">
        <v>6</v>
      </c>
      <c r="CJ14" s="191">
        <v>0</v>
      </c>
      <c r="CK14" s="196">
        <v>18</v>
      </c>
      <c r="CL14" s="195">
        <v>18</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43</v>
      </c>
      <c r="H15" s="191">
        <v>728</v>
      </c>
      <c r="I15" s="191">
        <v>723</v>
      </c>
      <c r="J15" s="191">
        <v>1257</v>
      </c>
      <c r="K15" s="191">
        <v>538</v>
      </c>
      <c r="L15" s="194">
        <v>3589</v>
      </c>
      <c r="M15" s="195">
        <v>3589</v>
      </c>
      <c r="N15" s="190">
        <v>0</v>
      </c>
      <c r="O15" s="191">
        <v>0</v>
      </c>
      <c r="P15" s="196">
        <v>0</v>
      </c>
      <c r="Q15" s="193">
        <v>0</v>
      </c>
      <c r="R15" s="191">
        <v>0</v>
      </c>
      <c r="S15" s="191">
        <v>0</v>
      </c>
      <c r="T15" s="191">
        <v>2</v>
      </c>
      <c r="U15" s="191">
        <v>44</v>
      </c>
      <c r="V15" s="191">
        <v>13</v>
      </c>
      <c r="W15" s="196">
        <v>59</v>
      </c>
      <c r="X15" s="195">
        <v>59</v>
      </c>
      <c r="Y15" s="190">
        <v>59</v>
      </c>
      <c r="Z15" s="191">
        <v>170</v>
      </c>
      <c r="AA15" s="196">
        <v>229</v>
      </c>
      <c r="AB15" s="193">
        <v>0</v>
      </c>
      <c r="AC15" s="191">
        <v>127</v>
      </c>
      <c r="AD15" s="191">
        <v>280</v>
      </c>
      <c r="AE15" s="191">
        <v>100</v>
      </c>
      <c r="AF15" s="191">
        <v>181</v>
      </c>
      <c r="AG15" s="191">
        <v>77</v>
      </c>
      <c r="AH15" s="196">
        <v>765</v>
      </c>
      <c r="AI15" s="195">
        <v>994</v>
      </c>
      <c r="AJ15" s="190">
        <v>0</v>
      </c>
      <c r="AK15" s="191">
        <v>6</v>
      </c>
      <c r="AL15" s="196">
        <v>6</v>
      </c>
      <c r="AM15" s="193">
        <v>0</v>
      </c>
      <c r="AN15" s="191">
        <v>17</v>
      </c>
      <c r="AO15" s="191">
        <v>34</v>
      </c>
      <c r="AP15" s="191">
        <v>0</v>
      </c>
      <c r="AQ15" s="191">
        <v>21</v>
      </c>
      <c r="AR15" s="191">
        <v>16</v>
      </c>
      <c r="AS15" s="196">
        <v>88</v>
      </c>
      <c r="AT15" s="195">
        <v>94</v>
      </c>
      <c r="AU15" s="190">
        <v>0</v>
      </c>
      <c r="AV15" s="191">
        <v>0</v>
      </c>
      <c r="AW15" s="196">
        <v>0</v>
      </c>
      <c r="AX15" s="193">
        <v>0</v>
      </c>
      <c r="AY15" s="191">
        <v>418</v>
      </c>
      <c r="AZ15" s="191">
        <v>309</v>
      </c>
      <c r="BA15" s="191">
        <v>264</v>
      </c>
      <c r="BB15" s="191">
        <v>177</v>
      </c>
      <c r="BC15" s="191">
        <v>11</v>
      </c>
      <c r="BD15" s="194">
        <v>1179</v>
      </c>
      <c r="BE15" s="195">
        <v>1179</v>
      </c>
      <c r="BF15" s="190">
        <v>0</v>
      </c>
      <c r="BG15" s="191">
        <v>0</v>
      </c>
      <c r="BH15" s="196">
        <v>0</v>
      </c>
      <c r="BI15" s="193">
        <v>0</v>
      </c>
      <c r="BJ15" s="191">
        <v>72</v>
      </c>
      <c r="BK15" s="191">
        <v>134</v>
      </c>
      <c r="BL15" s="191">
        <v>93</v>
      </c>
      <c r="BM15" s="191">
        <v>55</v>
      </c>
      <c r="BN15" s="191">
        <v>15</v>
      </c>
      <c r="BO15" s="196">
        <v>369</v>
      </c>
      <c r="BP15" s="195">
        <v>369</v>
      </c>
      <c r="BQ15" s="190">
        <v>2</v>
      </c>
      <c r="BR15" s="191">
        <v>7</v>
      </c>
      <c r="BS15" s="196">
        <v>9</v>
      </c>
      <c r="BT15" s="193">
        <v>0</v>
      </c>
      <c r="BU15" s="191">
        <v>41</v>
      </c>
      <c r="BV15" s="191">
        <v>55</v>
      </c>
      <c r="BW15" s="191">
        <v>124</v>
      </c>
      <c r="BX15" s="191">
        <v>125</v>
      </c>
      <c r="BY15" s="191">
        <v>49</v>
      </c>
      <c r="BZ15" s="196">
        <v>394</v>
      </c>
      <c r="CA15" s="195">
        <v>403</v>
      </c>
      <c r="CB15" s="190">
        <v>0</v>
      </c>
      <c r="CC15" s="191">
        <v>0</v>
      </c>
      <c r="CD15" s="196">
        <v>0</v>
      </c>
      <c r="CE15" s="193">
        <v>0</v>
      </c>
      <c r="CF15" s="191">
        <v>0</v>
      </c>
      <c r="CG15" s="191">
        <v>0</v>
      </c>
      <c r="CH15" s="191">
        <v>0</v>
      </c>
      <c r="CI15" s="191">
        <v>12</v>
      </c>
      <c r="CJ15" s="191">
        <v>0</v>
      </c>
      <c r="CK15" s="196">
        <v>12</v>
      </c>
      <c r="CL15" s="195">
        <v>12</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96</v>
      </c>
      <c r="H16" s="191">
        <v>254</v>
      </c>
      <c r="I16" s="191">
        <v>274</v>
      </c>
      <c r="J16" s="191">
        <v>273</v>
      </c>
      <c r="K16" s="191">
        <v>505</v>
      </c>
      <c r="L16" s="194">
        <v>1402</v>
      </c>
      <c r="M16" s="195">
        <v>1402</v>
      </c>
      <c r="N16" s="190">
        <v>0</v>
      </c>
      <c r="O16" s="191">
        <v>0</v>
      </c>
      <c r="P16" s="196">
        <v>0</v>
      </c>
      <c r="Q16" s="193">
        <v>0</v>
      </c>
      <c r="R16" s="191">
        <v>0</v>
      </c>
      <c r="S16" s="191">
        <v>0</v>
      </c>
      <c r="T16" s="191">
        <v>0</v>
      </c>
      <c r="U16" s="191">
        <v>12</v>
      </c>
      <c r="V16" s="191">
        <v>27</v>
      </c>
      <c r="W16" s="196">
        <v>39</v>
      </c>
      <c r="X16" s="195">
        <v>39</v>
      </c>
      <c r="Y16" s="190">
        <v>0</v>
      </c>
      <c r="Z16" s="191">
        <v>7</v>
      </c>
      <c r="AA16" s="196">
        <v>7</v>
      </c>
      <c r="AB16" s="193">
        <v>0</v>
      </c>
      <c r="AC16" s="191">
        <v>38</v>
      </c>
      <c r="AD16" s="191">
        <v>227</v>
      </c>
      <c r="AE16" s="191">
        <v>135</v>
      </c>
      <c r="AF16" s="191">
        <v>50</v>
      </c>
      <c r="AG16" s="191">
        <v>133</v>
      </c>
      <c r="AH16" s="196">
        <v>583</v>
      </c>
      <c r="AI16" s="195">
        <v>590</v>
      </c>
      <c r="AJ16" s="190">
        <v>6</v>
      </c>
      <c r="AK16" s="191">
        <v>0</v>
      </c>
      <c r="AL16" s="196">
        <v>6</v>
      </c>
      <c r="AM16" s="193">
        <v>0</v>
      </c>
      <c r="AN16" s="191">
        <v>4</v>
      </c>
      <c r="AO16" s="191">
        <v>12</v>
      </c>
      <c r="AP16" s="191">
        <v>4</v>
      </c>
      <c r="AQ16" s="191">
        <v>0</v>
      </c>
      <c r="AR16" s="191">
        <v>12</v>
      </c>
      <c r="AS16" s="196">
        <v>32</v>
      </c>
      <c r="AT16" s="195">
        <v>38</v>
      </c>
      <c r="AU16" s="190">
        <v>0</v>
      </c>
      <c r="AV16" s="191">
        <v>0</v>
      </c>
      <c r="AW16" s="196">
        <v>0</v>
      </c>
      <c r="AX16" s="193">
        <v>0</v>
      </c>
      <c r="AY16" s="191">
        <v>105</v>
      </c>
      <c r="AZ16" s="191">
        <v>86</v>
      </c>
      <c r="BA16" s="191">
        <v>89</v>
      </c>
      <c r="BB16" s="191">
        <v>50</v>
      </c>
      <c r="BC16" s="191">
        <v>3</v>
      </c>
      <c r="BD16" s="194">
        <v>333</v>
      </c>
      <c r="BE16" s="195">
        <v>333</v>
      </c>
      <c r="BF16" s="190">
        <v>0</v>
      </c>
      <c r="BG16" s="191">
        <v>0</v>
      </c>
      <c r="BH16" s="196">
        <v>0</v>
      </c>
      <c r="BI16" s="193">
        <v>0</v>
      </c>
      <c r="BJ16" s="191">
        <v>31</v>
      </c>
      <c r="BK16" s="191">
        <v>13</v>
      </c>
      <c r="BL16" s="191">
        <v>9</v>
      </c>
      <c r="BM16" s="191">
        <v>0</v>
      </c>
      <c r="BN16" s="191">
        <v>23</v>
      </c>
      <c r="BO16" s="196">
        <v>76</v>
      </c>
      <c r="BP16" s="195">
        <v>76</v>
      </c>
      <c r="BQ16" s="190">
        <v>0</v>
      </c>
      <c r="BR16" s="191">
        <v>4</v>
      </c>
      <c r="BS16" s="196">
        <v>4</v>
      </c>
      <c r="BT16" s="193">
        <v>0</v>
      </c>
      <c r="BU16" s="191">
        <v>37</v>
      </c>
      <c r="BV16" s="191">
        <v>8</v>
      </c>
      <c r="BW16" s="191">
        <v>11</v>
      </c>
      <c r="BX16" s="191">
        <v>4</v>
      </c>
      <c r="BY16" s="191">
        <v>11</v>
      </c>
      <c r="BZ16" s="196">
        <v>71</v>
      </c>
      <c r="CA16" s="195">
        <v>75</v>
      </c>
      <c r="CB16" s="190">
        <v>0</v>
      </c>
      <c r="CC16" s="191">
        <v>0</v>
      </c>
      <c r="CD16" s="196">
        <v>0</v>
      </c>
      <c r="CE16" s="193">
        <v>0</v>
      </c>
      <c r="CF16" s="191">
        <v>0</v>
      </c>
      <c r="CG16" s="191">
        <v>6</v>
      </c>
      <c r="CH16" s="191">
        <v>0</v>
      </c>
      <c r="CI16" s="191">
        <v>0</v>
      </c>
      <c r="CJ16" s="191">
        <v>0</v>
      </c>
      <c r="CK16" s="196">
        <v>6</v>
      </c>
      <c r="CL16" s="195">
        <v>6</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83</v>
      </c>
      <c r="H17" s="191">
        <v>44</v>
      </c>
      <c r="I17" s="191">
        <v>9</v>
      </c>
      <c r="J17" s="191">
        <v>414</v>
      </c>
      <c r="K17" s="191">
        <v>105</v>
      </c>
      <c r="L17" s="194">
        <v>655</v>
      </c>
      <c r="M17" s="195">
        <v>655</v>
      </c>
      <c r="N17" s="190">
        <v>0</v>
      </c>
      <c r="O17" s="191">
        <v>0</v>
      </c>
      <c r="P17" s="196">
        <v>0</v>
      </c>
      <c r="Q17" s="193">
        <v>0</v>
      </c>
      <c r="R17" s="191">
        <v>0</v>
      </c>
      <c r="S17" s="191">
        <v>4</v>
      </c>
      <c r="T17" s="191">
        <v>0</v>
      </c>
      <c r="U17" s="191">
        <v>7</v>
      </c>
      <c r="V17" s="191">
        <v>0</v>
      </c>
      <c r="W17" s="196">
        <v>11</v>
      </c>
      <c r="X17" s="195">
        <v>11</v>
      </c>
      <c r="Y17" s="190">
        <v>0</v>
      </c>
      <c r="Z17" s="191">
        <v>8</v>
      </c>
      <c r="AA17" s="196">
        <v>8</v>
      </c>
      <c r="AB17" s="193">
        <v>0</v>
      </c>
      <c r="AC17" s="191">
        <v>95</v>
      </c>
      <c r="AD17" s="191">
        <v>27</v>
      </c>
      <c r="AE17" s="191">
        <v>34</v>
      </c>
      <c r="AF17" s="191">
        <v>30</v>
      </c>
      <c r="AG17" s="191">
        <v>0</v>
      </c>
      <c r="AH17" s="196">
        <v>186</v>
      </c>
      <c r="AI17" s="195">
        <v>194</v>
      </c>
      <c r="AJ17" s="190">
        <v>0</v>
      </c>
      <c r="AK17" s="191">
        <v>0</v>
      </c>
      <c r="AL17" s="196">
        <v>0</v>
      </c>
      <c r="AM17" s="193">
        <v>0</v>
      </c>
      <c r="AN17" s="191">
        <v>8</v>
      </c>
      <c r="AO17" s="191">
        <v>27</v>
      </c>
      <c r="AP17" s="191">
        <v>0</v>
      </c>
      <c r="AQ17" s="191">
        <v>0</v>
      </c>
      <c r="AR17" s="191">
        <v>0</v>
      </c>
      <c r="AS17" s="196">
        <v>35</v>
      </c>
      <c r="AT17" s="195">
        <v>35</v>
      </c>
      <c r="AU17" s="190">
        <v>0</v>
      </c>
      <c r="AV17" s="191">
        <v>0</v>
      </c>
      <c r="AW17" s="196">
        <v>0</v>
      </c>
      <c r="AX17" s="193">
        <v>0</v>
      </c>
      <c r="AY17" s="191">
        <v>34</v>
      </c>
      <c r="AZ17" s="191">
        <v>33</v>
      </c>
      <c r="BA17" s="191">
        <v>30</v>
      </c>
      <c r="BB17" s="191">
        <v>9</v>
      </c>
      <c r="BC17" s="191">
        <v>0</v>
      </c>
      <c r="BD17" s="194">
        <v>106</v>
      </c>
      <c r="BE17" s="195">
        <v>106</v>
      </c>
      <c r="BF17" s="190">
        <v>0</v>
      </c>
      <c r="BG17" s="191">
        <v>0</v>
      </c>
      <c r="BH17" s="196">
        <v>0</v>
      </c>
      <c r="BI17" s="193">
        <v>0</v>
      </c>
      <c r="BJ17" s="191">
        <v>8</v>
      </c>
      <c r="BK17" s="191">
        <v>0</v>
      </c>
      <c r="BL17" s="191">
        <v>53</v>
      </c>
      <c r="BM17" s="191">
        <v>0</v>
      </c>
      <c r="BN17" s="191">
        <v>0</v>
      </c>
      <c r="BO17" s="196">
        <v>61</v>
      </c>
      <c r="BP17" s="195">
        <v>61</v>
      </c>
      <c r="BQ17" s="190">
        <v>0</v>
      </c>
      <c r="BR17" s="191">
        <v>0</v>
      </c>
      <c r="BS17" s="196">
        <v>0</v>
      </c>
      <c r="BT17" s="193">
        <v>0</v>
      </c>
      <c r="BU17" s="191">
        <v>0</v>
      </c>
      <c r="BV17" s="191">
        <v>3</v>
      </c>
      <c r="BW17" s="191">
        <v>0</v>
      </c>
      <c r="BX17" s="191">
        <v>53</v>
      </c>
      <c r="BY17" s="191">
        <v>0</v>
      </c>
      <c r="BZ17" s="196">
        <v>56</v>
      </c>
      <c r="CA17" s="195">
        <v>56</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83</v>
      </c>
      <c r="H18" s="191">
        <v>134</v>
      </c>
      <c r="I18" s="191">
        <v>154</v>
      </c>
      <c r="J18" s="191">
        <v>35</v>
      </c>
      <c r="K18" s="191">
        <v>186</v>
      </c>
      <c r="L18" s="194">
        <v>592</v>
      </c>
      <c r="M18" s="195">
        <v>592</v>
      </c>
      <c r="N18" s="190">
        <v>0</v>
      </c>
      <c r="O18" s="191">
        <v>0</v>
      </c>
      <c r="P18" s="196">
        <v>0</v>
      </c>
      <c r="Q18" s="193">
        <v>0</v>
      </c>
      <c r="R18" s="191">
        <v>0</v>
      </c>
      <c r="S18" s="191">
        <v>0</v>
      </c>
      <c r="T18" s="191">
        <v>2</v>
      </c>
      <c r="U18" s="191">
        <v>6</v>
      </c>
      <c r="V18" s="191">
        <v>16</v>
      </c>
      <c r="W18" s="196">
        <v>24</v>
      </c>
      <c r="X18" s="195">
        <v>24</v>
      </c>
      <c r="Y18" s="190">
        <v>19</v>
      </c>
      <c r="Z18" s="191">
        <v>20</v>
      </c>
      <c r="AA18" s="196">
        <v>39</v>
      </c>
      <c r="AB18" s="193">
        <v>0</v>
      </c>
      <c r="AC18" s="191">
        <v>75</v>
      </c>
      <c r="AD18" s="191">
        <v>167</v>
      </c>
      <c r="AE18" s="191">
        <v>34</v>
      </c>
      <c r="AF18" s="191">
        <v>68</v>
      </c>
      <c r="AG18" s="191">
        <v>50</v>
      </c>
      <c r="AH18" s="196">
        <v>394</v>
      </c>
      <c r="AI18" s="195">
        <v>433</v>
      </c>
      <c r="AJ18" s="190">
        <v>15</v>
      </c>
      <c r="AK18" s="191">
        <v>0</v>
      </c>
      <c r="AL18" s="196">
        <v>15</v>
      </c>
      <c r="AM18" s="193">
        <v>0</v>
      </c>
      <c r="AN18" s="191">
        <v>8</v>
      </c>
      <c r="AO18" s="191">
        <v>51</v>
      </c>
      <c r="AP18" s="191">
        <v>0</v>
      </c>
      <c r="AQ18" s="191">
        <v>12</v>
      </c>
      <c r="AR18" s="191">
        <v>0</v>
      </c>
      <c r="AS18" s="196">
        <v>71</v>
      </c>
      <c r="AT18" s="195">
        <v>86</v>
      </c>
      <c r="AU18" s="190">
        <v>0</v>
      </c>
      <c r="AV18" s="191">
        <v>0</v>
      </c>
      <c r="AW18" s="196">
        <v>0</v>
      </c>
      <c r="AX18" s="193">
        <v>0</v>
      </c>
      <c r="AY18" s="191">
        <v>123</v>
      </c>
      <c r="AZ18" s="191">
        <v>241</v>
      </c>
      <c r="BA18" s="191">
        <v>81</v>
      </c>
      <c r="BB18" s="191">
        <v>40</v>
      </c>
      <c r="BC18" s="191">
        <v>0</v>
      </c>
      <c r="BD18" s="194">
        <v>485</v>
      </c>
      <c r="BE18" s="195">
        <v>485</v>
      </c>
      <c r="BF18" s="190">
        <v>0</v>
      </c>
      <c r="BG18" s="191">
        <v>0</v>
      </c>
      <c r="BH18" s="196">
        <v>0</v>
      </c>
      <c r="BI18" s="193">
        <v>0</v>
      </c>
      <c r="BJ18" s="191">
        <v>83</v>
      </c>
      <c r="BK18" s="191">
        <v>244</v>
      </c>
      <c r="BL18" s="191">
        <v>58</v>
      </c>
      <c r="BM18" s="191">
        <v>5</v>
      </c>
      <c r="BN18" s="191">
        <v>7</v>
      </c>
      <c r="BO18" s="196">
        <v>397</v>
      </c>
      <c r="BP18" s="195">
        <v>397</v>
      </c>
      <c r="BQ18" s="190">
        <v>0</v>
      </c>
      <c r="BR18" s="191">
        <v>3</v>
      </c>
      <c r="BS18" s="196">
        <v>3</v>
      </c>
      <c r="BT18" s="193">
        <v>0</v>
      </c>
      <c r="BU18" s="191">
        <v>0</v>
      </c>
      <c r="BV18" s="191">
        <v>12</v>
      </c>
      <c r="BW18" s="191">
        <v>5</v>
      </c>
      <c r="BX18" s="191">
        <v>9</v>
      </c>
      <c r="BY18" s="191">
        <v>7</v>
      </c>
      <c r="BZ18" s="196">
        <v>33</v>
      </c>
      <c r="CA18" s="195">
        <v>36</v>
      </c>
      <c r="CB18" s="190">
        <v>0</v>
      </c>
      <c r="CC18" s="191">
        <v>0</v>
      </c>
      <c r="CD18" s="196">
        <v>0</v>
      </c>
      <c r="CE18" s="193">
        <v>0</v>
      </c>
      <c r="CF18" s="191">
        <v>3</v>
      </c>
      <c r="CG18" s="191">
        <v>2</v>
      </c>
      <c r="CH18" s="191">
        <v>8</v>
      </c>
      <c r="CI18" s="191">
        <v>0</v>
      </c>
      <c r="CJ18" s="191">
        <v>0</v>
      </c>
      <c r="CK18" s="196">
        <v>13</v>
      </c>
      <c r="CL18" s="195">
        <v>13</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148</v>
      </c>
      <c r="H19" s="191">
        <v>215</v>
      </c>
      <c r="I19" s="191">
        <v>395</v>
      </c>
      <c r="J19" s="191">
        <v>133</v>
      </c>
      <c r="K19" s="191">
        <v>261</v>
      </c>
      <c r="L19" s="194">
        <v>1152</v>
      </c>
      <c r="M19" s="195">
        <v>1152</v>
      </c>
      <c r="N19" s="190">
        <v>0</v>
      </c>
      <c r="O19" s="191">
        <v>0</v>
      </c>
      <c r="P19" s="196">
        <v>0</v>
      </c>
      <c r="Q19" s="193">
        <v>0</v>
      </c>
      <c r="R19" s="191">
        <v>0</v>
      </c>
      <c r="S19" s="191">
        <v>5</v>
      </c>
      <c r="T19" s="191">
        <v>4</v>
      </c>
      <c r="U19" s="191">
        <v>4</v>
      </c>
      <c r="V19" s="191">
        <v>5</v>
      </c>
      <c r="W19" s="196">
        <v>18</v>
      </c>
      <c r="X19" s="195">
        <v>18</v>
      </c>
      <c r="Y19" s="190">
        <v>0</v>
      </c>
      <c r="Z19" s="191">
        <v>14</v>
      </c>
      <c r="AA19" s="196">
        <v>14</v>
      </c>
      <c r="AB19" s="193">
        <v>0</v>
      </c>
      <c r="AC19" s="191">
        <v>85</v>
      </c>
      <c r="AD19" s="191">
        <v>137</v>
      </c>
      <c r="AE19" s="191">
        <v>111</v>
      </c>
      <c r="AF19" s="191">
        <v>11</v>
      </c>
      <c r="AG19" s="191">
        <v>24</v>
      </c>
      <c r="AH19" s="196">
        <v>368</v>
      </c>
      <c r="AI19" s="195">
        <v>382</v>
      </c>
      <c r="AJ19" s="190">
        <v>0</v>
      </c>
      <c r="AK19" s="191">
        <v>9</v>
      </c>
      <c r="AL19" s="196">
        <v>9</v>
      </c>
      <c r="AM19" s="193">
        <v>0</v>
      </c>
      <c r="AN19" s="191">
        <v>8</v>
      </c>
      <c r="AO19" s="191">
        <v>9</v>
      </c>
      <c r="AP19" s="191">
        <v>45</v>
      </c>
      <c r="AQ19" s="191">
        <v>0</v>
      </c>
      <c r="AR19" s="191">
        <v>0</v>
      </c>
      <c r="AS19" s="196">
        <v>62</v>
      </c>
      <c r="AT19" s="195">
        <v>71</v>
      </c>
      <c r="AU19" s="190">
        <v>0</v>
      </c>
      <c r="AV19" s="191">
        <v>0</v>
      </c>
      <c r="AW19" s="196">
        <v>0</v>
      </c>
      <c r="AX19" s="193">
        <v>0</v>
      </c>
      <c r="AY19" s="191">
        <v>177</v>
      </c>
      <c r="AZ19" s="191">
        <v>324</v>
      </c>
      <c r="BA19" s="191">
        <v>117</v>
      </c>
      <c r="BB19" s="191">
        <v>14</v>
      </c>
      <c r="BC19" s="191">
        <v>22</v>
      </c>
      <c r="BD19" s="194">
        <v>654</v>
      </c>
      <c r="BE19" s="195">
        <v>654</v>
      </c>
      <c r="BF19" s="190">
        <v>0</v>
      </c>
      <c r="BG19" s="191">
        <v>0</v>
      </c>
      <c r="BH19" s="196">
        <v>0</v>
      </c>
      <c r="BI19" s="193">
        <v>0</v>
      </c>
      <c r="BJ19" s="191">
        <v>24</v>
      </c>
      <c r="BK19" s="191">
        <v>120</v>
      </c>
      <c r="BL19" s="191">
        <v>48</v>
      </c>
      <c r="BM19" s="191">
        <v>8</v>
      </c>
      <c r="BN19" s="191">
        <v>0</v>
      </c>
      <c r="BO19" s="196">
        <v>200</v>
      </c>
      <c r="BP19" s="195">
        <v>200</v>
      </c>
      <c r="BQ19" s="190">
        <v>0</v>
      </c>
      <c r="BR19" s="191">
        <v>0</v>
      </c>
      <c r="BS19" s="196">
        <v>0</v>
      </c>
      <c r="BT19" s="193">
        <v>0</v>
      </c>
      <c r="BU19" s="191">
        <v>22</v>
      </c>
      <c r="BV19" s="191">
        <v>96</v>
      </c>
      <c r="BW19" s="191">
        <v>63</v>
      </c>
      <c r="BX19" s="191">
        <v>160</v>
      </c>
      <c r="BY19" s="191">
        <v>30</v>
      </c>
      <c r="BZ19" s="196">
        <v>371</v>
      </c>
      <c r="CA19" s="195">
        <v>371</v>
      </c>
      <c r="CB19" s="190">
        <v>0</v>
      </c>
      <c r="CC19" s="191">
        <v>0</v>
      </c>
      <c r="CD19" s="196">
        <v>0</v>
      </c>
      <c r="CE19" s="193">
        <v>0</v>
      </c>
      <c r="CF19" s="191">
        <v>0</v>
      </c>
      <c r="CG19" s="191">
        <v>0</v>
      </c>
      <c r="CH19" s="191">
        <v>4</v>
      </c>
      <c r="CI19" s="191">
        <v>0</v>
      </c>
      <c r="CJ19" s="191">
        <v>0</v>
      </c>
      <c r="CK19" s="196">
        <v>4</v>
      </c>
      <c r="CL19" s="195">
        <v>4</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291</v>
      </c>
      <c r="H20" s="191">
        <v>442</v>
      </c>
      <c r="I20" s="191">
        <v>396</v>
      </c>
      <c r="J20" s="191">
        <v>678</v>
      </c>
      <c r="K20" s="191">
        <v>434</v>
      </c>
      <c r="L20" s="194">
        <v>2241</v>
      </c>
      <c r="M20" s="195">
        <v>2241</v>
      </c>
      <c r="N20" s="190">
        <v>0</v>
      </c>
      <c r="O20" s="191">
        <v>0</v>
      </c>
      <c r="P20" s="196">
        <v>0</v>
      </c>
      <c r="Q20" s="193">
        <v>0</v>
      </c>
      <c r="R20" s="191">
        <v>0</v>
      </c>
      <c r="S20" s="191">
        <v>2</v>
      </c>
      <c r="T20" s="191">
        <v>0</v>
      </c>
      <c r="U20" s="191">
        <v>0</v>
      </c>
      <c r="V20" s="191">
        <v>14</v>
      </c>
      <c r="W20" s="196">
        <v>16</v>
      </c>
      <c r="X20" s="195">
        <v>16</v>
      </c>
      <c r="Y20" s="190">
        <v>16</v>
      </c>
      <c r="Z20" s="191">
        <v>43</v>
      </c>
      <c r="AA20" s="196">
        <v>59</v>
      </c>
      <c r="AB20" s="193">
        <v>0</v>
      </c>
      <c r="AC20" s="191">
        <v>119</v>
      </c>
      <c r="AD20" s="191">
        <v>264</v>
      </c>
      <c r="AE20" s="191">
        <v>125</v>
      </c>
      <c r="AF20" s="191">
        <v>85</v>
      </c>
      <c r="AG20" s="191">
        <v>92</v>
      </c>
      <c r="AH20" s="196">
        <v>685</v>
      </c>
      <c r="AI20" s="195">
        <v>744</v>
      </c>
      <c r="AJ20" s="190">
        <v>0</v>
      </c>
      <c r="AK20" s="191">
        <v>21</v>
      </c>
      <c r="AL20" s="196">
        <v>21</v>
      </c>
      <c r="AM20" s="193">
        <v>0</v>
      </c>
      <c r="AN20" s="191">
        <v>42</v>
      </c>
      <c r="AO20" s="191">
        <v>42</v>
      </c>
      <c r="AP20" s="191">
        <v>43</v>
      </c>
      <c r="AQ20" s="191">
        <v>61</v>
      </c>
      <c r="AR20" s="191">
        <v>0</v>
      </c>
      <c r="AS20" s="196">
        <v>188</v>
      </c>
      <c r="AT20" s="195">
        <v>209</v>
      </c>
      <c r="AU20" s="190">
        <v>0</v>
      </c>
      <c r="AV20" s="191">
        <v>0</v>
      </c>
      <c r="AW20" s="196">
        <v>0</v>
      </c>
      <c r="AX20" s="193">
        <v>0</v>
      </c>
      <c r="AY20" s="191">
        <v>403</v>
      </c>
      <c r="AZ20" s="191">
        <v>277</v>
      </c>
      <c r="BA20" s="191">
        <v>197</v>
      </c>
      <c r="BB20" s="191">
        <v>68</v>
      </c>
      <c r="BC20" s="191">
        <v>28</v>
      </c>
      <c r="BD20" s="194">
        <v>973</v>
      </c>
      <c r="BE20" s="195">
        <v>973</v>
      </c>
      <c r="BF20" s="190">
        <v>0</v>
      </c>
      <c r="BG20" s="191">
        <v>0</v>
      </c>
      <c r="BH20" s="196">
        <v>0</v>
      </c>
      <c r="BI20" s="193">
        <v>0</v>
      </c>
      <c r="BJ20" s="191">
        <v>96</v>
      </c>
      <c r="BK20" s="191">
        <v>104</v>
      </c>
      <c r="BL20" s="191">
        <v>18</v>
      </c>
      <c r="BM20" s="191">
        <v>3</v>
      </c>
      <c r="BN20" s="191">
        <v>-5</v>
      </c>
      <c r="BO20" s="196">
        <v>216</v>
      </c>
      <c r="BP20" s="195">
        <v>216</v>
      </c>
      <c r="BQ20" s="190">
        <v>0</v>
      </c>
      <c r="BR20" s="191">
        <v>3</v>
      </c>
      <c r="BS20" s="196">
        <v>3</v>
      </c>
      <c r="BT20" s="193">
        <v>0</v>
      </c>
      <c r="BU20" s="191">
        <v>26</v>
      </c>
      <c r="BV20" s="191">
        <v>55</v>
      </c>
      <c r="BW20" s="191">
        <v>129</v>
      </c>
      <c r="BX20" s="191">
        <v>60</v>
      </c>
      <c r="BY20" s="191">
        <v>1</v>
      </c>
      <c r="BZ20" s="196">
        <v>271</v>
      </c>
      <c r="CA20" s="195">
        <v>274</v>
      </c>
      <c r="CB20" s="190">
        <v>0</v>
      </c>
      <c r="CC20" s="191">
        <v>0</v>
      </c>
      <c r="CD20" s="196">
        <v>0</v>
      </c>
      <c r="CE20" s="193">
        <v>0</v>
      </c>
      <c r="CF20" s="191">
        <v>0</v>
      </c>
      <c r="CG20" s="191">
        <v>0</v>
      </c>
      <c r="CH20" s="191">
        <v>0</v>
      </c>
      <c r="CI20" s="191">
        <v>0</v>
      </c>
      <c r="CJ20" s="191">
        <v>0</v>
      </c>
      <c r="CK20" s="196">
        <v>0</v>
      </c>
      <c r="CL20" s="195">
        <v>0</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79</v>
      </c>
      <c r="H21" s="191">
        <v>113</v>
      </c>
      <c r="I21" s="191">
        <v>249</v>
      </c>
      <c r="J21" s="191">
        <v>169</v>
      </c>
      <c r="K21" s="191">
        <v>305</v>
      </c>
      <c r="L21" s="194">
        <v>915</v>
      </c>
      <c r="M21" s="195">
        <v>915</v>
      </c>
      <c r="N21" s="190">
        <v>0</v>
      </c>
      <c r="O21" s="191">
        <v>0</v>
      </c>
      <c r="P21" s="196">
        <v>0</v>
      </c>
      <c r="Q21" s="193">
        <v>0</v>
      </c>
      <c r="R21" s="191">
        <v>0</v>
      </c>
      <c r="S21" s="191">
        <v>0</v>
      </c>
      <c r="T21" s="191">
        <v>7</v>
      </c>
      <c r="U21" s="191">
        <v>7</v>
      </c>
      <c r="V21" s="191">
        <v>17</v>
      </c>
      <c r="W21" s="196">
        <v>31</v>
      </c>
      <c r="X21" s="195">
        <v>31</v>
      </c>
      <c r="Y21" s="190">
        <v>0</v>
      </c>
      <c r="Z21" s="191">
        <v>12</v>
      </c>
      <c r="AA21" s="196">
        <v>12</v>
      </c>
      <c r="AB21" s="193">
        <v>0</v>
      </c>
      <c r="AC21" s="191">
        <v>117</v>
      </c>
      <c r="AD21" s="191">
        <v>82</v>
      </c>
      <c r="AE21" s="191">
        <v>77</v>
      </c>
      <c r="AF21" s="191">
        <v>41</v>
      </c>
      <c r="AG21" s="191">
        <v>53</v>
      </c>
      <c r="AH21" s="196">
        <v>370</v>
      </c>
      <c r="AI21" s="195">
        <v>382</v>
      </c>
      <c r="AJ21" s="190">
        <v>0</v>
      </c>
      <c r="AK21" s="191">
        <v>0</v>
      </c>
      <c r="AL21" s="196">
        <v>0</v>
      </c>
      <c r="AM21" s="193">
        <v>0</v>
      </c>
      <c r="AN21" s="191">
        <v>9</v>
      </c>
      <c r="AO21" s="191">
        <v>3</v>
      </c>
      <c r="AP21" s="191">
        <v>0</v>
      </c>
      <c r="AQ21" s="191">
        <v>0</v>
      </c>
      <c r="AR21" s="191">
        <v>0</v>
      </c>
      <c r="AS21" s="196">
        <v>12</v>
      </c>
      <c r="AT21" s="195">
        <v>12</v>
      </c>
      <c r="AU21" s="190">
        <v>0</v>
      </c>
      <c r="AV21" s="191">
        <v>0</v>
      </c>
      <c r="AW21" s="196">
        <v>0</v>
      </c>
      <c r="AX21" s="193">
        <v>0</v>
      </c>
      <c r="AY21" s="191">
        <v>136</v>
      </c>
      <c r="AZ21" s="191">
        <v>131</v>
      </c>
      <c r="BA21" s="191">
        <v>37</v>
      </c>
      <c r="BB21" s="191">
        <v>11</v>
      </c>
      <c r="BC21" s="191">
        <v>2</v>
      </c>
      <c r="BD21" s="194">
        <v>317</v>
      </c>
      <c r="BE21" s="195">
        <v>317</v>
      </c>
      <c r="BF21" s="190">
        <v>0</v>
      </c>
      <c r="BG21" s="191">
        <v>0</v>
      </c>
      <c r="BH21" s="196">
        <v>0</v>
      </c>
      <c r="BI21" s="193">
        <v>0</v>
      </c>
      <c r="BJ21" s="191">
        <v>36</v>
      </c>
      <c r="BK21" s="191">
        <v>57</v>
      </c>
      <c r="BL21" s="191">
        <v>18</v>
      </c>
      <c r="BM21" s="191">
        <v>13</v>
      </c>
      <c r="BN21" s="191">
        <v>0</v>
      </c>
      <c r="BO21" s="196">
        <v>124</v>
      </c>
      <c r="BP21" s="195">
        <v>124</v>
      </c>
      <c r="BQ21" s="190">
        <v>0</v>
      </c>
      <c r="BR21" s="191">
        <v>0</v>
      </c>
      <c r="BS21" s="196">
        <v>0</v>
      </c>
      <c r="BT21" s="193">
        <v>0</v>
      </c>
      <c r="BU21" s="191">
        <v>0</v>
      </c>
      <c r="BV21" s="191">
        <v>0</v>
      </c>
      <c r="BW21" s="191">
        <v>25</v>
      </c>
      <c r="BX21" s="191">
        <v>0</v>
      </c>
      <c r="BY21" s="191">
        <v>0</v>
      </c>
      <c r="BZ21" s="196">
        <v>25</v>
      </c>
      <c r="CA21" s="195">
        <v>25</v>
      </c>
      <c r="CB21" s="190">
        <v>0</v>
      </c>
      <c r="CC21" s="191">
        <v>0</v>
      </c>
      <c r="CD21" s="196">
        <v>0</v>
      </c>
      <c r="CE21" s="193">
        <v>0</v>
      </c>
      <c r="CF21" s="191">
        <v>0</v>
      </c>
      <c r="CG21" s="191">
        <v>3</v>
      </c>
      <c r="CH21" s="191">
        <v>-21</v>
      </c>
      <c r="CI21" s="191">
        <v>0</v>
      </c>
      <c r="CJ21" s="191">
        <v>0</v>
      </c>
      <c r="CK21" s="196">
        <v>-18</v>
      </c>
      <c r="CL21" s="195">
        <v>-18</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33</v>
      </c>
      <c r="H22" s="191">
        <v>337</v>
      </c>
      <c r="I22" s="191">
        <v>179</v>
      </c>
      <c r="J22" s="191">
        <v>197</v>
      </c>
      <c r="K22" s="191">
        <v>419</v>
      </c>
      <c r="L22" s="194">
        <v>1465</v>
      </c>
      <c r="M22" s="195">
        <v>1465</v>
      </c>
      <c r="N22" s="190">
        <v>0</v>
      </c>
      <c r="O22" s="191">
        <v>0</v>
      </c>
      <c r="P22" s="196">
        <v>0</v>
      </c>
      <c r="Q22" s="193">
        <v>0</v>
      </c>
      <c r="R22" s="191">
        <v>0</v>
      </c>
      <c r="S22" s="191">
        <v>0</v>
      </c>
      <c r="T22" s="191">
        <v>7</v>
      </c>
      <c r="U22" s="191">
        <v>6</v>
      </c>
      <c r="V22" s="191">
        <v>17</v>
      </c>
      <c r="W22" s="196">
        <v>30</v>
      </c>
      <c r="X22" s="195">
        <v>30</v>
      </c>
      <c r="Y22" s="190">
        <v>30</v>
      </c>
      <c r="Z22" s="191">
        <v>25</v>
      </c>
      <c r="AA22" s="196">
        <v>55</v>
      </c>
      <c r="AB22" s="193">
        <v>0</v>
      </c>
      <c r="AC22" s="191">
        <v>162</v>
      </c>
      <c r="AD22" s="191">
        <v>177</v>
      </c>
      <c r="AE22" s="191">
        <v>93</v>
      </c>
      <c r="AF22" s="191">
        <v>63</v>
      </c>
      <c r="AG22" s="191">
        <v>48</v>
      </c>
      <c r="AH22" s="196">
        <v>543</v>
      </c>
      <c r="AI22" s="195">
        <v>598</v>
      </c>
      <c r="AJ22" s="190">
        <v>14</v>
      </c>
      <c r="AK22" s="191">
        <v>22</v>
      </c>
      <c r="AL22" s="196">
        <v>36</v>
      </c>
      <c r="AM22" s="193">
        <v>0</v>
      </c>
      <c r="AN22" s="191">
        <v>56</v>
      </c>
      <c r="AO22" s="191">
        <v>63</v>
      </c>
      <c r="AP22" s="191">
        <v>60</v>
      </c>
      <c r="AQ22" s="191">
        <v>20</v>
      </c>
      <c r="AR22" s="191">
        <v>36</v>
      </c>
      <c r="AS22" s="196">
        <v>235</v>
      </c>
      <c r="AT22" s="195">
        <v>271</v>
      </c>
      <c r="AU22" s="190">
        <v>0</v>
      </c>
      <c r="AV22" s="191">
        <v>0</v>
      </c>
      <c r="AW22" s="196">
        <v>0</v>
      </c>
      <c r="AX22" s="193">
        <v>0</v>
      </c>
      <c r="AY22" s="191">
        <v>298</v>
      </c>
      <c r="AZ22" s="191">
        <v>170</v>
      </c>
      <c r="BA22" s="191">
        <v>95</v>
      </c>
      <c r="BB22" s="191">
        <v>57</v>
      </c>
      <c r="BC22" s="191">
        <v>7</v>
      </c>
      <c r="BD22" s="194">
        <v>627</v>
      </c>
      <c r="BE22" s="195">
        <v>627</v>
      </c>
      <c r="BF22" s="190">
        <v>0</v>
      </c>
      <c r="BG22" s="191">
        <v>0</v>
      </c>
      <c r="BH22" s="196">
        <v>0</v>
      </c>
      <c r="BI22" s="193">
        <v>0</v>
      </c>
      <c r="BJ22" s="191">
        <v>92</v>
      </c>
      <c r="BK22" s="191">
        <v>72</v>
      </c>
      <c r="BL22" s="191">
        <v>31</v>
      </c>
      <c r="BM22" s="191">
        <v>13</v>
      </c>
      <c r="BN22" s="191">
        <v>12</v>
      </c>
      <c r="BO22" s="196">
        <v>220</v>
      </c>
      <c r="BP22" s="195">
        <v>220</v>
      </c>
      <c r="BQ22" s="190">
        <v>0</v>
      </c>
      <c r="BR22" s="191">
        <v>0</v>
      </c>
      <c r="BS22" s="196">
        <v>0</v>
      </c>
      <c r="BT22" s="193">
        <v>0</v>
      </c>
      <c r="BU22" s="191">
        <v>50</v>
      </c>
      <c r="BV22" s="191">
        <v>21</v>
      </c>
      <c r="BW22" s="191">
        <v>76</v>
      </c>
      <c r="BX22" s="191">
        <v>94</v>
      </c>
      <c r="BY22" s="191">
        <v>6</v>
      </c>
      <c r="BZ22" s="196">
        <v>247</v>
      </c>
      <c r="CA22" s="195">
        <v>247</v>
      </c>
      <c r="CB22" s="190">
        <v>0</v>
      </c>
      <c r="CC22" s="191">
        <v>0</v>
      </c>
      <c r="CD22" s="196">
        <v>0</v>
      </c>
      <c r="CE22" s="193">
        <v>0</v>
      </c>
      <c r="CF22" s="191">
        <v>0</v>
      </c>
      <c r="CG22" s="191">
        <v>0</v>
      </c>
      <c r="CH22" s="191">
        <v>7</v>
      </c>
      <c r="CI22" s="191">
        <v>13</v>
      </c>
      <c r="CJ22" s="191">
        <v>0</v>
      </c>
      <c r="CK22" s="196">
        <v>20</v>
      </c>
      <c r="CL22" s="195">
        <v>20</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23</v>
      </c>
      <c r="H23" s="191">
        <v>153</v>
      </c>
      <c r="I23" s="191">
        <v>196</v>
      </c>
      <c r="J23" s="191">
        <v>180</v>
      </c>
      <c r="K23" s="191">
        <v>418</v>
      </c>
      <c r="L23" s="194">
        <v>1070</v>
      </c>
      <c r="M23" s="195">
        <v>1070</v>
      </c>
      <c r="N23" s="190">
        <v>0</v>
      </c>
      <c r="O23" s="191">
        <v>0</v>
      </c>
      <c r="P23" s="196">
        <v>0</v>
      </c>
      <c r="Q23" s="193">
        <v>0</v>
      </c>
      <c r="R23" s="191">
        <v>0</v>
      </c>
      <c r="S23" s="191">
        <v>0</v>
      </c>
      <c r="T23" s="191">
        <v>0</v>
      </c>
      <c r="U23" s="191">
        <v>6</v>
      </c>
      <c r="V23" s="191">
        <v>10</v>
      </c>
      <c r="W23" s="196">
        <v>16</v>
      </c>
      <c r="X23" s="195">
        <v>16</v>
      </c>
      <c r="Y23" s="190">
        <v>15</v>
      </c>
      <c r="Z23" s="191">
        <v>21</v>
      </c>
      <c r="AA23" s="196">
        <v>36</v>
      </c>
      <c r="AB23" s="193">
        <v>0</v>
      </c>
      <c r="AC23" s="191">
        <v>100</v>
      </c>
      <c r="AD23" s="191">
        <v>173</v>
      </c>
      <c r="AE23" s="191">
        <v>104</v>
      </c>
      <c r="AF23" s="191">
        <v>109</v>
      </c>
      <c r="AG23" s="191">
        <v>24</v>
      </c>
      <c r="AH23" s="196">
        <v>510</v>
      </c>
      <c r="AI23" s="195">
        <v>546</v>
      </c>
      <c r="AJ23" s="190">
        <v>16</v>
      </c>
      <c r="AK23" s="191">
        <v>10</v>
      </c>
      <c r="AL23" s="196">
        <v>26</v>
      </c>
      <c r="AM23" s="193">
        <v>0</v>
      </c>
      <c r="AN23" s="191">
        <v>16</v>
      </c>
      <c r="AO23" s="191">
        <v>32</v>
      </c>
      <c r="AP23" s="191">
        <v>0</v>
      </c>
      <c r="AQ23" s="191">
        <v>16</v>
      </c>
      <c r="AR23" s="191">
        <v>20</v>
      </c>
      <c r="AS23" s="196">
        <v>84</v>
      </c>
      <c r="AT23" s="195">
        <v>110</v>
      </c>
      <c r="AU23" s="190">
        <v>0</v>
      </c>
      <c r="AV23" s="191">
        <v>0</v>
      </c>
      <c r="AW23" s="196">
        <v>0</v>
      </c>
      <c r="AX23" s="193">
        <v>0</v>
      </c>
      <c r="AY23" s="191">
        <v>127</v>
      </c>
      <c r="AZ23" s="191">
        <v>168</v>
      </c>
      <c r="BA23" s="191">
        <v>79</v>
      </c>
      <c r="BB23" s="191">
        <v>58</v>
      </c>
      <c r="BC23" s="191">
        <v>3</v>
      </c>
      <c r="BD23" s="194">
        <v>435</v>
      </c>
      <c r="BE23" s="195">
        <v>435</v>
      </c>
      <c r="BF23" s="190">
        <v>0</v>
      </c>
      <c r="BG23" s="191">
        <v>0</v>
      </c>
      <c r="BH23" s="196">
        <v>0</v>
      </c>
      <c r="BI23" s="193">
        <v>0</v>
      </c>
      <c r="BJ23" s="191">
        <v>52</v>
      </c>
      <c r="BK23" s="191">
        <v>46</v>
      </c>
      <c r="BL23" s="191">
        <v>28</v>
      </c>
      <c r="BM23" s="191">
        <v>0</v>
      </c>
      <c r="BN23" s="191">
        <v>4</v>
      </c>
      <c r="BO23" s="196">
        <v>130</v>
      </c>
      <c r="BP23" s="195">
        <v>130</v>
      </c>
      <c r="BQ23" s="190">
        <v>0</v>
      </c>
      <c r="BR23" s="191">
        <v>0</v>
      </c>
      <c r="BS23" s="196">
        <v>0</v>
      </c>
      <c r="BT23" s="193">
        <v>0</v>
      </c>
      <c r="BU23" s="191">
        <v>11</v>
      </c>
      <c r="BV23" s="191">
        <v>6</v>
      </c>
      <c r="BW23" s="191">
        <v>57</v>
      </c>
      <c r="BX23" s="191">
        <v>33</v>
      </c>
      <c r="BY23" s="191">
        <v>61</v>
      </c>
      <c r="BZ23" s="196">
        <v>168</v>
      </c>
      <c r="CA23" s="195">
        <v>168</v>
      </c>
      <c r="CB23" s="190">
        <v>0</v>
      </c>
      <c r="CC23" s="191">
        <v>0</v>
      </c>
      <c r="CD23" s="196">
        <v>0</v>
      </c>
      <c r="CE23" s="193">
        <v>0</v>
      </c>
      <c r="CF23" s="191">
        <v>0</v>
      </c>
      <c r="CG23" s="191">
        <v>0</v>
      </c>
      <c r="CH23" s="191">
        <v>2</v>
      </c>
      <c r="CI23" s="191">
        <v>0</v>
      </c>
      <c r="CJ23" s="191">
        <v>0</v>
      </c>
      <c r="CK23" s="196">
        <v>2</v>
      </c>
      <c r="CL23" s="195">
        <v>2</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94</v>
      </c>
      <c r="H24" s="191">
        <v>20</v>
      </c>
      <c r="I24" s="191">
        <v>12</v>
      </c>
      <c r="J24" s="191">
        <v>97</v>
      </c>
      <c r="K24" s="191">
        <v>33</v>
      </c>
      <c r="L24" s="194">
        <v>256</v>
      </c>
      <c r="M24" s="195">
        <v>256</v>
      </c>
      <c r="N24" s="190">
        <v>0</v>
      </c>
      <c r="O24" s="191">
        <v>0</v>
      </c>
      <c r="P24" s="196">
        <v>0</v>
      </c>
      <c r="Q24" s="193">
        <v>0</v>
      </c>
      <c r="R24" s="191">
        <v>0</v>
      </c>
      <c r="S24" s="191">
        <v>0</v>
      </c>
      <c r="T24" s="191">
        <v>0</v>
      </c>
      <c r="U24" s="191">
        <v>0</v>
      </c>
      <c r="V24" s="191">
        <v>0</v>
      </c>
      <c r="W24" s="196">
        <v>0</v>
      </c>
      <c r="X24" s="195">
        <v>0</v>
      </c>
      <c r="Y24" s="190">
        <v>0</v>
      </c>
      <c r="Z24" s="191">
        <v>10</v>
      </c>
      <c r="AA24" s="196">
        <v>10</v>
      </c>
      <c r="AB24" s="193">
        <v>0</v>
      </c>
      <c r="AC24" s="191">
        <v>25</v>
      </c>
      <c r="AD24" s="191">
        <v>34</v>
      </c>
      <c r="AE24" s="191">
        <v>24</v>
      </c>
      <c r="AF24" s="191">
        <v>44</v>
      </c>
      <c r="AG24" s="191">
        <v>13</v>
      </c>
      <c r="AH24" s="196">
        <v>140</v>
      </c>
      <c r="AI24" s="195">
        <v>150</v>
      </c>
      <c r="AJ24" s="190">
        <v>12</v>
      </c>
      <c r="AK24" s="191">
        <v>0</v>
      </c>
      <c r="AL24" s="196">
        <v>12</v>
      </c>
      <c r="AM24" s="193">
        <v>0</v>
      </c>
      <c r="AN24" s="191">
        <v>0</v>
      </c>
      <c r="AO24" s="191">
        <v>24</v>
      </c>
      <c r="AP24" s="191">
        <v>0</v>
      </c>
      <c r="AQ24" s="191">
        <v>0</v>
      </c>
      <c r="AR24" s="191">
        <v>0</v>
      </c>
      <c r="AS24" s="196">
        <v>24</v>
      </c>
      <c r="AT24" s="195">
        <v>36</v>
      </c>
      <c r="AU24" s="190">
        <v>0</v>
      </c>
      <c r="AV24" s="191">
        <v>0</v>
      </c>
      <c r="AW24" s="196">
        <v>0</v>
      </c>
      <c r="AX24" s="193">
        <v>0</v>
      </c>
      <c r="AY24" s="191">
        <v>95</v>
      </c>
      <c r="AZ24" s="191">
        <v>34</v>
      </c>
      <c r="BA24" s="191">
        <v>95</v>
      </c>
      <c r="BB24" s="191">
        <v>4</v>
      </c>
      <c r="BC24" s="191">
        <v>9</v>
      </c>
      <c r="BD24" s="194">
        <v>237</v>
      </c>
      <c r="BE24" s="195">
        <v>237</v>
      </c>
      <c r="BF24" s="190">
        <v>0</v>
      </c>
      <c r="BG24" s="191">
        <v>0</v>
      </c>
      <c r="BH24" s="196">
        <v>0</v>
      </c>
      <c r="BI24" s="193">
        <v>0</v>
      </c>
      <c r="BJ24" s="191">
        <v>21</v>
      </c>
      <c r="BK24" s="191">
        <v>0</v>
      </c>
      <c r="BL24" s="191">
        <v>30</v>
      </c>
      <c r="BM24" s="191">
        <v>8</v>
      </c>
      <c r="BN24" s="191">
        <v>9</v>
      </c>
      <c r="BO24" s="196">
        <v>68</v>
      </c>
      <c r="BP24" s="195">
        <v>68</v>
      </c>
      <c r="BQ24" s="190">
        <v>0</v>
      </c>
      <c r="BR24" s="191">
        <v>0</v>
      </c>
      <c r="BS24" s="196">
        <v>0</v>
      </c>
      <c r="BT24" s="193">
        <v>0</v>
      </c>
      <c r="BU24" s="191">
        <v>0</v>
      </c>
      <c r="BV24" s="191">
        <v>0</v>
      </c>
      <c r="BW24" s="191">
        <v>0</v>
      </c>
      <c r="BX24" s="191">
        <v>77</v>
      </c>
      <c r="BY24" s="191">
        <v>0</v>
      </c>
      <c r="BZ24" s="196">
        <v>77</v>
      </c>
      <c r="CA24" s="195">
        <v>77</v>
      </c>
      <c r="CB24" s="190">
        <v>0</v>
      </c>
      <c r="CC24" s="191">
        <v>0</v>
      </c>
      <c r="CD24" s="196">
        <v>0</v>
      </c>
      <c r="CE24" s="193">
        <v>0</v>
      </c>
      <c r="CF24" s="191">
        <v>3</v>
      </c>
      <c r="CG24" s="191">
        <v>0</v>
      </c>
      <c r="CH24" s="191">
        <v>4</v>
      </c>
      <c r="CI24" s="191">
        <v>0</v>
      </c>
      <c r="CJ24" s="191">
        <v>0</v>
      </c>
      <c r="CK24" s="196">
        <v>7</v>
      </c>
      <c r="CL24" s="195">
        <v>7</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08</v>
      </c>
      <c r="H25" s="191">
        <v>108</v>
      </c>
      <c r="I25" s="191">
        <v>131</v>
      </c>
      <c r="J25" s="191">
        <v>28</v>
      </c>
      <c r="K25" s="191">
        <v>0</v>
      </c>
      <c r="L25" s="194">
        <v>375</v>
      </c>
      <c r="M25" s="195">
        <v>375</v>
      </c>
      <c r="N25" s="190">
        <v>0</v>
      </c>
      <c r="O25" s="191">
        <v>0</v>
      </c>
      <c r="P25" s="196">
        <v>0</v>
      </c>
      <c r="Q25" s="193">
        <v>0</v>
      </c>
      <c r="R25" s="191">
        <v>0</v>
      </c>
      <c r="S25" s="191">
        <v>0</v>
      </c>
      <c r="T25" s="191">
        <v>0</v>
      </c>
      <c r="U25" s="191">
        <v>13</v>
      </c>
      <c r="V25" s="191">
        <v>0</v>
      </c>
      <c r="W25" s="196">
        <v>13</v>
      </c>
      <c r="X25" s="195">
        <v>13</v>
      </c>
      <c r="Y25" s="190">
        <v>26</v>
      </c>
      <c r="Z25" s="191">
        <v>25</v>
      </c>
      <c r="AA25" s="196">
        <v>51</v>
      </c>
      <c r="AB25" s="193">
        <v>0</v>
      </c>
      <c r="AC25" s="191">
        <v>63</v>
      </c>
      <c r="AD25" s="191">
        <v>92</v>
      </c>
      <c r="AE25" s="191">
        <v>22</v>
      </c>
      <c r="AF25" s="191">
        <v>62</v>
      </c>
      <c r="AG25" s="191">
        <v>-26</v>
      </c>
      <c r="AH25" s="196">
        <v>213</v>
      </c>
      <c r="AI25" s="195">
        <v>264</v>
      </c>
      <c r="AJ25" s="190">
        <v>0</v>
      </c>
      <c r="AK25" s="191">
        <v>4</v>
      </c>
      <c r="AL25" s="196">
        <v>4</v>
      </c>
      <c r="AM25" s="193">
        <v>0</v>
      </c>
      <c r="AN25" s="191">
        <v>0</v>
      </c>
      <c r="AO25" s="191">
        <v>0</v>
      </c>
      <c r="AP25" s="191">
        <v>0</v>
      </c>
      <c r="AQ25" s="191">
        <v>0</v>
      </c>
      <c r="AR25" s="191">
        <v>0</v>
      </c>
      <c r="AS25" s="196">
        <v>0</v>
      </c>
      <c r="AT25" s="195">
        <v>4</v>
      </c>
      <c r="AU25" s="190">
        <v>0</v>
      </c>
      <c r="AV25" s="191">
        <v>0</v>
      </c>
      <c r="AW25" s="196">
        <v>0</v>
      </c>
      <c r="AX25" s="193">
        <v>0</v>
      </c>
      <c r="AY25" s="191">
        <v>99</v>
      </c>
      <c r="AZ25" s="191">
        <v>97</v>
      </c>
      <c r="BA25" s="191">
        <v>60</v>
      </c>
      <c r="BB25" s="191">
        <v>26</v>
      </c>
      <c r="BC25" s="191">
        <v>40</v>
      </c>
      <c r="BD25" s="194">
        <v>322</v>
      </c>
      <c r="BE25" s="195">
        <v>322</v>
      </c>
      <c r="BF25" s="190">
        <v>0</v>
      </c>
      <c r="BG25" s="191">
        <v>0</v>
      </c>
      <c r="BH25" s="196">
        <v>0</v>
      </c>
      <c r="BI25" s="193">
        <v>0</v>
      </c>
      <c r="BJ25" s="191">
        <v>22</v>
      </c>
      <c r="BK25" s="191">
        <v>7</v>
      </c>
      <c r="BL25" s="191">
        <v>3</v>
      </c>
      <c r="BM25" s="191">
        <v>12</v>
      </c>
      <c r="BN25" s="191">
        <v>0</v>
      </c>
      <c r="BO25" s="196">
        <v>44</v>
      </c>
      <c r="BP25" s="195">
        <v>44</v>
      </c>
      <c r="BQ25" s="190">
        <v>0</v>
      </c>
      <c r="BR25" s="191">
        <v>0</v>
      </c>
      <c r="BS25" s="196">
        <v>0</v>
      </c>
      <c r="BT25" s="193">
        <v>0</v>
      </c>
      <c r="BU25" s="191">
        <v>0</v>
      </c>
      <c r="BV25" s="191">
        <v>53</v>
      </c>
      <c r="BW25" s="191">
        <v>3</v>
      </c>
      <c r="BX25" s="191">
        <v>24</v>
      </c>
      <c r="BY25" s="191">
        <v>0</v>
      </c>
      <c r="BZ25" s="196">
        <v>80</v>
      </c>
      <c r="CA25" s="195">
        <v>80</v>
      </c>
      <c r="CB25" s="190">
        <v>0</v>
      </c>
      <c r="CC25" s="191">
        <v>0</v>
      </c>
      <c r="CD25" s="196">
        <v>0</v>
      </c>
      <c r="CE25" s="193">
        <v>0</v>
      </c>
      <c r="CF25" s="191">
        <v>3</v>
      </c>
      <c r="CG25" s="191">
        <v>0</v>
      </c>
      <c r="CH25" s="191">
        <v>0</v>
      </c>
      <c r="CI25" s="191">
        <v>0</v>
      </c>
      <c r="CJ25" s="191">
        <v>0</v>
      </c>
      <c r="CK25" s="196">
        <v>3</v>
      </c>
      <c r="CL25" s="195">
        <v>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98</v>
      </c>
      <c r="H26" s="191">
        <v>78</v>
      </c>
      <c r="I26" s="191">
        <v>40</v>
      </c>
      <c r="J26" s="191">
        <v>351</v>
      </c>
      <c r="K26" s="191">
        <v>155</v>
      </c>
      <c r="L26" s="194">
        <v>722</v>
      </c>
      <c r="M26" s="195">
        <v>722</v>
      </c>
      <c r="N26" s="190">
        <v>0</v>
      </c>
      <c r="O26" s="191">
        <v>0</v>
      </c>
      <c r="P26" s="196">
        <v>0</v>
      </c>
      <c r="Q26" s="193">
        <v>0</v>
      </c>
      <c r="R26" s="191">
        <v>0</v>
      </c>
      <c r="S26" s="191">
        <v>0</v>
      </c>
      <c r="T26" s="191">
        <v>0</v>
      </c>
      <c r="U26" s="191">
        <v>17</v>
      </c>
      <c r="V26" s="191">
        <v>18</v>
      </c>
      <c r="W26" s="196">
        <v>35</v>
      </c>
      <c r="X26" s="195">
        <v>35</v>
      </c>
      <c r="Y26" s="190">
        <v>2</v>
      </c>
      <c r="Z26" s="191">
        <v>32</v>
      </c>
      <c r="AA26" s="196">
        <v>34</v>
      </c>
      <c r="AB26" s="193">
        <v>0</v>
      </c>
      <c r="AC26" s="191">
        <v>87</v>
      </c>
      <c r="AD26" s="191">
        <v>72</v>
      </c>
      <c r="AE26" s="191">
        <v>33</v>
      </c>
      <c r="AF26" s="191">
        <v>81</v>
      </c>
      <c r="AG26" s="191">
        <v>13</v>
      </c>
      <c r="AH26" s="196">
        <v>286</v>
      </c>
      <c r="AI26" s="195">
        <v>320</v>
      </c>
      <c r="AJ26" s="190">
        <v>0</v>
      </c>
      <c r="AK26" s="191">
        <v>0</v>
      </c>
      <c r="AL26" s="196">
        <v>0</v>
      </c>
      <c r="AM26" s="193">
        <v>0</v>
      </c>
      <c r="AN26" s="191">
        <v>12</v>
      </c>
      <c r="AO26" s="191">
        <v>18</v>
      </c>
      <c r="AP26" s="191">
        <v>0</v>
      </c>
      <c r="AQ26" s="191">
        <v>0</v>
      </c>
      <c r="AR26" s="191">
        <v>0</v>
      </c>
      <c r="AS26" s="196">
        <v>30</v>
      </c>
      <c r="AT26" s="195">
        <v>30</v>
      </c>
      <c r="AU26" s="190">
        <v>0</v>
      </c>
      <c r="AV26" s="191">
        <v>0</v>
      </c>
      <c r="AW26" s="196">
        <v>0</v>
      </c>
      <c r="AX26" s="193">
        <v>0</v>
      </c>
      <c r="AY26" s="191">
        <v>124</v>
      </c>
      <c r="AZ26" s="191">
        <v>118</v>
      </c>
      <c r="BA26" s="191">
        <v>29</v>
      </c>
      <c r="BB26" s="191">
        <v>5</v>
      </c>
      <c r="BC26" s="191">
        <v>9</v>
      </c>
      <c r="BD26" s="194">
        <v>285</v>
      </c>
      <c r="BE26" s="195">
        <v>285</v>
      </c>
      <c r="BF26" s="190">
        <v>0</v>
      </c>
      <c r="BG26" s="191">
        <v>0</v>
      </c>
      <c r="BH26" s="196">
        <v>0</v>
      </c>
      <c r="BI26" s="193">
        <v>0</v>
      </c>
      <c r="BJ26" s="191">
        <v>14</v>
      </c>
      <c r="BK26" s="191">
        <v>44</v>
      </c>
      <c r="BL26" s="191">
        <v>33</v>
      </c>
      <c r="BM26" s="191">
        <v>14</v>
      </c>
      <c r="BN26" s="191">
        <v>0</v>
      </c>
      <c r="BO26" s="196">
        <v>105</v>
      </c>
      <c r="BP26" s="195">
        <v>105</v>
      </c>
      <c r="BQ26" s="190">
        <v>0</v>
      </c>
      <c r="BR26" s="191">
        <v>0</v>
      </c>
      <c r="BS26" s="196">
        <v>0</v>
      </c>
      <c r="BT26" s="193">
        <v>0</v>
      </c>
      <c r="BU26" s="191">
        <v>0</v>
      </c>
      <c r="BV26" s="191">
        <v>22</v>
      </c>
      <c r="BW26" s="191">
        <v>0</v>
      </c>
      <c r="BX26" s="191">
        <v>0</v>
      </c>
      <c r="BY26" s="191">
        <v>14</v>
      </c>
      <c r="BZ26" s="196">
        <v>36</v>
      </c>
      <c r="CA26" s="195">
        <v>36</v>
      </c>
      <c r="CB26" s="190">
        <v>0</v>
      </c>
      <c r="CC26" s="191">
        <v>0</v>
      </c>
      <c r="CD26" s="196">
        <v>0</v>
      </c>
      <c r="CE26" s="193">
        <v>0</v>
      </c>
      <c r="CF26" s="191">
        <v>3</v>
      </c>
      <c r="CG26" s="191">
        <v>0</v>
      </c>
      <c r="CH26" s="191">
        <v>0</v>
      </c>
      <c r="CI26" s="191">
        <v>0</v>
      </c>
      <c r="CJ26" s="191">
        <v>0</v>
      </c>
      <c r="CK26" s="196">
        <v>3</v>
      </c>
      <c r="CL26" s="195">
        <v>3</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17</v>
      </c>
      <c r="H27" s="191">
        <v>74</v>
      </c>
      <c r="I27" s="191">
        <v>1</v>
      </c>
      <c r="J27" s="191">
        <v>8</v>
      </c>
      <c r="K27" s="191">
        <v>1</v>
      </c>
      <c r="L27" s="194">
        <v>201</v>
      </c>
      <c r="M27" s="195">
        <v>201</v>
      </c>
      <c r="N27" s="190">
        <v>0</v>
      </c>
      <c r="O27" s="191">
        <v>0</v>
      </c>
      <c r="P27" s="196">
        <v>0</v>
      </c>
      <c r="Q27" s="193">
        <v>0</v>
      </c>
      <c r="R27" s="191">
        <v>0</v>
      </c>
      <c r="S27" s="191">
        <v>0</v>
      </c>
      <c r="T27" s="191">
        <v>3</v>
      </c>
      <c r="U27" s="191">
        <v>0</v>
      </c>
      <c r="V27" s="191">
        <v>2</v>
      </c>
      <c r="W27" s="196">
        <v>5</v>
      </c>
      <c r="X27" s="195">
        <v>5</v>
      </c>
      <c r="Y27" s="190">
        <v>2</v>
      </c>
      <c r="Z27" s="191">
        <v>11</v>
      </c>
      <c r="AA27" s="196">
        <v>13</v>
      </c>
      <c r="AB27" s="193">
        <v>0</v>
      </c>
      <c r="AC27" s="191">
        <v>14</v>
      </c>
      <c r="AD27" s="191">
        <v>69</v>
      </c>
      <c r="AE27" s="191">
        <v>25</v>
      </c>
      <c r="AF27" s="191">
        <v>20</v>
      </c>
      <c r="AG27" s="191">
        <v>4</v>
      </c>
      <c r="AH27" s="196">
        <v>132</v>
      </c>
      <c r="AI27" s="195">
        <v>145</v>
      </c>
      <c r="AJ27" s="190">
        <v>0</v>
      </c>
      <c r="AK27" s="191">
        <v>26</v>
      </c>
      <c r="AL27" s="196">
        <v>26</v>
      </c>
      <c r="AM27" s="193">
        <v>0</v>
      </c>
      <c r="AN27" s="191">
        <v>0</v>
      </c>
      <c r="AO27" s="191">
        <v>0</v>
      </c>
      <c r="AP27" s="191">
        <v>3</v>
      </c>
      <c r="AQ27" s="191">
        <v>0</v>
      </c>
      <c r="AR27" s="191">
        <v>0</v>
      </c>
      <c r="AS27" s="196">
        <v>3</v>
      </c>
      <c r="AT27" s="195">
        <v>29</v>
      </c>
      <c r="AU27" s="190">
        <v>0</v>
      </c>
      <c r="AV27" s="191">
        <v>0</v>
      </c>
      <c r="AW27" s="196">
        <v>0</v>
      </c>
      <c r="AX27" s="193">
        <v>0</v>
      </c>
      <c r="AY27" s="191">
        <v>68</v>
      </c>
      <c r="AZ27" s="191">
        <v>9</v>
      </c>
      <c r="BA27" s="191">
        <v>3</v>
      </c>
      <c r="BB27" s="191">
        <v>0</v>
      </c>
      <c r="BC27" s="191">
        <v>7</v>
      </c>
      <c r="BD27" s="194">
        <v>87</v>
      </c>
      <c r="BE27" s="195">
        <v>87</v>
      </c>
      <c r="BF27" s="190">
        <v>0</v>
      </c>
      <c r="BG27" s="191">
        <v>0</v>
      </c>
      <c r="BH27" s="196">
        <v>0</v>
      </c>
      <c r="BI27" s="193">
        <v>0</v>
      </c>
      <c r="BJ27" s="191">
        <v>12</v>
      </c>
      <c r="BK27" s="191">
        <v>46</v>
      </c>
      <c r="BL27" s="191">
        <v>30</v>
      </c>
      <c r="BM27" s="191">
        <v>15</v>
      </c>
      <c r="BN27" s="191">
        <v>3</v>
      </c>
      <c r="BO27" s="196">
        <v>106</v>
      </c>
      <c r="BP27" s="195">
        <v>106</v>
      </c>
      <c r="BQ27" s="190">
        <v>0</v>
      </c>
      <c r="BR27" s="191">
        <v>0</v>
      </c>
      <c r="BS27" s="196">
        <v>0</v>
      </c>
      <c r="BT27" s="193">
        <v>0</v>
      </c>
      <c r="BU27" s="191">
        <v>25</v>
      </c>
      <c r="BV27" s="191">
        <v>0</v>
      </c>
      <c r="BW27" s="191">
        <v>0</v>
      </c>
      <c r="BX27" s="191">
        <v>8</v>
      </c>
      <c r="BY27" s="191">
        <v>9</v>
      </c>
      <c r="BZ27" s="196">
        <v>42</v>
      </c>
      <c r="CA27" s="195">
        <v>42</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101</v>
      </c>
      <c r="H28" s="191">
        <v>65</v>
      </c>
      <c r="I28" s="191">
        <v>103</v>
      </c>
      <c r="J28" s="191">
        <v>108</v>
      </c>
      <c r="K28" s="191">
        <v>101</v>
      </c>
      <c r="L28" s="194">
        <v>478</v>
      </c>
      <c r="M28" s="195">
        <v>478</v>
      </c>
      <c r="N28" s="190">
        <v>0</v>
      </c>
      <c r="O28" s="191">
        <v>0</v>
      </c>
      <c r="P28" s="196">
        <v>0</v>
      </c>
      <c r="Q28" s="193">
        <v>0</v>
      </c>
      <c r="R28" s="191">
        <v>0</v>
      </c>
      <c r="S28" s="191">
        <v>0</v>
      </c>
      <c r="T28" s="191">
        <v>0</v>
      </c>
      <c r="U28" s="191">
        <v>8</v>
      </c>
      <c r="V28" s="191">
        <v>0</v>
      </c>
      <c r="W28" s="196">
        <v>8</v>
      </c>
      <c r="X28" s="195">
        <v>8</v>
      </c>
      <c r="Y28" s="190">
        <v>4</v>
      </c>
      <c r="Z28" s="191">
        <v>0</v>
      </c>
      <c r="AA28" s="196">
        <v>4</v>
      </c>
      <c r="AB28" s="193">
        <v>0</v>
      </c>
      <c r="AC28" s="191">
        <v>22</v>
      </c>
      <c r="AD28" s="191">
        <v>50</v>
      </c>
      <c r="AE28" s="191">
        <v>5</v>
      </c>
      <c r="AF28" s="191">
        <v>35</v>
      </c>
      <c r="AG28" s="191">
        <v>28</v>
      </c>
      <c r="AH28" s="196">
        <v>140</v>
      </c>
      <c r="AI28" s="195">
        <v>144</v>
      </c>
      <c r="AJ28" s="190">
        <v>0</v>
      </c>
      <c r="AK28" s="191">
        <v>0</v>
      </c>
      <c r="AL28" s="196">
        <v>0</v>
      </c>
      <c r="AM28" s="193">
        <v>0</v>
      </c>
      <c r="AN28" s="191">
        <v>12</v>
      </c>
      <c r="AO28" s="191">
        <v>0</v>
      </c>
      <c r="AP28" s="191">
        <v>0</v>
      </c>
      <c r="AQ28" s="191">
        <v>0</v>
      </c>
      <c r="AR28" s="191">
        <v>24</v>
      </c>
      <c r="AS28" s="196">
        <v>36</v>
      </c>
      <c r="AT28" s="195">
        <v>36</v>
      </c>
      <c r="AU28" s="190">
        <v>0</v>
      </c>
      <c r="AV28" s="191">
        <v>0</v>
      </c>
      <c r="AW28" s="196">
        <v>0</v>
      </c>
      <c r="AX28" s="193">
        <v>0</v>
      </c>
      <c r="AY28" s="191">
        <v>54</v>
      </c>
      <c r="AZ28" s="191">
        <v>61</v>
      </c>
      <c r="BA28" s="191">
        <v>35</v>
      </c>
      <c r="BB28" s="191">
        <v>29</v>
      </c>
      <c r="BC28" s="191">
        <v>0</v>
      </c>
      <c r="BD28" s="194">
        <v>179</v>
      </c>
      <c r="BE28" s="195">
        <v>179</v>
      </c>
      <c r="BF28" s="190">
        <v>0</v>
      </c>
      <c r="BG28" s="191">
        <v>0</v>
      </c>
      <c r="BH28" s="196">
        <v>0</v>
      </c>
      <c r="BI28" s="193">
        <v>0</v>
      </c>
      <c r="BJ28" s="191">
        <v>26</v>
      </c>
      <c r="BK28" s="191">
        <v>13</v>
      </c>
      <c r="BL28" s="191">
        <v>0</v>
      </c>
      <c r="BM28" s="191">
        <v>10</v>
      </c>
      <c r="BN28" s="191">
        <v>0</v>
      </c>
      <c r="BO28" s="196">
        <v>49</v>
      </c>
      <c r="BP28" s="195">
        <v>49</v>
      </c>
      <c r="BQ28" s="190">
        <v>0</v>
      </c>
      <c r="BR28" s="191">
        <v>0</v>
      </c>
      <c r="BS28" s="196">
        <v>0</v>
      </c>
      <c r="BT28" s="193">
        <v>0</v>
      </c>
      <c r="BU28" s="191">
        <v>11</v>
      </c>
      <c r="BV28" s="191">
        <v>19</v>
      </c>
      <c r="BW28" s="191">
        <v>0</v>
      </c>
      <c r="BX28" s="191">
        <v>0</v>
      </c>
      <c r="BY28" s="191">
        <v>5</v>
      </c>
      <c r="BZ28" s="196">
        <v>35</v>
      </c>
      <c r="CA28" s="195">
        <v>35</v>
      </c>
      <c r="CB28" s="190">
        <v>0</v>
      </c>
      <c r="CC28" s="191">
        <v>0</v>
      </c>
      <c r="CD28" s="196">
        <v>0</v>
      </c>
      <c r="CE28" s="193">
        <v>0</v>
      </c>
      <c r="CF28" s="191">
        <v>0</v>
      </c>
      <c r="CG28" s="191">
        <v>0</v>
      </c>
      <c r="CH28" s="191">
        <v>0</v>
      </c>
      <c r="CI28" s="191">
        <v>4</v>
      </c>
      <c r="CJ28" s="191">
        <v>0</v>
      </c>
      <c r="CK28" s="196">
        <v>4</v>
      </c>
      <c r="CL28" s="195">
        <v>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50</v>
      </c>
      <c r="H29" s="191">
        <v>60</v>
      </c>
      <c r="I29" s="191">
        <v>176</v>
      </c>
      <c r="J29" s="191">
        <v>80</v>
      </c>
      <c r="K29" s="191">
        <v>164</v>
      </c>
      <c r="L29" s="194">
        <v>530</v>
      </c>
      <c r="M29" s="195">
        <v>530</v>
      </c>
      <c r="N29" s="190">
        <v>0</v>
      </c>
      <c r="O29" s="191">
        <v>0</v>
      </c>
      <c r="P29" s="196">
        <v>0</v>
      </c>
      <c r="Q29" s="193">
        <v>0</v>
      </c>
      <c r="R29" s="191">
        <v>0</v>
      </c>
      <c r="S29" s="191">
        <v>0</v>
      </c>
      <c r="T29" s="191">
        <v>0</v>
      </c>
      <c r="U29" s="191">
        <v>0</v>
      </c>
      <c r="V29" s="191">
        <v>0</v>
      </c>
      <c r="W29" s="196">
        <v>0</v>
      </c>
      <c r="X29" s="195">
        <v>0</v>
      </c>
      <c r="Y29" s="190">
        <v>0</v>
      </c>
      <c r="Z29" s="191">
        <v>28</v>
      </c>
      <c r="AA29" s="196">
        <v>28</v>
      </c>
      <c r="AB29" s="193">
        <v>0</v>
      </c>
      <c r="AC29" s="191">
        <v>28</v>
      </c>
      <c r="AD29" s="191">
        <v>62</v>
      </c>
      <c r="AE29" s="191">
        <v>15</v>
      </c>
      <c r="AF29" s="191">
        <v>43</v>
      </c>
      <c r="AG29" s="191">
        <v>38</v>
      </c>
      <c r="AH29" s="196">
        <v>186</v>
      </c>
      <c r="AI29" s="195">
        <v>214</v>
      </c>
      <c r="AJ29" s="190">
        <v>0</v>
      </c>
      <c r="AK29" s="191">
        <v>0</v>
      </c>
      <c r="AL29" s="196">
        <v>0</v>
      </c>
      <c r="AM29" s="193">
        <v>0</v>
      </c>
      <c r="AN29" s="191">
        <v>0</v>
      </c>
      <c r="AO29" s="191">
        <v>10</v>
      </c>
      <c r="AP29" s="191">
        <v>0</v>
      </c>
      <c r="AQ29" s="191">
        <v>0</v>
      </c>
      <c r="AR29" s="191">
        <v>0</v>
      </c>
      <c r="AS29" s="196">
        <v>10</v>
      </c>
      <c r="AT29" s="195">
        <v>10</v>
      </c>
      <c r="AU29" s="190">
        <v>0</v>
      </c>
      <c r="AV29" s="191">
        <v>0</v>
      </c>
      <c r="AW29" s="196">
        <v>0</v>
      </c>
      <c r="AX29" s="193">
        <v>0</v>
      </c>
      <c r="AY29" s="191">
        <v>101</v>
      </c>
      <c r="AZ29" s="191">
        <v>57</v>
      </c>
      <c r="BA29" s="191">
        <v>40</v>
      </c>
      <c r="BB29" s="191">
        <v>42</v>
      </c>
      <c r="BC29" s="191">
        <v>0</v>
      </c>
      <c r="BD29" s="194">
        <v>240</v>
      </c>
      <c r="BE29" s="195">
        <v>240</v>
      </c>
      <c r="BF29" s="190">
        <v>0</v>
      </c>
      <c r="BG29" s="191">
        <v>0</v>
      </c>
      <c r="BH29" s="196">
        <v>0</v>
      </c>
      <c r="BI29" s="193">
        <v>0</v>
      </c>
      <c r="BJ29" s="191">
        <v>23</v>
      </c>
      <c r="BK29" s="191">
        <v>20</v>
      </c>
      <c r="BL29" s="191">
        <v>11</v>
      </c>
      <c r="BM29" s="191">
        <v>0</v>
      </c>
      <c r="BN29" s="191">
        <v>0</v>
      </c>
      <c r="BO29" s="196">
        <v>54</v>
      </c>
      <c r="BP29" s="195">
        <v>54</v>
      </c>
      <c r="BQ29" s="190">
        <v>0</v>
      </c>
      <c r="BR29" s="191">
        <v>0</v>
      </c>
      <c r="BS29" s="196">
        <v>0</v>
      </c>
      <c r="BT29" s="193">
        <v>0</v>
      </c>
      <c r="BU29" s="191">
        <v>3</v>
      </c>
      <c r="BV29" s="191">
        <v>0</v>
      </c>
      <c r="BW29" s="191">
        <v>6</v>
      </c>
      <c r="BX29" s="191">
        <v>3</v>
      </c>
      <c r="BY29" s="191">
        <v>0</v>
      </c>
      <c r="BZ29" s="196">
        <v>12</v>
      </c>
      <c r="CA29" s="195">
        <v>12</v>
      </c>
      <c r="CB29" s="190">
        <v>0</v>
      </c>
      <c r="CC29" s="191">
        <v>3</v>
      </c>
      <c r="CD29" s="196">
        <v>3</v>
      </c>
      <c r="CE29" s="193">
        <v>0</v>
      </c>
      <c r="CF29" s="191">
        <v>0</v>
      </c>
      <c r="CG29" s="191">
        <v>7</v>
      </c>
      <c r="CH29" s="191">
        <v>0</v>
      </c>
      <c r="CI29" s="191">
        <v>0</v>
      </c>
      <c r="CJ29" s="191">
        <v>0</v>
      </c>
      <c r="CK29" s="196">
        <v>7</v>
      </c>
      <c r="CL29" s="195">
        <v>1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1</v>
      </c>
      <c r="J30" s="191">
        <v>152</v>
      </c>
      <c r="K30" s="191">
        <v>0</v>
      </c>
      <c r="L30" s="194">
        <v>173</v>
      </c>
      <c r="M30" s="195">
        <v>17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9</v>
      </c>
      <c r="AD30" s="191">
        <v>0</v>
      </c>
      <c r="AE30" s="191">
        <v>9</v>
      </c>
      <c r="AF30" s="191">
        <v>0</v>
      </c>
      <c r="AG30" s="191">
        <v>0</v>
      </c>
      <c r="AH30" s="196">
        <v>18</v>
      </c>
      <c r="AI30" s="195">
        <v>18</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26</v>
      </c>
      <c r="BA30" s="191">
        <v>0</v>
      </c>
      <c r="BB30" s="191">
        <v>3</v>
      </c>
      <c r="BC30" s="191">
        <v>0</v>
      </c>
      <c r="BD30" s="194">
        <v>29</v>
      </c>
      <c r="BE30" s="195">
        <v>29</v>
      </c>
      <c r="BF30" s="190">
        <v>0</v>
      </c>
      <c r="BG30" s="191">
        <v>0</v>
      </c>
      <c r="BH30" s="196">
        <v>0</v>
      </c>
      <c r="BI30" s="193">
        <v>0</v>
      </c>
      <c r="BJ30" s="191">
        <v>16</v>
      </c>
      <c r="BK30" s="191">
        <v>0</v>
      </c>
      <c r="BL30" s="191">
        <v>8</v>
      </c>
      <c r="BM30" s="191">
        <v>0</v>
      </c>
      <c r="BN30" s="191">
        <v>0</v>
      </c>
      <c r="BO30" s="196">
        <v>24</v>
      </c>
      <c r="BP30" s="195">
        <v>24</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10</v>
      </c>
      <c r="CI30" s="191">
        <v>0</v>
      </c>
      <c r="CJ30" s="191">
        <v>0</v>
      </c>
      <c r="CK30" s="196">
        <v>10</v>
      </c>
      <c r="CL30" s="195">
        <v>1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38</v>
      </c>
      <c r="I31" s="191">
        <v>0</v>
      </c>
      <c r="J31" s="191">
        <v>0</v>
      </c>
      <c r="K31" s="191">
        <v>116</v>
      </c>
      <c r="L31" s="194">
        <v>154</v>
      </c>
      <c r="M31" s="195">
        <v>154</v>
      </c>
      <c r="N31" s="190">
        <v>0</v>
      </c>
      <c r="O31" s="191">
        <v>0</v>
      </c>
      <c r="P31" s="196">
        <v>0</v>
      </c>
      <c r="Q31" s="193">
        <v>0</v>
      </c>
      <c r="R31" s="191">
        <v>0</v>
      </c>
      <c r="S31" s="191">
        <v>0</v>
      </c>
      <c r="T31" s="191">
        <v>3</v>
      </c>
      <c r="U31" s="191">
        <v>0</v>
      </c>
      <c r="V31" s="191">
        <v>6</v>
      </c>
      <c r="W31" s="196">
        <v>9</v>
      </c>
      <c r="X31" s="195">
        <v>9</v>
      </c>
      <c r="Y31" s="190">
        <v>0</v>
      </c>
      <c r="Z31" s="191">
        <v>2</v>
      </c>
      <c r="AA31" s="196">
        <v>2</v>
      </c>
      <c r="AB31" s="193">
        <v>0</v>
      </c>
      <c r="AC31" s="191">
        <v>0</v>
      </c>
      <c r="AD31" s="191">
        <v>3</v>
      </c>
      <c r="AE31" s="191">
        <v>12</v>
      </c>
      <c r="AF31" s="191">
        <v>0</v>
      </c>
      <c r="AG31" s="191">
        <v>0</v>
      </c>
      <c r="AH31" s="196">
        <v>15</v>
      </c>
      <c r="AI31" s="195">
        <v>17</v>
      </c>
      <c r="AJ31" s="190">
        <v>0</v>
      </c>
      <c r="AK31" s="191">
        <v>0</v>
      </c>
      <c r="AL31" s="196">
        <v>0</v>
      </c>
      <c r="AM31" s="193">
        <v>0</v>
      </c>
      <c r="AN31" s="191">
        <v>0</v>
      </c>
      <c r="AO31" s="191">
        <v>12</v>
      </c>
      <c r="AP31" s="191">
        <v>0</v>
      </c>
      <c r="AQ31" s="191">
        <v>0</v>
      </c>
      <c r="AR31" s="191">
        <v>0</v>
      </c>
      <c r="AS31" s="196">
        <v>12</v>
      </c>
      <c r="AT31" s="195">
        <v>12</v>
      </c>
      <c r="AU31" s="190">
        <v>0</v>
      </c>
      <c r="AV31" s="191">
        <v>0</v>
      </c>
      <c r="AW31" s="196">
        <v>0</v>
      </c>
      <c r="AX31" s="193">
        <v>0</v>
      </c>
      <c r="AY31" s="191">
        <v>0</v>
      </c>
      <c r="AZ31" s="191">
        <v>31</v>
      </c>
      <c r="BA31" s="191">
        <v>22</v>
      </c>
      <c r="BB31" s="191">
        <v>0</v>
      </c>
      <c r="BC31" s="191">
        <v>0</v>
      </c>
      <c r="BD31" s="194">
        <v>53</v>
      </c>
      <c r="BE31" s="195">
        <v>53</v>
      </c>
      <c r="BF31" s="190">
        <v>0</v>
      </c>
      <c r="BG31" s="191">
        <v>0</v>
      </c>
      <c r="BH31" s="196">
        <v>0</v>
      </c>
      <c r="BI31" s="193">
        <v>0</v>
      </c>
      <c r="BJ31" s="191">
        <v>0</v>
      </c>
      <c r="BK31" s="191">
        <v>0</v>
      </c>
      <c r="BL31" s="191">
        <v>0</v>
      </c>
      <c r="BM31" s="191">
        <v>0</v>
      </c>
      <c r="BN31" s="191">
        <v>0</v>
      </c>
      <c r="BO31" s="196">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9</v>
      </c>
      <c r="H32" s="191">
        <v>26</v>
      </c>
      <c r="I32" s="191">
        <v>0</v>
      </c>
      <c r="J32" s="191">
        <v>12</v>
      </c>
      <c r="K32" s="191">
        <v>0</v>
      </c>
      <c r="L32" s="194">
        <v>47</v>
      </c>
      <c r="M32" s="195">
        <v>47</v>
      </c>
      <c r="N32" s="190">
        <v>0</v>
      </c>
      <c r="O32" s="191">
        <v>0</v>
      </c>
      <c r="P32" s="196">
        <v>0</v>
      </c>
      <c r="Q32" s="193">
        <v>0</v>
      </c>
      <c r="R32" s="191">
        <v>0</v>
      </c>
      <c r="S32" s="191">
        <v>0</v>
      </c>
      <c r="T32" s="191">
        <v>0</v>
      </c>
      <c r="U32" s="191">
        <v>0</v>
      </c>
      <c r="V32" s="191">
        <v>0</v>
      </c>
      <c r="W32" s="196">
        <v>0</v>
      </c>
      <c r="X32" s="195">
        <v>0</v>
      </c>
      <c r="Y32" s="190">
        <v>0</v>
      </c>
      <c r="Z32" s="191">
        <v>8</v>
      </c>
      <c r="AA32" s="196">
        <v>8</v>
      </c>
      <c r="AB32" s="193">
        <v>0</v>
      </c>
      <c r="AC32" s="191">
        <v>4</v>
      </c>
      <c r="AD32" s="191">
        <v>0</v>
      </c>
      <c r="AE32" s="191">
        <v>3</v>
      </c>
      <c r="AF32" s="191">
        <v>4</v>
      </c>
      <c r="AG32" s="191">
        <v>0</v>
      </c>
      <c r="AH32" s="196">
        <v>11</v>
      </c>
      <c r="AI32" s="195">
        <v>19</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12</v>
      </c>
      <c r="BC32" s="191">
        <v>0</v>
      </c>
      <c r="BD32" s="194">
        <v>12</v>
      </c>
      <c r="BE32" s="195">
        <v>12</v>
      </c>
      <c r="BF32" s="190">
        <v>0</v>
      </c>
      <c r="BG32" s="191">
        <v>0</v>
      </c>
      <c r="BH32" s="196">
        <v>0</v>
      </c>
      <c r="BI32" s="193">
        <v>0</v>
      </c>
      <c r="BJ32" s="191">
        <v>0</v>
      </c>
      <c r="BK32" s="191">
        <v>0</v>
      </c>
      <c r="BL32" s="191">
        <v>0</v>
      </c>
      <c r="BM32" s="191">
        <v>0</v>
      </c>
      <c r="BN32" s="191">
        <v>0</v>
      </c>
      <c r="BO32" s="196">
        <v>0</v>
      </c>
      <c r="BP32" s="195">
        <v>0</v>
      </c>
      <c r="BQ32" s="190">
        <v>0</v>
      </c>
      <c r="BR32" s="191">
        <v>0</v>
      </c>
      <c r="BS32" s="196">
        <v>0</v>
      </c>
      <c r="BT32" s="193">
        <v>0</v>
      </c>
      <c r="BU32" s="191">
        <v>3</v>
      </c>
      <c r="BV32" s="191">
        <v>0</v>
      </c>
      <c r="BW32" s="191">
        <v>15</v>
      </c>
      <c r="BX32" s="191">
        <v>11</v>
      </c>
      <c r="BY32" s="191">
        <v>0</v>
      </c>
      <c r="BZ32" s="196">
        <v>29</v>
      </c>
      <c r="CA32" s="195">
        <v>29</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0</v>
      </c>
      <c r="I33" s="191">
        <v>65</v>
      </c>
      <c r="J33" s="191">
        <v>0</v>
      </c>
      <c r="K33" s="191">
        <v>0</v>
      </c>
      <c r="L33" s="194">
        <v>65</v>
      </c>
      <c r="M33" s="195">
        <v>65</v>
      </c>
      <c r="N33" s="190">
        <v>0</v>
      </c>
      <c r="O33" s="191">
        <v>0</v>
      </c>
      <c r="P33" s="196">
        <v>0</v>
      </c>
      <c r="Q33" s="193">
        <v>0</v>
      </c>
      <c r="R33" s="191">
        <v>0</v>
      </c>
      <c r="S33" s="191">
        <v>4</v>
      </c>
      <c r="T33" s="191">
        <v>9</v>
      </c>
      <c r="U33" s="191">
        <v>0</v>
      </c>
      <c r="V33" s="191">
        <v>0</v>
      </c>
      <c r="W33" s="196">
        <v>13</v>
      </c>
      <c r="X33" s="195">
        <v>13</v>
      </c>
      <c r="Y33" s="190">
        <v>0</v>
      </c>
      <c r="Z33" s="191">
        <v>7</v>
      </c>
      <c r="AA33" s="196">
        <v>7</v>
      </c>
      <c r="AB33" s="193">
        <v>0</v>
      </c>
      <c r="AC33" s="191">
        <v>2</v>
      </c>
      <c r="AD33" s="191">
        <v>0</v>
      </c>
      <c r="AE33" s="191">
        <v>15</v>
      </c>
      <c r="AF33" s="191">
        <v>0</v>
      </c>
      <c r="AG33" s="191">
        <v>0</v>
      </c>
      <c r="AH33" s="196">
        <v>17</v>
      </c>
      <c r="AI33" s="195">
        <v>24</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9</v>
      </c>
      <c r="AZ33" s="191">
        <v>0</v>
      </c>
      <c r="BA33" s="191">
        <v>0</v>
      </c>
      <c r="BB33" s="191">
        <v>0</v>
      </c>
      <c r="BC33" s="191">
        <v>0</v>
      </c>
      <c r="BD33" s="194">
        <v>19</v>
      </c>
      <c r="BE33" s="195">
        <v>19</v>
      </c>
      <c r="BF33" s="190">
        <v>0</v>
      </c>
      <c r="BG33" s="191">
        <v>0</v>
      </c>
      <c r="BH33" s="196">
        <v>0</v>
      </c>
      <c r="BI33" s="193">
        <v>0</v>
      </c>
      <c r="BJ33" s="191">
        <v>6</v>
      </c>
      <c r="BK33" s="191">
        <v>6</v>
      </c>
      <c r="BL33" s="191">
        <v>2</v>
      </c>
      <c r="BM33" s="191">
        <v>0</v>
      </c>
      <c r="BN33" s="191">
        <v>0</v>
      </c>
      <c r="BO33" s="196">
        <v>14</v>
      </c>
      <c r="BP33" s="195">
        <v>14</v>
      </c>
      <c r="BQ33" s="190">
        <v>0</v>
      </c>
      <c r="BR33" s="191">
        <v>0</v>
      </c>
      <c r="BS33" s="196">
        <v>0</v>
      </c>
      <c r="BT33" s="193">
        <v>0</v>
      </c>
      <c r="BU33" s="191">
        <v>11</v>
      </c>
      <c r="BV33" s="191">
        <v>0</v>
      </c>
      <c r="BW33" s="191">
        <v>5</v>
      </c>
      <c r="BX33" s="191">
        <v>3</v>
      </c>
      <c r="BY33" s="191">
        <v>0</v>
      </c>
      <c r="BZ33" s="196">
        <v>19</v>
      </c>
      <c r="CA33" s="195">
        <v>19</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6</v>
      </c>
      <c r="H34" s="191">
        <v>31</v>
      </c>
      <c r="I34" s="191">
        <v>0</v>
      </c>
      <c r="J34" s="191">
        <v>0</v>
      </c>
      <c r="K34" s="191">
        <v>89</v>
      </c>
      <c r="L34" s="194">
        <v>166</v>
      </c>
      <c r="M34" s="195">
        <v>166</v>
      </c>
      <c r="N34" s="190">
        <v>0</v>
      </c>
      <c r="O34" s="191">
        <v>0</v>
      </c>
      <c r="P34" s="196">
        <v>0</v>
      </c>
      <c r="Q34" s="193">
        <v>0</v>
      </c>
      <c r="R34" s="191">
        <v>0</v>
      </c>
      <c r="S34" s="191">
        <v>0</v>
      </c>
      <c r="T34" s="191">
        <v>0</v>
      </c>
      <c r="U34" s="191">
        <v>0</v>
      </c>
      <c r="V34" s="191">
        <v>4</v>
      </c>
      <c r="W34" s="196">
        <v>4</v>
      </c>
      <c r="X34" s="195">
        <v>4</v>
      </c>
      <c r="Y34" s="190">
        <v>0</v>
      </c>
      <c r="Z34" s="191">
        <v>0</v>
      </c>
      <c r="AA34" s="196">
        <v>0</v>
      </c>
      <c r="AB34" s="193">
        <v>0</v>
      </c>
      <c r="AC34" s="191">
        <v>26</v>
      </c>
      <c r="AD34" s="191">
        <v>31</v>
      </c>
      <c r="AE34" s="191">
        <v>0</v>
      </c>
      <c r="AF34" s="191">
        <v>0</v>
      </c>
      <c r="AG34" s="191">
        <v>0</v>
      </c>
      <c r="AH34" s="196">
        <v>57</v>
      </c>
      <c r="AI34" s="195">
        <v>57</v>
      </c>
      <c r="AJ34" s="190">
        <v>0</v>
      </c>
      <c r="AK34" s="191">
        <v>0</v>
      </c>
      <c r="AL34" s="196">
        <v>0</v>
      </c>
      <c r="AM34" s="193">
        <v>0</v>
      </c>
      <c r="AN34" s="191">
        <v>0</v>
      </c>
      <c r="AO34" s="191">
        <v>9</v>
      </c>
      <c r="AP34" s="191">
        <v>0</v>
      </c>
      <c r="AQ34" s="191">
        <v>0</v>
      </c>
      <c r="AR34" s="191">
        <v>0</v>
      </c>
      <c r="AS34" s="196">
        <v>9</v>
      </c>
      <c r="AT34" s="195">
        <v>9</v>
      </c>
      <c r="AU34" s="190">
        <v>0</v>
      </c>
      <c r="AV34" s="191">
        <v>0</v>
      </c>
      <c r="AW34" s="196">
        <v>0</v>
      </c>
      <c r="AX34" s="193">
        <v>0</v>
      </c>
      <c r="AY34" s="191">
        <v>17</v>
      </c>
      <c r="AZ34" s="191">
        <v>42</v>
      </c>
      <c r="BA34" s="191">
        <v>27</v>
      </c>
      <c r="BB34" s="191">
        <v>0</v>
      </c>
      <c r="BC34" s="191">
        <v>0</v>
      </c>
      <c r="BD34" s="194">
        <v>86</v>
      </c>
      <c r="BE34" s="195">
        <v>86</v>
      </c>
      <c r="BF34" s="190">
        <v>0</v>
      </c>
      <c r="BG34" s="191">
        <v>0</v>
      </c>
      <c r="BH34" s="196">
        <v>0</v>
      </c>
      <c r="BI34" s="193">
        <v>0</v>
      </c>
      <c r="BJ34" s="191">
        <v>0</v>
      </c>
      <c r="BK34" s="191">
        <v>10</v>
      </c>
      <c r="BL34" s="191">
        <v>0</v>
      </c>
      <c r="BM34" s="191">
        <v>0</v>
      </c>
      <c r="BN34" s="191">
        <v>0</v>
      </c>
      <c r="BO34" s="196">
        <v>10</v>
      </c>
      <c r="BP34" s="195">
        <v>10</v>
      </c>
      <c r="BQ34" s="190">
        <v>0</v>
      </c>
      <c r="BR34" s="191">
        <v>0</v>
      </c>
      <c r="BS34" s="196">
        <v>0</v>
      </c>
      <c r="BT34" s="193">
        <v>0</v>
      </c>
      <c r="BU34" s="191">
        <v>0</v>
      </c>
      <c r="BV34" s="191">
        <v>7</v>
      </c>
      <c r="BW34" s="191">
        <v>0</v>
      </c>
      <c r="BX34" s="191">
        <v>0</v>
      </c>
      <c r="BY34" s="191">
        <v>0</v>
      </c>
      <c r="BZ34" s="196">
        <v>7</v>
      </c>
      <c r="CA34" s="195">
        <v>7</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12</v>
      </c>
      <c r="H35" s="191">
        <v>0</v>
      </c>
      <c r="I35" s="191">
        <v>13</v>
      </c>
      <c r="J35" s="191">
        <v>0</v>
      </c>
      <c r="K35" s="191">
        <v>26</v>
      </c>
      <c r="L35" s="194">
        <v>51</v>
      </c>
      <c r="M35" s="195">
        <v>51</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31</v>
      </c>
      <c r="AD35" s="191">
        <v>3</v>
      </c>
      <c r="AE35" s="191">
        <v>4</v>
      </c>
      <c r="AF35" s="191">
        <v>0</v>
      </c>
      <c r="AG35" s="191">
        <v>0</v>
      </c>
      <c r="AH35" s="196">
        <v>38</v>
      </c>
      <c r="AI35" s="195">
        <v>38</v>
      </c>
      <c r="AJ35" s="190">
        <v>27</v>
      </c>
      <c r="AK35" s="191">
        <v>9</v>
      </c>
      <c r="AL35" s="196">
        <v>36</v>
      </c>
      <c r="AM35" s="193">
        <v>0</v>
      </c>
      <c r="AN35" s="191">
        <v>21</v>
      </c>
      <c r="AO35" s="191">
        <v>0</v>
      </c>
      <c r="AP35" s="191">
        <v>24</v>
      </c>
      <c r="AQ35" s="191">
        <v>0</v>
      </c>
      <c r="AR35" s="191">
        <v>0</v>
      </c>
      <c r="AS35" s="196">
        <v>45</v>
      </c>
      <c r="AT35" s="195">
        <v>81</v>
      </c>
      <c r="AU35" s="190">
        <v>0</v>
      </c>
      <c r="AV35" s="191">
        <v>0</v>
      </c>
      <c r="AW35" s="196">
        <v>0</v>
      </c>
      <c r="AX35" s="193">
        <v>0</v>
      </c>
      <c r="AY35" s="191">
        <v>3</v>
      </c>
      <c r="AZ35" s="191">
        <v>0</v>
      </c>
      <c r="BA35" s="191">
        <v>0</v>
      </c>
      <c r="BB35" s="191">
        <v>0</v>
      </c>
      <c r="BC35" s="191">
        <v>0</v>
      </c>
      <c r="BD35" s="194">
        <v>3</v>
      </c>
      <c r="BE35" s="195">
        <v>3</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53</v>
      </c>
      <c r="BZ35" s="196">
        <v>53</v>
      </c>
      <c r="CA35" s="195">
        <v>53</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4</v>
      </c>
      <c r="AD36" s="191">
        <v>19</v>
      </c>
      <c r="AE36" s="191">
        <v>0</v>
      </c>
      <c r="AF36" s="191">
        <v>9</v>
      </c>
      <c r="AG36" s="191">
        <v>0</v>
      </c>
      <c r="AH36" s="196">
        <v>32</v>
      </c>
      <c r="AI36" s="195">
        <v>32</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6</v>
      </c>
      <c r="BA36" s="191">
        <v>0</v>
      </c>
      <c r="BB36" s="191">
        <v>0</v>
      </c>
      <c r="BC36" s="191">
        <v>0</v>
      </c>
      <c r="BD36" s="194">
        <v>16</v>
      </c>
      <c r="BE36" s="195">
        <v>16</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40</v>
      </c>
      <c r="H37" s="191">
        <v>8</v>
      </c>
      <c r="I37" s="191">
        <v>41</v>
      </c>
      <c r="J37" s="191">
        <v>71</v>
      </c>
      <c r="K37" s="191">
        <v>0</v>
      </c>
      <c r="L37" s="194">
        <v>160</v>
      </c>
      <c r="M37" s="195">
        <v>160</v>
      </c>
      <c r="N37" s="190">
        <v>0</v>
      </c>
      <c r="O37" s="191">
        <v>0</v>
      </c>
      <c r="P37" s="196">
        <v>0</v>
      </c>
      <c r="Q37" s="193">
        <v>0</v>
      </c>
      <c r="R37" s="191">
        <v>0</v>
      </c>
      <c r="S37" s="191">
        <v>0</v>
      </c>
      <c r="T37" s="191">
        <v>0</v>
      </c>
      <c r="U37" s="191">
        <v>9</v>
      </c>
      <c r="V37" s="191">
        <v>0</v>
      </c>
      <c r="W37" s="196">
        <v>9</v>
      </c>
      <c r="X37" s="195">
        <v>9</v>
      </c>
      <c r="Y37" s="190">
        <v>0</v>
      </c>
      <c r="Z37" s="191">
        <v>0</v>
      </c>
      <c r="AA37" s="196">
        <v>0</v>
      </c>
      <c r="AB37" s="193">
        <v>0</v>
      </c>
      <c r="AC37" s="191">
        <v>4</v>
      </c>
      <c r="AD37" s="191">
        <v>0</v>
      </c>
      <c r="AE37" s="191">
        <v>28</v>
      </c>
      <c r="AF37" s="191">
        <v>0</v>
      </c>
      <c r="AG37" s="191">
        <v>0</v>
      </c>
      <c r="AH37" s="196">
        <v>32</v>
      </c>
      <c r="AI37" s="195">
        <v>32</v>
      </c>
      <c r="AJ37" s="190">
        <v>8</v>
      </c>
      <c r="AK37" s="191">
        <v>12</v>
      </c>
      <c r="AL37" s="196">
        <v>20</v>
      </c>
      <c r="AM37" s="193">
        <v>0</v>
      </c>
      <c r="AN37" s="191">
        <v>6</v>
      </c>
      <c r="AO37" s="191">
        <v>0</v>
      </c>
      <c r="AP37" s="191">
        <v>45</v>
      </c>
      <c r="AQ37" s="191">
        <v>0</v>
      </c>
      <c r="AR37" s="191">
        <v>0</v>
      </c>
      <c r="AS37" s="196">
        <v>51</v>
      </c>
      <c r="AT37" s="195">
        <v>71</v>
      </c>
      <c r="AU37" s="190">
        <v>0</v>
      </c>
      <c r="AV37" s="191">
        <v>0</v>
      </c>
      <c r="AW37" s="196">
        <v>0</v>
      </c>
      <c r="AX37" s="193">
        <v>0</v>
      </c>
      <c r="AY37" s="191">
        <v>26</v>
      </c>
      <c r="AZ37" s="191">
        <v>22</v>
      </c>
      <c r="BA37" s="191">
        <v>26</v>
      </c>
      <c r="BB37" s="191">
        <v>0</v>
      </c>
      <c r="BC37" s="191">
        <v>8</v>
      </c>
      <c r="BD37" s="194">
        <v>82</v>
      </c>
      <c r="BE37" s="195">
        <v>82</v>
      </c>
      <c r="BF37" s="190">
        <v>0</v>
      </c>
      <c r="BG37" s="191">
        <v>0</v>
      </c>
      <c r="BH37" s="196">
        <v>0</v>
      </c>
      <c r="BI37" s="193">
        <v>0</v>
      </c>
      <c r="BJ37" s="191">
        <v>24</v>
      </c>
      <c r="BK37" s="191">
        <v>0</v>
      </c>
      <c r="BL37" s="191">
        <v>12</v>
      </c>
      <c r="BM37" s="191">
        <v>11</v>
      </c>
      <c r="BN37" s="191">
        <v>0</v>
      </c>
      <c r="BO37" s="196">
        <v>47</v>
      </c>
      <c r="BP37" s="195">
        <v>47</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13</v>
      </c>
      <c r="H38" s="191">
        <v>0</v>
      </c>
      <c r="I38" s="191">
        <v>8</v>
      </c>
      <c r="J38" s="191">
        <v>0</v>
      </c>
      <c r="K38" s="191">
        <v>124</v>
      </c>
      <c r="L38" s="194">
        <v>145</v>
      </c>
      <c r="M38" s="195">
        <v>145</v>
      </c>
      <c r="N38" s="190">
        <v>0</v>
      </c>
      <c r="O38" s="191">
        <v>0</v>
      </c>
      <c r="P38" s="196">
        <v>0</v>
      </c>
      <c r="Q38" s="193">
        <v>0</v>
      </c>
      <c r="R38" s="191">
        <v>0</v>
      </c>
      <c r="S38" s="191">
        <v>0</v>
      </c>
      <c r="T38" s="191">
        <v>0</v>
      </c>
      <c r="U38" s="191">
        <v>8</v>
      </c>
      <c r="V38" s="191">
        <v>7</v>
      </c>
      <c r="W38" s="196">
        <v>15</v>
      </c>
      <c r="X38" s="195">
        <v>15</v>
      </c>
      <c r="Y38" s="190">
        <v>0</v>
      </c>
      <c r="Z38" s="191">
        <v>0</v>
      </c>
      <c r="AA38" s="196">
        <v>0</v>
      </c>
      <c r="AB38" s="193">
        <v>0</v>
      </c>
      <c r="AC38" s="191">
        <v>0</v>
      </c>
      <c r="AD38" s="191">
        <v>0</v>
      </c>
      <c r="AE38" s="191">
        <v>12</v>
      </c>
      <c r="AF38" s="191">
        <v>6</v>
      </c>
      <c r="AG38" s="191">
        <v>7</v>
      </c>
      <c r="AH38" s="196">
        <v>25</v>
      </c>
      <c r="AI38" s="195">
        <v>25</v>
      </c>
      <c r="AJ38" s="190">
        <v>0</v>
      </c>
      <c r="AK38" s="191">
        <v>16</v>
      </c>
      <c r="AL38" s="196">
        <v>16</v>
      </c>
      <c r="AM38" s="193">
        <v>0</v>
      </c>
      <c r="AN38" s="191">
        <v>0</v>
      </c>
      <c r="AO38" s="191">
        <v>8</v>
      </c>
      <c r="AP38" s="191">
        <v>10</v>
      </c>
      <c r="AQ38" s="191">
        <v>6</v>
      </c>
      <c r="AR38" s="191">
        <v>0</v>
      </c>
      <c r="AS38" s="196">
        <v>24</v>
      </c>
      <c r="AT38" s="195">
        <v>40</v>
      </c>
      <c r="AU38" s="190">
        <v>0</v>
      </c>
      <c r="AV38" s="191">
        <v>0</v>
      </c>
      <c r="AW38" s="196">
        <v>0</v>
      </c>
      <c r="AX38" s="193">
        <v>0</v>
      </c>
      <c r="AY38" s="191">
        <v>12</v>
      </c>
      <c r="AZ38" s="191">
        <v>12</v>
      </c>
      <c r="BA38" s="191">
        <v>0</v>
      </c>
      <c r="BB38" s="191">
        <v>0</v>
      </c>
      <c r="BC38" s="191">
        <v>0</v>
      </c>
      <c r="BD38" s="194">
        <v>24</v>
      </c>
      <c r="BE38" s="195">
        <v>24</v>
      </c>
      <c r="BF38" s="190">
        <v>0</v>
      </c>
      <c r="BG38" s="191">
        <v>0</v>
      </c>
      <c r="BH38" s="196">
        <v>0</v>
      </c>
      <c r="BI38" s="193">
        <v>0</v>
      </c>
      <c r="BJ38" s="191">
        <v>0</v>
      </c>
      <c r="BK38" s="191">
        <v>0</v>
      </c>
      <c r="BL38" s="191">
        <v>0</v>
      </c>
      <c r="BM38" s="191">
        <v>7</v>
      </c>
      <c r="BN38" s="191">
        <v>0</v>
      </c>
      <c r="BO38" s="196">
        <v>7</v>
      </c>
      <c r="BP38" s="195">
        <v>7</v>
      </c>
      <c r="BQ38" s="190">
        <v>0</v>
      </c>
      <c r="BR38" s="191">
        <v>0</v>
      </c>
      <c r="BS38" s="196">
        <v>0</v>
      </c>
      <c r="BT38" s="193">
        <v>0</v>
      </c>
      <c r="BU38" s="191">
        <v>0</v>
      </c>
      <c r="BV38" s="191">
        <v>3</v>
      </c>
      <c r="BW38" s="191">
        <v>0</v>
      </c>
      <c r="BX38" s="191">
        <v>30</v>
      </c>
      <c r="BY38" s="191">
        <v>0</v>
      </c>
      <c r="BZ38" s="196">
        <v>33</v>
      </c>
      <c r="CA38" s="195">
        <v>33</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12</v>
      </c>
      <c r="BA39" s="198">
        <v>0</v>
      </c>
      <c r="BB39" s="198">
        <v>0</v>
      </c>
      <c r="BC39" s="198">
        <v>0</v>
      </c>
      <c r="BD39" s="201">
        <v>12</v>
      </c>
      <c r="BE39" s="202">
        <v>12</v>
      </c>
      <c r="BF39" s="197">
        <v>0</v>
      </c>
      <c r="BG39" s="198">
        <v>0</v>
      </c>
      <c r="BH39" s="203">
        <v>0</v>
      </c>
      <c r="BI39" s="200">
        <v>0</v>
      </c>
      <c r="BJ39" s="198">
        <v>4</v>
      </c>
      <c r="BK39" s="198">
        <v>0</v>
      </c>
      <c r="BL39" s="198">
        <v>7</v>
      </c>
      <c r="BM39" s="198">
        <v>0</v>
      </c>
      <c r="BN39" s="198">
        <v>0</v>
      </c>
      <c r="BO39" s="203">
        <v>11</v>
      </c>
      <c r="BP39" s="202">
        <v>1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6">
        <f>第１表!F2</f>
        <v>6</v>
      </c>
      <c r="K1" s="446"/>
      <c r="L1" s="18">
        <f>第１表!G2</f>
        <v>5</v>
      </c>
      <c r="M1" s="451">
        <f>IF(L1&lt;3,L1+12-2,L1-2)</f>
        <v>3</v>
      </c>
      <c r="N1" s="451"/>
    </row>
    <row r="2" spans="2:112" ht="24" customHeight="1" thickBot="1" x14ac:dyDescent="0.25">
      <c r="B2" s="142" t="s">
        <v>151</v>
      </c>
    </row>
    <row r="3" spans="2:112" ht="21" customHeight="1" thickBot="1" x14ac:dyDescent="0.25">
      <c r="B3" s="488"/>
      <c r="C3" s="491" t="s">
        <v>111</v>
      </c>
      <c r="D3" s="491"/>
      <c r="E3" s="491"/>
      <c r="F3" s="491"/>
      <c r="G3" s="491"/>
      <c r="H3" s="491"/>
      <c r="I3" s="491"/>
      <c r="J3" s="491"/>
      <c r="K3" s="491"/>
      <c r="L3" s="491"/>
      <c r="M3" s="492"/>
      <c r="N3" s="486" t="s">
        <v>110</v>
      </c>
      <c r="O3" s="486"/>
      <c r="P3" s="486"/>
      <c r="Q3" s="486"/>
      <c r="R3" s="486"/>
      <c r="S3" s="486"/>
      <c r="T3" s="486"/>
      <c r="U3" s="486"/>
      <c r="V3" s="486"/>
      <c r="W3" s="486"/>
      <c r="X3" s="487"/>
      <c r="Y3" s="485" t="s">
        <v>109</v>
      </c>
      <c r="Z3" s="486"/>
      <c r="AA3" s="486"/>
      <c r="AB3" s="486"/>
      <c r="AC3" s="486"/>
      <c r="AD3" s="486"/>
      <c r="AE3" s="486"/>
      <c r="AF3" s="486"/>
      <c r="AG3" s="486"/>
      <c r="AH3" s="486"/>
      <c r="AI3" s="487"/>
      <c r="AJ3" s="485" t="s">
        <v>108</v>
      </c>
      <c r="AK3" s="486"/>
      <c r="AL3" s="486"/>
      <c r="AM3" s="486"/>
      <c r="AN3" s="486"/>
      <c r="AO3" s="486"/>
      <c r="AP3" s="486"/>
      <c r="AQ3" s="486"/>
      <c r="AR3" s="486"/>
      <c r="AS3" s="486"/>
      <c r="AT3" s="487"/>
      <c r="AU3" s="485" t="s">
        <v>107</v>
      </c>
      <c r="AV3" s="486"/>
      <c r="AW3" s="486"/>
      <c r="AX3" s="486"/>
      <c r="AY3" s="486"/>
      <c r="AZ3" s="486"/>
      <c r="BA3" s="486"/>
      <c r="BB3" s="486"/>
      <c r="BC3" s="486"/>
      <c r="BD3" s="486"/>
      <c r="BE3" s="487"/>
      <c r="BF3" s="485" t="s">
        <v>106</v>
      </c>
      <c r="BG3" s="486"/>
      <c r="BH3" s="486"/>
      <c r="BI3" s="486"/>
      <c r="BJ3" s="486"/>
      <c r="BK3" s="486"/>
      <c r="BL3" s="486"/>
      <c r="BM3" s="486"/>
      <c r="BN3" s="486"/>
      <c r="BO3" s="486"/>
      <c r="BP3" s="487"/>
      <c r="BQ3" s="485" t="s">
        <v>105</v>
      </c>
      <c r="BR3" s="486"/>
      <c r="BS3" s="486"/>
      <c r="BT3" s="486"/>
      <c r="BU3" s="486"/>
      <c r="BV3" s="486"/>
      <c r="BW3" s="486"/>
      <c r="BX3" s="486"/>
      <c r="BY3" s="486"/>
      <c r="BZ3" s="486"/>
      <c r="CA3" s="487"/>
      <c r="CB3" s="485" t="s">
        <v>125</v>
      </c>
      <c r="CC3" s="486"/>
      <c r="CD3" s="486"/>
      <c r="CE3" s="486"/>
      <c r="CF3" s="486"/>
      <c r="CG3" s="486"/>
      <c r="CH3" s="486"/>
      <c r="CI3" s="486"/>
      <c r="CJ3" s="486"/>
      <c r="CK3" s="486"/>
      <c r="CL3" s="487"/>
      <c r="CM3" s="485" t="s">
        <v>158</v>
      </c>
      <c r="CN3" s="486"/>
      <c r="CO3" s="486"/>
      <c r="CP3" s="486"/>
      <c r="CQ3" s="486"/>
      <c r="CR3" s="486"/>
      <c r="CS3" s="486"/>
      <c r="CT3" s="486"/>
      <c r="CU3" s="486"/>
      <c r="CV3" s="486"/>
      <c r="CW3" s="487"/>
      <c r="CX3" s="485" t="s">
        <v>154</v>
      </c>
      <c r="CY3" s="486"/>
      <c r="CZ3" s="486"/>
      <c r="DA3" s="486"/>
      <c r="DB3" s="486"/>
      <c r="DC3" s="486"/>
      <c r="DD3" s="486"/>
      <c r="DE3" s="486"/>
      <c r="DF3" s="486"/>
      <c r="DG3" s="486"/>
      <c r="DH3" s="487"/>
    </row>
    <row r="4" spans="2:112" ht="21" customHeight="1" x14ac:dyDescent="0.2">
      <c r="B4" s="489"/>
      <c r="C4" s="493" t="s">
        <v>61</v>
      </c>
      <c r="D4" s="470"/>
      <c r="E4" s="471"/>
      <c r="F4" s="472" t="s">
        <v>62</v>
      </c>
      <c r="G4" s="470"/>
      <c r="H4" s="470"/>
      <c r="I4" s="470"/>
      <c r="J4" s="470"/>
      <c r="K4" s="470"/>
      <c r="L4" s="475"/>
      <c r="M4" s="473" t="s">
        <v>52</v>
      </c>
      <c r="N4" s="493" t="s">
        <v>61</v>
      </c>
      <c r="O4" s="470"/>
      <c r="P4" s="471"/>
      <c r="Q4" s="472" t="s">
        <v>62</v>
      </c>
      <c r="R4" s="470"/>
      <c r="S4" s="470"/>
      <c r="T4" s="470"/>
      <c r="U4" s="470"/>
      <c r="V4" s="470"/>
      <c r="W4" s="471"/>
      <c r="X4" s="473" t="s">
        <v>52</v>
      </c>
      <c r="Y4" s="469" t="s">
        <v>61</v>
      </c>
      <c r="Z4" s="470"/>
      <c r="AA4" s="475"/>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69" t="s">
        <v>61</v>
      </c>
      <c r="AV4" s="470"/>
      <c r="AW4" s="475"/>
      <c r="AX4" s="472" t="s">
        <v>62</v>
      </c>
      <c r="AY4" s="470"/>
      <c r="AZ4" s="470"/>
      <c r="BA4" s="470"/>
      <c r="BB4" s="470"/>
      <c r="BC4" s="470"/>
      <c r="BD4" s="475"/>
      <c r="BE4" s="473" t="s">
        <v>52</v>
      </c>
      <c r="BF4" s="469" t="s">
        <v>61</v>
      </c>
      <c r="BG4" s="470"/>
      <c r="BH4" s="471"/>
      <c r="BI4" s="472" t="s">
        <v>62</v>
      </c>
      <c r="BJ4" s="470"/>
      <c r="BK4" s="470"/>
      <c r="BL4" s="470"/>
      <c r="BM4" s="470"/>
      <c r="BN4" s="470"/>
      <c r="BO4" s="471"/>
      <c r="BP4" s="473" t="s">
        <v>52</v>
      </c>
      <c r="BQ4" s="469" t="s">
        <v>61</v>
      </c>
      <c r="BR4" s="470"/>
      <c r="BS4" s="471"/>
      <c r="BT4" s="472" t="s">
        <v>62</v>
      </c>
      <c r="BU4" s="470"/>
      <c r="BV4" s="470"/>
      <c r="BW4" s="470"/>
      <c r="BX4" s="470"/>
      <c r="BY4" s="470"/>
      <c r="BZ4" s="471"/>
      <c r="CA4" s="473" t="s">
        <v>52</v>
      </c>
      <c r="CB4" s="469" t="s">
        <v>61</v>
      </c>
      <c r="CC4" s="470"/>
      <c r="CD4" s="471"/>
      <c r="CE4" s="472" t="s">
        <v>62</v>
      </c>
      <c r="CF4" s="470"/>
      <c r="CG4" s="470"/>
      <c r="CH4" s="470"/>
      <c r="CI4" s="470"/>
      <c r="CJ4" s="470"/>
      <c r="CK4" s="471"/>
      <c r="CL4" s="473" t="s">
        <v>52</v>
      </c>
      <c r="CM4" s="469" t="s">
        <v>61</v>
      </c>
      <c r="CN4" s="470"/>
      <c r="CO4" s="471"/>
      <c r="CP4" s="472" t="s">
        <v>62</v>
      </c>
      <c r="CQ4" s="470"/>
      <c r="CR4" s="470"/>
      <c r="CS4" s="470"/>
      <c r="CT4" s="470"/>
      <c r="CU4" s="470"/>
      <c r="CV4" s="471"/>
      <c r="CW4" s="473" t="s">
        <v>52</v>
      </c>
      <c r="CX4" s="469" t="s">
        <v>61</v>
      </c>
      <c r="CY4" s="470"/>
      <c r="CZ4" s="471"/>
      <c r="DA4" s="472" t="s">
        <v>62</v>
      </c>
      <c r="DB4" s="470"/>
      <c r="DC4" s="470"/>
      <c r="DD4" s="470"/>
      <c r="DE4" s="470"/>
      <c r="DF4" s="470"/>
      <c r="DG4" s="471"/>
      <c r="DH4" s="473" t="s">
        <v>52</v>
      </c>
    </row>
    <row r="5" spans="2:112" ht="30" customHeight="1" thickBot="1" x14ac:dyDescent="0.25">
      <c r="B5" s="490"/>
      <c r="C5" s="204" t="s">
        <v>43</v>
      </c>
      <c r="D5" s="182" t="s">
        <v>44</v>
      </c>
      <c r="E5" s="205" t="s">
        <v>45</v>
      </c>
      <c r="F5" s="180" t="s">
        <v>83</v>
      </c>
      <c r="G5" s="178" t="s">
        <v>47</v>
      </c>
      <c r="H5" s="178" t="s">
        <v>48</v>
      </c>
      <c r="I5" s="178" t="s">
        <v>49</v>
      </c>
      <c r="J5" s="178" t="s">
        <v>50</v>
      </c>
      <c r="K5" s="178" t="s">
        <v>51</v>
      </c>
      <c r="L5" s="181" t="s">
        <v>45</v>
      </c>
      <c r="M5" s="474"/>
      <c r="N5" s="204" t="s">
        <v>43</v>
      </c>
      <c r="O5" s="178" t="s">
        <v>44</v>
      </c>
      <c r="P5" s="182" t="s">
        <v>45</v>
      </c>
      <c r="Q5" s="180" t="s">
        <v>83</v>
      </c>
      <c r="R5" s="178" t="s">
        <v>47</v>
      </c>
      <c r="S5" s="178" t="s">
        <v>48</v>
      </c>
      <c r="T5" s="178" t="s">
        <v>49</v>
      </c>
      <c r="U5" s="178" t="s">
        <v>50</v>
      </c>
      <c r="V5" s="178" t="s">
        <v>51</v>
      </c>
      <c r="W5" s="182" t="s">
        <v>45</v>
      </c>
      <c r="X5" s="474"/>
      <c r="Y5" s="177" t="s">
        <v>43</v>
      </c>
      <c r="Z5" s="178" t="s">
        <v>44</v>
      </c>
      <c r="AA5" s="181"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1" t="s">
        <v>45</v>
      </c>
      <c r="AX5" s="180" t="s">
        <v>83</v>
      </c>
      <c r="AY5" s="178" t="s">
        <v>47</v>
      </c>
      <c r="AZ5" s="178" t="s">
        <v>48</v>
      </c>
      <c r="BA5" s="178" t="s">
        <v>49</v>
      </c>
      <c r="BB5" s="178" t="s">
        <v>50</v>
      </c>
      <c r="BC5" s="178" t="s">
        <v>51</v>
      </c>
      <c r="BD5" s="181" t="s">
        <v>45</v>
      </c>
      <c r="BE5" s="474"/>
      <c r="BF5" s="177" t="s">
        <v>43</v>
      </c>
      <c r="BG5" s="178" t="s">
        <v>44</v>
      </c>
      <c r="BH5" s="182" t="s">
        <v>45</v>
      </c>
      <c r="BI5" s="180" t="s">
        <v>83</v>
      </c>
      <c r="BJ5" s="178" t="s">
        <v>47</v>
      </c>
      <c r="BK5" s="178" t="s">
        <v>48</v>
      </c>
      <c r="BL5" s="178" t="s">
        <v>49</v>
      </c>
      <c r="BM5" s="178" t="s">
        <v>50</v>
      </c>
      <c r="BN5" s="178" t="s">
        <v>51</v>
      </c>
      <c r="BO5" s="182" t="s">
        <v>45</v>
      </c>
      <c r="BP5" s="474"/>
      <c r="BQ5" s="177" t="s">
        <v>43</v>
      </c>
      <c r="BR5" s="178" t="s">
        <v>44</v>
      </c>
      <c r="BS5" s="182" t="s">
        <v>45</v>
      </c>
      <c r="BT5" s="180" t="s">
        <v>83</v>
      </c>
      <c r="BU5" s="178" t="s">
        <v>47</v>
      </c>
      <c r="BV5" s="178" t="s">
        <v>48</v>
      </c>
      <c r="BW5" s="178" t="s">
        <v>49</v>
      </c>
      <c r="BX5" s="178" t="s">
        <v>50</v>
      </c>
      <c r="BY5" s="178" t="s">
        <v>51</v>
      </c>
      <c r="BZ5" s="182" t="s">
        <v>45</v>
      </c>
      <c r="CA5" s="474"/>
      <c r="CB5" s="177" t="s">
        <v>43</v>
      </c>
      <c r="CC5" s="178" t="s">
        <v>44</v>
      </c>
      <c r="CD5" s="182" t="s">
        <v>45</v>
      </c>
      <c r="CE5" s="180" t="s">
        <v>83</v>
      </c>
      <c r="CF5" s="178" t="s">
        <v>47</v>
      </c>
      <c r="CG5" s="178" t="s">
        <v>48</v>
      </c>
      <c r="CH5" s="178" t="s">
        <v>49</v>
      </c>
      <c r="CI5" s="178" t="s">
        <v>50</v>
      </c>
      <c r="CJ5" s="178" t="s">
        <v>51</v>
      </c>
      <c r="CK5" s="182" t="s">
        <v>45</v>
      </c>
      <c r="CL5" s="474"/>
      <c r="CM5" s="177" t="s">
        <v>43</v>
      </c>
      <c r="CN5" s="178" t="s">
        <v>44</v>
      </c>
      <c r="CO5" s="182" t="s">
        <v>45</v>
      </c>
      <c r="CP5" s="180" t="s">
        <v>83</v>
      </c>
      <c r="CQ5" s="178" t="s">
        <v>47</v>
      </c>
      <c r="CR5" s="178" t="s">
        <v>48</v>
      </c>
      <c r="CS5" s="178" t="s">
        <v>49</v>
      </c>
      <c r="CT5" s="178" t="s">
        <v>50</v>
      </c>
      <c r="CU5" s="178" t="s">
        <v>51</v>
      </c>
      <c r="CV5" s="182" t="s">
        <v>45</v>
      </c>
      <c r="CW5" s="474"/>
      <c r="CX5" s="177" t="s">
        <v>43</v>
      </c>
      <c r="CY5" s="178" t="s">
        <v>44</v>
      </c>
      <c r="CZ5" s="182" t="s">
        <v>45</v>
      </c>
      <c r="DA5" s="180" t="s">
        <v>83</v>
      </c>
      <c r="DB5" s="178" t="s">
        <v>47</v>
      </c>
      <c r="DC5" s="178" t="s">
        <v>48</v>
      </c>
      <c r="DD5" s="178" t="s">
        <v>49</v>
      </c>
      <c r="DE5" s="178" t="s">
        <v>50</v>
      </c>
      <c r="DF5" s="178" t="s">
        <v>51</v>
      </c>
      <c r="DG5" s="182" t="s">
        <v>45</v>
      </c>
      <c r="DH5" s="474"/>
    </row>
    <row r="6" spans="2:112" ht="21" customHeight="1" x14ac:dyDescent="0.2">
      <c r="B6" s="84" t="s">
        <v>4</v>
      </c>
      <c r="C6" s="183">
        <v>0</v>
      </c>
      <c r="D6" s="189">
        <v>0</v>
      </c>
      <c r="E6" s="206">
        <v>0</v>
      </c>
      <c r="F6" s="186">
        <v>0</v>
      </c>
      <c r="G6" s="184">
        <v>12997</v>
      </c>
      <c r="H6" s="184">
        <v>19503</v>
      </c>
      <c r="I6" s="184">
        <v>19288</v>
      </c>
      <c r="J6" s="184">
        <v>25615</v>
      </c>
      <c r="K6" s="184">
        <v>23240</v>
      </c>
      <c r="L6" s="187">
        <v>100643</v>
      </c>
      <c r="M6" s="188">
        <v>100643</v>
      </c>
      <c r="N6" s="183">
        <v>0</v>
      </c>
      <c r="O6" s="184">
        <v>9</v>
      </c>
      <c r="P6" s="189">
        <v>9</v>
      </c>
      <c r="Q6" s="186">
        <v>0</v>
      </c>
      <c r="R6" s="184">
        <v>57</v>
      </c>
      <c r="S6" s="184">
        <v>111</v>
      </c>
      <c r="T6" s="184">
        <v>258</v>
      </c>
      <c r="U6" s="184">
        <v>653</v>
      </c>
      <c r="V6" s="184">
        <v>1169</v>
      </c>
      <c r="W6" s="189">
        <v>2248</v>
      </c>
      <c r="X6" s="188">
        <v>2257</v>
      </c>
      <c r="Y6" s="183">
        <v>1356</v>
      </c>
      <c r="Z6" s="184">
        <v>3979</v>
      </c>
      <c r="AA6" s="189">
        <v>5335</v>
      </c>
      <c r="AB6" s="186">
        <v>0</v>
      </c>
      <c r="AC6" s="184">
        <v>9412</v>
      </c>
      <c r="AD6" s="184">
        <v>14798</v>
      </c>
      <c r="AE6" s="184">
        <v>8958</v>
      </c>
      <c r="AF6" s="184">
        <v>7235</v>
      </c>
      <c r="AG6" s="184">
        <v>5406</v>
      </c>
      <c r="AH6" s="189">
        <v>45809</v>
      </c>
      <c r="AI6" s="188">
        <v>51144</v>
      </c>
      <c r="AJ6" s="183">
        <v>205</v>
      </c>
      <c r="AK6" s="184">
        <v>659</v>
      </c>
      <c r="AL6" s="189">
        <v>864</v>
      </c>
      <c r="AM6" s="186">
        <v>0</v>
      </c>
      <c r="AN6" s="184">
        <v>1027</v>
      </c>
      <c r="AO6" s="184">
        <v>2053</v>
      </c>
      <c r="AP6" s="184">
        <v>940</v>
      </c>
      <c r="AQ6" s="184">
        <v>1041</v>
      </c>
      <c r="AR6" s="184">
        <v>555</v>
      </c>
      <c r="AS6" s="189">
        <v>5616</v>
      </c>
      <c r="AT6" s="188">
        <v>6480</v>
      </c>
      <c r="AU6" s="183">
        <v>0</v>
      </c>
      <c r="AV6" s="184">
        <v>0</v>
      </c>
      <c r="AW6" s="189">
        <v>0</v>
      </c>
      <c r="AX6" s="186">
        <v>0</v>
      </c>
      <c r="AY6" s="184">
        <v>10891</v>
      </c>
      <c r="AZ6" s="184">
        <v>10299</v>
      </c>
      <c r="BA6" s="184">
        <v>5661</v>
      </c>
      <c r="BB6" s="184">
        <v>3104</v>
      </c>
      <c r="BC6" s="184">
        <v>1425</v>
      </c>
      <c r="BD6" s="187">
        <v>31380</v>
      </c>
      <c r="BE6" s="188">
        <v>31380</v>
      </c>
      <c r="BF6" s="183">
        <v>0</v>
      </c>
      <c r="BG6" s="184">
        <v>0</v>
      </c>
      <c r="BH6" s="189">
        <v>0</v>
      </c>
      <c r="BI6" s="186">
        <v>0</v>
      </c>
      <c r="BJ6" s="184">
        <v>2356</v>
      </c>
      <c r="BK6" s="184">
        <v>3416</v>
      </c>
      <c r="BL6" s="184">
        <v>2180</v>
      </c>
      <c r="BM6" s="184">
        <v>1169</v>
      </c>
      <c r="BN6" s="184">
        <v>513</v>
      </c>
      <c r="BO6" s="189">
        <v>9634</v>
      </c>
      <c r="BP6" s="188">
        <v>9634</v>
      </c>
      <c r="BQ6" s="183">
        <v>8</v>
      </c>
      <c r="BR6" s="184">
        <v>68</v>
      </c>
      <c r="BS6" s="189">
        <v>76</v>
      </c>
      <c r="BT6" s="186">
        <v>0</v>
      </c>
      <c r="BU6" s="184">
        <v>1181</v>
      </c>
      <c r="BV6" s="184">
        <v>2088</v>
      </c>
      <c r="BW6" s="184">
        <v>2526</v>
      </c>
      <c r="BX6" s="184">
        <v>2065</v>
      </c>
      <c r="BY6" s="184">
        <v>1080</v>
      </c>
      <c r="BZ6" s="189">
        <v>8940</v>
      </c>
      <c r="CA6" s="188">
        <v>9016</v>
      </c>
      <c r="CB6" s="183">
        <v>3</v>
      </c>
      <c r="CC6" s="184">
        <v>5</v>
      </c>
      <c r="CD6" s="189">
        <v>8</v>
      </c>
      <c r="CE6" s="186">
        <v>0</v>
      </c>
      <c r="CF6" s="184">
        <v>135</v>
      </c>
      <c r="CG6" s="184">
        <v>385</v>
      </c>
      <c r="CH6" s="184">
        <v>314</v>
      </c>
      <c r="CI6" s="184">
        <v>368</v>
      </c>
      <c r="CJ6" s="184">
        <v>110</v>
      </c>
      <c r="CK6" s="189">
        <v>1312</v>
      </c>
      <c r="CL6" s="188">
        <v>1320</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891</v>
      </c>
      <c r="H7" s="191">
        <v>8853</v>
      </c>
      <c r="I7" s="191">
        <v>7567</v>
      </c>
      <c r="J7" s="191">
        <v>10012</v>
      </c>
      <c r="K7" s="191">
        <v>10233</v>
      </c>
      <c r="L7" s="194">
        <v>41556</v>
      </c>
      <c r="M7" s="195">
        <v>41556</v>
      </c>
      <c r="N7" s="190">
        <v>0</v>
      </c>
      <c r="O7" s="191">
        <v>9</v>
      </c>
      <c r="P7" s="196">
        <v>9</v>
      </c>
      <c r="Q7" s="193">
        <v>0</v>
      </c>
      <c r="R7" s="191">
        <v>11</v>
      </c>
      <c r="S7" s="191">
        <v>33</v>
      </c>
      <c r="T7" s="191">
        <v>120</v>
      </c>
      <c r="U7" s="191">
        <v>214</v>
      </c>
      <c r="V7" s="191">
        <v>616</v>
      </c>
      <c r="W7" s="196">
        <v>994</v>
      </c>
      <c r="X7" s="195">
        <v>1003</v>
      </c>
      <c r="Y7" s="190">
        <v>579</v>
      </c>
      <c r="Z7" s="191">
        <v>2047</v>
      </c>
      <c r="AA7" s="196">
        <v>2626</v>
      </c>
      <c r="AB7" s="193">
        <v>0</v>
      </c>
      <c r="AC7" s="191">
        <v>3222</v>
      </c>
      <c r="AD7" s="191">
        <v>8211</v>
      </c>
      <c r="AE7" s="191">
        <v>4477</v>
      </c>
      <c r="AF7" s="191">
        <v>3436</v>
      </c>
      <c r="AG7" s="191">
        <v>2592</v>
      </c>
      <c r="AH7" s="196">
        <v>21938</v>
      </c>
      <c r="AI7" s="195">
        <v>24564</v>
      </c>
      <c r="AJ7" s="190">
        <v>74</v>
      </c>
      <c r="AK7" s="191">
        <v>406</v>
      </c>
      <c r="AL7" s="196">
        <v>480</v>
      </c>
      <c r="AM7" s="193">
        <v>0</v>
      </c>
      <c r="AN7" s="191">
        <v>349</v>
      </c>
      <c r="AO7" s="191">
        <v>1141</v>
      </c>
      <c r="AP7" s="191">
        <v>444</v>
      </c>
      <c r="AQ7" s="191">
        <v>469</v>
      </c>
      <c r="AR7" s="191">
        <v>210</v>
      </c>
      <c r="AS7" s="196">
        <v>2613</v>
      </c>
      <c r="AT7" s="195">
        <v>3093</v>
      </c>
      <c r="AU7" s="190">
        <v>0</v>
      </c>
      <c r="AV7" s="191">
        <v>0</v>
      </c>
      <c r="AW7" s="196">
        <v>0</v>
      </c>
      <c r="AX7" s="193">
        <v>0</v>
      </c>
      <c r="AY7" s="191">
        <v>3573</v>
      </c>
      <c r="AZ7" s="191">
        <v>4357</v>
      </c>
      <c r="BA7" s="191">
        <v>2083</v>
      </c>
      <c r="BB7" s="191">
        <v>1244</v>
      </c>
      <c r="BC7" s="191">
        <v>487</v>
      </c>
      <c r="BD7" s="194">
        <v>11744</v>
      </c>
      <c r="BE7" s="195">
        <v>11744</v>
      </c>
      <c r="BF7" s="190">
        <v>0</v>
      </c>
      <c r="BG7" s="191">
        <v>0</v>
      </c>
      <c r="BH7" s="196">
        <v>0</v>
      </c>
      <c r="BI7" s="193">
        <v>0</v>
      </c>
      <c r="BJ7" s="191">
        <v>680</v>
      </c>
      <c r="BK7" s="191">
        <v>1670</v>
      </c>
      <c r="BL7" s="191">
        <v>988</v>
      </c>
      <c r="BM7" s="191">
        <v>476</v>
      </c>
      <c r="BN7" s="191">
        <v>236</v>
      </c>
      <c r="BO7" s="196">
        <v>4050</v>
      </c>
      <c r="BP7" s="195">
        <v>4050</v>
      </c>
      <c r="BQ7" s="190">
        <v>5</v>
      </c>
      <c r="BR7" s="191">
        <v>20</v>
      </c>
      <c r="BS7" s="196">
        <v>25</v>
      </c>
      <c r="BT7" s="193">
        <v>0</v>
      </c>
      <c r="BU7" s="191">
        <v>469</v>
      </c>
      <c r="BV7" s="191">
        <v>876</v>
      </c>
      <c r="BW7" s="191">
        <v>1127</v>
      </c>
      <c r="BX7" s="191">
        <v>902</v>
      </c>
      <c r="BY7" s="191">
        <v>449</v>
      </c>
      <c r="BZ7" s="196">
        <v>3823</v>
      </c>
      <c r="CA7" s="195">
        <v>3848</v>
      </c>
      <c r="CB7" s="190">
        <v>3</v>
      </c>
      <c r="CC7" s="191">
        <v>5</v>
      </c>
      <c r="CD7" s="196">
        <v>8</v>
      </c>
      <c r="CE7" s="193">
        <v>0</v>
      </c>
      <c r="CF7" s="191">
        <v>68</v>
      </c>
      <c r="CG7" s="191">
        <v>226</v>
      </c>
      <c r="CH7" s="191">
        <v>144</v>
      </c>
      <c r="CI7" s="191">
        <v>285</v>
      </c>
      <c r="CJ7" s="191">
        <v>61</v>
      </c>
      <c r="CK7" s="196">
        <v>784</v>
      </c>
      <c r="CL7" s="195">
        <v>792</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425</v>
      </c>
      <c r="H8" s="191">
        <v>2930</v>
      </c>
      <c r="I8" s="191">
        <v>2728</v>
      </c>
      <c r="J8" s="191">
        <v>4649</v>
      </c>
      <c r="K8" s="191">
        <v>4451</v>
      </c>
      <c r="L8" s="194">
        <v>17183</v>
      </c>
      <c r="M8" s="195">
        <v>17183</v>
      </c>
      <c r="N8" s="190">
        <v>0</v>
      </c>
      <c r="O8" s="191">
        <v>0</v>
      </c>
      <c r="P8" s="196">
        <v>0</v>
      </c>
      <c r="Q8" s="193">
        <v>0</v>
      </c>
      <c r="R8" s="191">
        <v>11</v>
      </c>
      <c r="S8" s="191">
        <v>29</v>
      </c>
      <c r="T8" s="191">
        <v>53</v>
      </c>
      <c r="U8" s="191">
        <v>112</v>
      </c>
      <c r="V8" s="191">
        <v>145</v>
      </c>
      <c r="W8" s="196">
        <v>350</v>
      </c>
      <c r="X8" s="195">
        <v>350</v>
      </c>
      <c r="Y8" s="190">
        <v>242</v>
      </c>
      <c r="Z8" s="191">
        <v>701</v>
      </c>
      <c r="AA8" s="196">
        <v>943</v>
      </c>
      <c r="AB8" s="193">
        <v>0</v>
      </c>
      <c r="AC8" s="191">
        <v>2697</v>
      </c>
      <c r="AD8" s="191">
        <v>2287</v>
      </c>
      <c r="AE8" s="191">
        <v>1786</v>
      </c>
      <c r="AF8" s="191">
        <v>1335</v>
      </c>
      <c r="AG8" s="191">
        <v>963</v>
      </c>
      <c r="AH8" s="196">
        <v>9068</v>
      </c>
      <c r="AI8" s="195">
        <v>10011</v>
      </c>
      <c r="AJ8" s="190">
        <v>37</v>
      </c>
      <c r="AK8" s="191">
        <v>40</v>
      </c>
      <c r="AL8" s="196">
        <v>77</v>
      </c>
      <c r="AM8" s="193">
        <v>0</v>
      </c>
      <c r="AN8" s="191">
        <v>264</v>
      </c>
      <c r="AO8" s="191">
        <v>189</v>
      </c>
      <c r="AP8" s="191">
        <v>122</v>
      </c>
      <c r="AQ8" s="191">
        <v>232</v>
      </c>
      <c r="AR8" s="191">
        <v>58</v>
      </c>
      <c r="AS8" s="196">
        <v>865</v>
      </c>
      <c r="AT8" s="195">
        <v>942</v>
      </c>
      <c r="AU8" s="190">
        <v>0</v>
      </c>
      <c r="AV8" s="191">
        <v>0</v>
      </c>
      <c r="AW8" s="196">
        <v>0</v>
      </c>
      <c r="AX8" s="193">
        <v>0</v>
      </c>
      <c r="AY8" s="191">
        <v>2300</v>
      </c>
      <c r="AZ8" s="191">
        <v>1548</v>
      </c>
      <c r="BA8" s="191">
        <v>831</v>
      </c>
      <c r="BB8" s="191">
        <v>470</v>
      </c>
      <c r="BC8" s="191">
        <v>186</v>
      </c>
      <c r="BD8" s="194">
        <v>5335</v>
      </c>
      <c r="BE8" s="195">
        <v>5335</v>
      </c>
      <c r="BF8" s="190">
        <v>0</v>
      </c>
      <c r="BG8" s="191">
        <v>0</v>
      </c>
      <c r="BH8" s="196">
        <v>0</v>
      </c>
      <c r="BI8" s="193">
        <v>0</v>
      </c>
      <c r="BJ8" s="191">
        <v>481</v>
      </c>
      <c r="BK8" s="191">
        <v>463</v>
      </c>
      <c r="BL8" s="191">
        <v>261</v>
      </c>
      <c r="BM8" s="191">
        <v>176</v>
      </c>
      <c r="BN8" s="191">
        <v>48</v>
      </c>
      <c r="BO8" s="196">
        <v>1429</v>
      </c>
      <c r="BP8" s="195">
        <v>1429</v>
      </c>
      <c r="BQ8" s="190">
        <v>0</v>
      </c>
      <c r="BR8" s="191">
        <v>2</v>
      </c>
      <c r="BS8" s="196">
        <v>2</v>
      </c>
      <c r="BT8" s="193">
        <v>0</v>
      </c>
      <c r="BU8" s="191">
        <v>98</v>
      </c>
      <c r="BV8" s="191">
        <v>274</v>
      </c>
      <c r="BW8" s="191">
        <v>371</v>
      </c>
      <c r="BX8" s="191">
        <v>268</v>
      </c>
      <c r="BY8" s="191">
        <v>121</v>
      </c>
      <c r="BZ8" s="196">
        <v>1132</v>
      </c>
      <c r="CA8" s="195">
        <v>1134</v>
      </c>
      <c r="CB8" s="190">
        <v>0</v>
      </c>
      <c r="CC8" s="191">
        <v>0</v>
      </c>
      <c r="CD8" s="196">
        <v>0</v>
      </c>
      <c r="CE8" s="193">
        <v>0</v>
      </c>
      <c r="CF8" s="191">
        <v>39</v>
      </c>
      <c r="CG8" s="191">
        <v>94</v>
      </c>
      <c r="CH8" s="191">
        <v>96</v>
      </c>
      <c r="CI8" s="191">
        <v>30</v>
      </c>
      <c r="CJ8" s="191">
        <v>28</v>
      </c>
      <c r="CK8" s="196">
        <v>287</v>
      </c>
      <c r="CL8" s="195">
        <v>287</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545</v>
      </c>
      <c r="H9" s="191">
        <v>1559</v>
      </c>
      <c r="I9" s="191">
        <v>1309</v>
      </c>
      <c r="J9" s="191">
        <v>1075</v>
      </c>
      <c r="K9" s="191">
        <v>1348</v>
      </c>
      <c r="L9" s="194">
        <v>5836</v>
      </c>
      <c r="M9" s="195">
        <v>5836</v>
      </c>
      <c r="N9" s="190">
        <v>0</v>
      </c>
      <c r="O9" s="191">
        <v>0</v>
      </c>
      <c r="P9" s="196">
        <v>0</v>
      </c>
      <c r="Q9" s="193">
        <v>0</v>
      </c>
      <c r="R9" s="191">
        <v>2</v>
      </c>
      <c r="S9" s="191">
        <v>8</v>
      </c>
      <c r="T9" s="191">
        <v>13</v>
      </c>
      <c r="U9" s="191">
        <v>65</v>
      </c>
      <c r="V9" s="191">
        <v>70</v>
      </c>
      <c r="W9" s="196">
        <v>158</v>
      </c>
      <c r="X9" s="195">
        <v>158</v>
      </c>
      <c r="Y9" s="190">
        <v>78</v>
      </c>
      <c r="Z9" s="191">
        <v>117</v>
      </c>
      <c r="AA9" s="196">
        <v>195</v>
      </c>
      <c r="AB9" s="193">
        <v>0</v>
      </c>
      <c r="AC9" s="191">
        <v>262</v>
      </c>
      <c r="AD9" s="191">
        <v>790</v>
      </c>
      <c r="AE9" s="191">
        <v>506</v>
      </c>
      <c r="AF9" s="191">
        <v>339</v>
      </c>
      <c r="AG9" s="191">
        <v>341</v>
      </c>
      <c r="AH9" s="196">
        <v>2238</v>
      </c>
      <c r="AI9" s="195">
        <v>2433</v>
      </c>
      <c r="AJ9" s="190">
        <v>0</v>
      </c>
      <c r="AK9" s="191">
        <v>22</v>
      </c>
      <c r="AL9" s="196">
        <v>22</v>
      </c>
      <c r="AM9" s="193">
        <v>0</v>
      </c>
      <c r="AN9" s="191">
        <v>26</v>
      </c>
      <c r="AO9" s="191">
        <v>96</v>
      </c>
      <c r="AP9" s="191">
        <v>40</v>
      </c>
      <c r="AQ9" s="191">
        <v>0</v>
      </c>
      <c r="AR9" s="191">
        <v>8</v>
      </c>
      <c r="AS9" s="196">
        <v>170</v>
      </c>
      <c r="AT9" s="195">
        <v>192</v>
      </c>
      <c r="AU9" s="190">
        <v>0</v>
      </c>
      <c r="AV9" s="191">
        <v>0</v>
      </c>
      <c r="AW9" s="196">
        <v>0</v>
      </c>
      <c r="AX9" s="193">
        <v>0</v>
      </c>
      <c r="AY9" s="191">
        <v>757</v>
      </c>
      <c r="AZ9" s="191">
        <v>957</v>
      </c>
      <c r="BA9" s="191">
        <v>653</v>
      </c>
      <c r="BB9" s="191">
        <v>252</v>
      </c>
      <c r="BC9" s="191">
        <v>138</v>
      </c>
      <c r="BD9" s="194">
        <v>2757</v>
      </c>
      <c r="BE9" s="195">
        <v>2757</v>
      </c>
      <c r="BF9" s="190">
        <v>0</v>
      </c>
      <c r="BG9" s="191">
        <v>0</v>
      </c>
      <c r="BH9" s="196">
        <v>0</v>
      </c>
      <c r="BI9" s="193">
        <v>0</v>
      </c>
      <c r="BJ9" s="191">
        <v>48</v>
      </c>
      <c r="BK9" s="191">
        <v>159</v>
      </c>
      <c r="BL9" s="191">
        <v>86</v>
      </c>
      <c r="BM9" s="191">
        <v>44</v>
      </c>
      <c r="BN9" s="191">
        <v>37</v>
      </c>
      <c r="BO9" s="196">
        <v>374</v>
      </c>
      <c r="BP9" s="195">
        <v>374</v>
      </c>
      <c r="BQ9" s="190">
        <v>3</v>
      </c>
      <c r="BR9" s="191">
        <v>0</v>
      </c>
      <c r="BS9" s="196">
        <v>3</v>
      </c>
      <c r="BT9" s="193">
        <v>0</v>
      </c>
      <c r="BU9" s="191">
        <v>46</v>
      </c>
      <c r="BV9" s="191">
        <v>167</v>
      </c>
      <c r="BW9" s="191">
        <v>126</v>
      </c>
      <c r="BX9" s="191">
        <v>287</v>
      </c>
      <c r="BY9" s="191">
        <v>75</v>
      </c>
      <c r="BZ9" s="196">
        <v>701</v>
      </c>
      <c r="CA9" s="195">
        <v>704</v>
      </c>
      <c r="CB9" s="190">
        <v>0</v>
      </c>
      <c r="CC9" s="191">
        <v>0</v>
      </c>
      <c r="CD9" s="196">
        <v>0</v>
      </c>
      <c r="CE9" s="193">
        <v>0</v>
      </c>
      <c r="CF9" s="191">
        <v>0</v>
      </c>
      <c r="CG9" s="191">
        <v>0</v>
      </c>
      <c r="CH9" s="191">
        <v>0</v>
      </c>
      <c r="CI9" s="191">
        <v>0</v>
      </c>
      <c r="CJ9" s="191">
        <v>0</v>
      </c>
      <c r="CK9" s="196">
        <v>0</v>
      </c>
      <c r="CL9" s="195">
        <v>0</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682</v>
      </c>
      <c r="H10" s="191">
        <v>590</v>
      </c>
      <c r="I10" s="191">
        <v>413</v>
      </c>
      <c r="J10" s="191">
        <v>1251</v>
      </c>
      <c r="K10" s="191">
        <v>255</v>
      </c>
      <c r="L10" s="194">
        <v>3191</v>
      </c>
      <c r="M10" s="195">
        <v>3191</v>
      </c>
      <c r="N10" s="190">
        <v>0</v>
      </c>
      <c r="O10" s="191">
        <v>0</v>
      </c>
      <c r="P10" s="196">
        <v>0</v>
      </c>
      <c r="Q10" s="193">
        <v>0</v>
      </c>
      <c r="R10" s="191">
        <v>4</v>
      </c>
      <c r="S10" s="191">
        <v>0</v>
      </c>
      <c r="T10" s="191">
        <v>0</v>
      </c>
      <c r="U10" s="191">
        <v>52</v>
      </c>
      <c r="V10" s="191">
        <v>46</v>
      </c>
      <c r="W10" s="196">
        <v>102</v>
      </c>
      <c r="X10" s="195">
        <v>102</v>
      </c>
      <c r="Y10" s="190">
        <v>0</v>
      </c>
      <c r="Z10" s="191">
        <v>50</v>
      </c>
      <c r="AA10" s="196">
        <v>50</v>
      </c>
      <c r="AB10" s="193">
        <v>0</v>
      </c>
      <c r="AC10" s="191">
        <v>330</v>
      </c>
      <c r="AD10" s="191">
        <v>213</v>
      </c>
      <c r="AE10" s="191">
        <v>176</v>
      </c>
      <c r="AF10" s="191">
        <v>187</v>
      </c>
      <c r="AG10" s="191">
        <v>107</v>
      </c>
      <c r="AH10" s="196">
        <v>1013</v>
      </c>
      <c r="AI10" s="195">
        <v>1063</v>
      </c>
      <c r="AJ10" s="190">
        <v>8</v>
      </c>
      <c r="AK10" s="191">
        <v>0</v>
      </c>
      <c r="AL10" s="196">
        <v>8</v>
      </c>
      <c r="AM10" s="193">
        <v>0</v>
      </c>
      <c r="AN10" s="191">
        <v>21</v>
      </c>
      <c r="AO10" s="191">
        <v>58</v>
      </c>
      <c r="AP10" s="191">
        <v>47</v>
      </c>
      <c r="AQ10" s="191">
        <v>75</v>
      </c>
      <c r="AR10" s="191">
        <v>9</v>
      </c>
      <c r="AS10" s="196">
        <v>210</v>
      </c>
      <c r="AT10" s="195">
        <v>218</v>
      </c>
      <c r="AU10" s="190">
        <v>0</v>
      </c>
      <c r="AV10" s="191">
        <v>0</v>
      </c>
      <c r="AW10" s="196">
        <v>0</v>
      </c>
      <c r="AX10" s="193">
        <v>0</v>
      </c>
      <c r="AY10" s="191">
        <v>626</v>
      </c>
      <c r="AZ10" s="191">
        <v>306</v>
      </c>
      <c r="BA10" s="191">
        <v>154</v>
      </c>
      <c r="BB10" s="191">
        <v>100</v>
      </c>
      <c r="BC10" s="191">
        <v>34</v>
      </c>
      <c r="BD10" s="194">
        <v>1220</v>
      </c>
      <c r="BE10" s="195">
        <v>1220</v>
      </c>
      <c r="BF10" s="190">
        <v>0</v>
      </c>
      <c r="BG10" s="191">
        <v>0</v>
      </c>
      <c r="BH10" s="196">
        <v>0</v>
      </c>
      <c r="BI10" s="193">
        <v>0</v>
      </c>
      <c r="BJ10" s="191">
        <v>125</v>
      </c>
      <c r="BK10" s="191">
        <v>107</v>
      </c>
      <c r="BL10" s="191">
        <v>58</v>
      </c>
      <c r="BM10" s="191">
        <v>34</v>
      </c>
      <c r="BN10" s="191">
        <v>7</v>
      </c>
      <c r="BO10" s="196">
        <v>331</v>
      </c>
      <c r="BP10" s="195">
        <v>331</v>
      </c>
      <c r="BQ10" s="190">
        <v>0</v>
      </c>
      <c r="BR10" s="191">
        <v>0</v>
      </c>
      <c r="BS10" s="196">
        <v>0</v>
      </c>
      <c r="BT10" s="193">
        <v>0</v>
      </c>
      <c r="BU10" s="191">
        <v>71</v>
      </c>
      <c r="BV10" s="191">
        <v>83</v>
      </c>
      <c r="BW10" s="191">
        <v>80</v>
      </c>
      <c r="BX10" s="191">
        <v>62</v>
      </c>
      <c r="BY10" s="191">
        <v>21</v>
      </c>
      <c r="BZ10" s="196">
        <v>317</v>
      </c>
      <c r="CA10" s="195">
        <v>317</v>
      </c>
      <c r="CB10" s="190">
        <v>0</v>
      </c>
      <c r="CC10" s="191">
        <v>0</v>
      </c>
      <c r="CD10" s="196">
        <v>0</v>
      </c>
      <c r="CE10" s="193">
        <v>0</v>
      </c>
      <c r="CF10" s="191">
        <v>0</v>
      </c>
      <c r="CG10" s="191">
        <v>4</v>
      </c>
      <c r="CH10" s="191">
        <v>0</v>
      </c>
      <c r="CI10" s="191">
        <v>0</v>
      </c>
      <c r="CJ10" s="191">
        <v>0</v>
      </c>
      <c r="CK10" s="196">
        <v>4</v>
      </c>
      <c r="CL10" s="195">
        <v>4</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93</v>
      </c>
      <c r="H11" s="191">
        <v>296</v>
      </c>
      <c r="I11" s="191">
        <v>363</v>
      </c>
      <c r="J11" s="191">
        <v>801</v>
      </c>
      <c r="K11" s="191">
        <v>823</v>
      </c>
      <c r="L11" s="194">
        <v>2576</v>
      </c>
      <c r="M11" s="195">
        <v>2576</v>
      </c>
      <c r="N11" s="190">
        <v>0</v>
      </c>
      <c r="O11" s="191">
        <v>0</v>
      </c>
      <c r="P11" s="196">
        <v>0</v>
      </c>
      <c r="Q11" s="193">
        <v>0</v>
      </c>
      <c r="R11" s="191">
        <v>0</v>
      </c>
      <c r="S11" s="191">
        <v>0</v>
      </c>
      <c r="T11" s="191">
        <v>0</v>
      </c>
      <c r="U11" s="191">
        <v>9</v>
      </c>
      <c r="V11" s="191">
        <v>15</v>
      </c>
      <c r="W11" s="196">
        <v>24</v>
      </c>
      <c r="X11" s="195">
        <v>24</v>
      </c>
      <c r="Y11" s="190">
        <v>22</v>
      </c>
      <c r="Z11" s="191">
        <v>45</v>
      </c>
      <c r="AA11" s="196">
        <v>67</v>
      </c>
      <c r="AB11" s="193">
        <v>0</v>
      </c>
      <c r="AC11" s="191">
        <v>193</v>
      </c>
      <c r="AD11" s="191">
        <v>143</v>
      </c>
      <c r="AE11" s="191">
        <v>100</v>
      </c>
      <c r="AF11" s="191">
        <v>123</v>
      </c>
      <c r="AG11" s="191">
        <v>85</v>
      </c>
      <c r="AH11" s="196">
        <v>644</v>
      </c>
      <c r="AI11" s="195">
        <v>711</v>
      </c>
      <c r="AJ11" s="190">
        <v>0</v>
      </c>
      <c r="AK11" s="191">
        <v>33</v>
      </c>
      <c r="AL11" s="196">
        <v>33</v>
      </c>
      <c r="AM11" s="193">
        <v>0</v>
      </c>
      <c r="AN11" s="191">
        <v>50</v>
      </c>
      <c r="AO11" s="191">
        <v>68</v>
      </c>
      <c r="AP11" s="191">
        <v>18</v>
      </c>
      <c r="AQ11" s="191">
        <v>18</v>
      </c>
      <c r="AR11" s="191">
        <v>60</v>
      </c>
      <c r="AS11" s="196">
        <v>214</v>
      </c>
      <c r="AT11" s="195">
        <v>247</v>
      </c>
      <c r="AU11" s="190">
        <v>0</v>
      </c>
      <c r="AV11" s="191">
        <v>0</v>
      </c>
      <c r="AW11" s="196">
        <v>0</v>
      </c>
      <c r="AX11" s="193">
        <v>0</v>
      </c>
      <c r="AY11" s="191">
        <v>224</v>
      </c>
      <c r="AZ11" s="191">
        <v>274</v>
      </c>
      <c r="BA11" s="191">
        <v>147</v>
      </c>
      <c r="BB11" s="191">
        <v>88</v>
      </c>
      <c r="BC11" s="191">
        <v>49</v>
      </c>
      <c r="BD11" s="194">
        <v>782</v>
      </c>
      <c r="BE11" s="195">
        <v>782</v>
      </c>
      <c r="BF11" s="190">
        <v>0</v>
      </c>
      <c r="BG11" s="191">
        <v>0</v>
      </c>
      <c r="BH11" s="196">
        <v>0</v>
      </c>
      <c r="BI11" s="193">
        <v>0</v>
      </c>
      <c r="BJ11" s="191">
        <v>99</v>
      </c>
      <c r="BK11" s="191">
        <v>39</v>
      </c>
      <c r="BL11" s="191">
        <v>80</v>
      </c>
      <c r="BM11" s="191">
        <v>34</v>
      </c>
      <c r="BN11" s="191">
        <v>20</v>
      </c>
      <c r="BO11" s="196">
        <v>272</v>
      </c>
      <c r="BP11" s="195">
        <v>272</v>
      </c>
      <c r="BQ11" s="190">
        <v>0</v>
      </c>
      <c r="BR11" s="191">
        <v>0</v>
      </c>
      <c r="BS11" s="196">
        <v>0</v>
      </c>
      <c r="BT11" s="193">
        <v>0</v>
      </c>
      <c r="BU11" s="191">
        <v>26</v>
      </c>
      <c r="BV11" s="191">
        <v>67</v>
      </c>
      <c r="BW11" s="191">
        <v>132</v>
      </c>
      <c r="BX11" s="191">
        <v>-15</v>
      </c>
      <c r="BY11" s="191">
        <v>71</v>
      </c>
      <c r="BZ11" s="196">
        <v>281</v>
      </c>
      <c r="CA11" s="195">
        <v>281</v>
      </c>
      <c r="CB11" s="190">
        <v>0</v>
      </c>
      <c r="CC11" s="191">
        <v>0</v>
      </c>
      <c r="CD11" s="196">
        <v>0</v>
      </c>
      <c r="CE11" s="193">
        <v>0</v>
      </c>
      <c r="CF11" s="191">
        <v>0</v>
      </c>
      <c r="CG11" s="191">
        <v>20</v>
      </c>
      <c r="CH11" s="191">
        <v>0</v>
      </c>
      <c r="CI11" s="191">
        <v>4</v>
      </c>
      <c r="CJ11" s="191">
        <v>0</v>
      </c>
      <c r="CK11" s="196">
        <v>24</v>
      </c>
      <c r="CL11" s="195">
        <v>24</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834</v>
      </c>
      <c r="H12" s="191">
        <v>503</v>
      </c>
      <c r="I12" s="191">
        <v>1210</v>
      </c>
      <c r="J12" s="191">
        <v>1842</v>
      </c>
      <c r="K12" s="191">
        <v>999</v>
      </c>
      <c r="L12" s="194">
        <v>5388</v>
      </c>
      <c r="M12" s="195">
        <v>5388</v>
      </c>
      <c r="N12" s="190">
        <v>0</v>
      </c>
      <c r="O12" s="191">
        <v>0</v>
      </c>
      <c r="P12" s="196">
        <v>0</v>
      </c>
      <c r="Q12" s="193">
        <v>0</v>
      </c>
      <c r="R12" s="191">
        <v>4</v>
      </c>
      <c r="S12" s="191">
        <v>4</v>
      </c>
      <c r="T12" s="191">
        <v>16</v>
      </c>
      <c r="U12" s="191">
        <v>47</v>
      </c>
      <c r="V12" s="191">
        <v>46</v>
      </c>
      <c r="W12" s="196">
        <v>117</v>
      </c>
      <c r="X12" s="195">
        <v>117</v>
      </c>
      <c r="Y12" s="190">
        <v>99</v>
      </c>
      <c r="Z12" s="191">
        <v>97</v>
      </c>
      <c r="AA12" s="196">
        <v>196</v>
      </c>
      <c r="AB12" s="193">
        <v>0</v>
      </c>
      <c r="AC12" s="191">
        <v>366</v>
      </c>
      <c r="AD12" s="191">
        <v>561</v>
      </c>
      <c r="AE12" s="191">
        <v>211</v>
      </c>
      <c r="AF12" s="191">
        <v>259</v>
      </c>
      <c r="AG12" s="191">
        <v>253</v>
      </c>
      <c r="AH12" s="196">
        <v>1650</v>
      </c>
      <c r="AI12" s="195">
        <v>1846</v>
      </c>
      <c r="AJ12" s="190">
        <v>8</v>
      </c>
      <c r="AK12" s="191">
        <v>11</v>
      </c>
      <c r="AL12" s="196">
        <v>19</v>
      </c>
      <c r="AM12" s="193">
        <v>0</v>
      </c>
      <c r="AN12" s="191">
        <v>26</v>
      </c>
      <c r="AO12" s="191">
        <v>120</v>
      </c>
      <c r="AP12" s="191">
        <v>67</v>
      </c>
      <c r="AQ12" s="191">
        <v>49</v>
      </c>
      <c r="AR12" s="191">
        <v>40</v>
      </c>
      <c r="AS12" s="196">
        <v>302</v>
      </c>
      <c r="AT12" s="195">
        <v>321</v>
      </c>
      <c r="AU12" s="190">
        <v>0</v>
      </c>
      <c r="AV12" s="191">
        <v>0</v>
      </c>
      <c r="AW12" s="196">
        <v>0</v>
      </c>
      <c r="AX12" s="193">
        <v>0</v>
      </c>
      <c r="AY12" s="191">
        <v>494</v>
      </c>
      <c r="AZ12" s="191">
        <v>245</v>
      </c>
      <c r="BA12" s="191">
        <v>231</v>
      </c>
      <c r="BB12" s="191">
        <v>92</v>
      </c>
      <c r="BC12" s="191">
        <v>37</v>
      </c>
      <c r="BD12" s="194">
        <v>1099</v>
      </c>
      <c r="BE12" s="195">
        <v>1099</v>
      </c>
      <c r="BF12" s="190">
        <v>0</v>
      </c>
      <c r="BG12" s="191">
        <v>0</v>
      </c>
      <c r="BH12" s="196">
        <v>0</v>
      </c>
      <c r="BI12" s="193">
        <v>0</v>
      </c>
      <c r="BJ12" s="191">
        <v>124</v>
      </c>
      <c r="BK12" s="191">
        <v>122</v>
      </c>
      <c r="BL12" s="191">
        <v>87</v>
      </c>
      <c r="BM12" s="191">
        <v>84</v>
      </c>
      <c r="BN12" s="191">
        <v>16</v>
      </c>
      <c r="BO12" s="196">
        <v>433</v>
      </c>
      <c r="BP12" s="195">
        <v>433</v>
      </c>
      <c r="BQ12" s="190">
        <v>0</v>
      </c>
      <c r="BR12" s="191">
        <v>0</v>
      </c>
      <c r="BS12" s="196">
        <v>0</v>
      </c>
      <c r="BT12" s="193">
        <v>0</v>
      </c>
      <c r="BU12" s="191">
        <v>111</v>
      </c>
      <c r="BV12" s="191">
        <v>63</v>
      </c>
      <c r="BW12" s="191">
        <v>112</v>
      </c>
      <c r="BX12" s="191">
        <v>60</v>
      </c>
      <c r="BY12" s="191">
        <v>53</v>
      </c>
      <c r="BZ12" s="196">
        <v>399</v>
      </c>
      <c r="CA12" s="195">
        <v>399</v>
      </c>
      <c r="CB12" s="190">
        <v>0</v>
      </c>
      <c r="CC12" s="191">
        <v>0</v>
      </c>
      <c r="CD12" s="196">
        <v>0</v>
      </c>
      <c r="CE12" s="193">
        <v>0</v>
      </c>
      <c r="CF12" s="191">
        <v>8</v>
      </c>
      <c r="CG12" s="191">
        <v>2</v>
      </c>
      <c r="CH12" s="191">
        <v>35</v>
      </c>
      <c r="CI12" s="191">
        <v>10</v>
      </c>
      <c r="CJ12" s="191">
        <v>0</v>
      </c>
      <c r="CK12" s="196">
        <v>55</v>
      </c>
      <c r="CL12" s="195">
        <v>55</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247</v>
      </c>
      <c r="H13" s="191">
        <v>1250</v>
      </c>
      <c r="I13" s="191">
        <v>2027</v>
      </c>
      <c r="J13" s="191">
        <v>1739</v>
      </c>
      <c r="K13" s="191">
        <v>1203</v>
      </c>
      <c r="L13" s="194">
        <v>7466</v>
      </c>
      <c r="M13" s="195">
        <v>7466</v>
      </c>
      <c r="N13" s="190">
        <v>0</v>
      </c>
      <c r="O13" s="191">
        <v>0</v>
      </c>
      <c r="P13" s="196">
        <v>0</v>
      </c>
      <c r="Q13" s="193">
        <v>0</v>
      </c>
      <c r="R13" s="191">
        <v>4</v>
      </c>
      <c r="S13" s="191">
        <v>12</v>
      </c>
      <c r="T13" s="191">
        <v>16</v>
      </c>
      <c r="U13" s="191">
        <v>46</v>
      </c>
      <c r="V13" s="191">
        <v>28</v>
      </c>
      <c r="W13" s="196">
        <v>106</v>
      </c>
      <c r="X13" s="195">
        <v>106</v>
      </c>
      <c r="Y13" s="190">
        <v>97</v>
      </c>
      <c r="Z13" s="191">
        <v>177</v>
      </c>
      <c r="AA13" s="196">
        <v>274</v>
      </c>
      <c r="AB13" s="193">
        <v>0</v>
      </c>
      <c r="AC13" s="191">
        <v>579</v>
      </c>
      <c r="AD13" s="191">
        <v>590</v>
      </c>
      <c r="AE13" s="191">
        <v>234</v>
      </c>
      <c r="AF13" s="191">
        <v>283</v>
      </c>
      <c r="AG13" s="191">
        <v>163</v>
      </c>
      <c r="AH13" s="196">
        <v>1849</v>
      </c>
      <c r="AI13" s="195">
        <v>2123</v>
      </c>
      <c r="AJ13" s="190">
        <v>8</v>
      </c>
      <c r="AK13" s="191">
        <v>12</v>
      </c>
      <c r="AL13" s="196">
        <v>20</v>
      </c>
      <c r="AM13" s="193">
        <v>0</v>
      </c>
      <c r="AN13" s="191">
        <v>54</v>
      </c>
      <c r="AO13" s="191">
        <v>78</v>
      </c>
      <c r="AP13" s="191">
        <v>24</v>
      </c>
      <c r="AQ13" s="191">
        <v>12</v>
      </c>
      <c r="AR13" s="191">
        <v>8</v>
      </c>
      <c r="AS13" s="196">
        <v>176</v>
      </c>
      <c r="AT13" s="195">
        <v>196</v>
      </c>
      <c r="AU13" s="190">
        <v>0</v>
      </c>
      <c r="AV13" s="191">
        <v>0</v>
      </c>
      <c r="AW13" s="196">
        <v>0</v>
      </c>
      <c r="AX13" s="193">
        <v>0</v>
      </c>
      <c r="AY13" s="191">
        <v>979</v>
      </c>
      <c r="AZ13" s="191">
        <v>549</v>
      </c>
      <c r="BA13" s="191">
        <v>391</v>
      </c>
      <c r="BB13" s="191">
        <v>165</v>
      </c>
      <c r="BC13" s="191">
        <v>48</v>
      </c>
      <c r="BD13" s="194">
        <v>2132</v>
      </c>
      <c r="BE13" s="195">
        <v>2132</v>
      </c>
      <c r="BF13" s="190">
        <v>0</v>
      </c>
      <c r="BG13" s="191">
        <v>0</v>
      </c>
      <c r="BH13" s="196">
        <v>0</v>
      </c>
      <c r="BI13" s="193">
        <v>0</v>
      </c>
      <c r="BJ13" s="191">
        <v>143</v>
      </c>
      <c r="BK13" s="191">
        <v>132</v>
      </c>
      <c r="BL13" s="191">
        <v>58</v>
      </c>
      <c r="BM13" s="191">
        <v>11</v>
      </c>
      <c r="BN13" s="191">
        <v>7</v>
      </c>
      <c r="BO13" s="196">
        <v>351</v>
      </c>
      <c r="BP13" s="195">
        <v>351</v>
      </c>
      <c r="BQ13" s="190">
        <v>0</v>
      </c>
      <c r="BR13" s="191">
        <v>14</v>
      </c>
      <c r="BS13" s="196">
        <v>14</v>
      </c>
      <c r="BT13" s="193">
        <v>0</v>
      </c>
      <c r="BU13" s="191">
        <v>121</v>
      </c>
      <c r="BV13" s="191">
        <v>63</v>
      </c>
      <c r="BW13" s="191">
        <v>162</v>
      </c>
      <c r="BX13" s="191">
        <v>125</v>
      </c>
      <c r="BY13" s="191">
        <v>5</v>
      </c>
      <c r="BZ13" s="196">
        <v>476</v>
      </c>
      <c r="CA13" s="195">
        <v>490</v>
      </c>
      <c r="CB13" s="190">
        <v>0</v>
      </c>
      <c r="CC13" s="191">
        <v>0</v>
      </c>
      <c r="CD13" s="196">
        <v>0</v>
      </c>
      <c r="CE13" s="193">
        <v>0</v>
      </c>
      <c r="CF13" s="191">
        <v>3</v>
      </c>
      <c r="CG13" s="191">
        <v>13</v>
      </c>
      <c r="CH13" s="191">
        <v>9</v>
      </c>
      <c r="CI13" s="191">
        <v>0</v>
      </c>
      <c r="CJ13" s="191">
        <v>0</v>
      </c>
      <c r="CK13" s="196">
        <v>25</v>
      </c>
      <c r="CL13" s="195">
        <v>25</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20</v>
      </c>
      <c r="H14" s="191">
        <v>90</v>
      </c>
      <c r="I14" s="191">
        <v>260</v>
      </c>
      <c r="J14" s="191">
        <v>520</v>
      </c>
      <c r="K14" s="191">
        <v>244</v>
      </c>
      <c r="L14" s="194">
        <v>1234</v>
      </c>
      <c r="M14" s="195">
        <v>1234</v>
      </c>
      <c r="N14" s="190">
        <v>0</v>
      </c>
      <c r="O14" s="191">
        <v>0</v>
      </c>
      <c r="P14" s="196">
        <v>0</v>
      </c>
      <c r="Q14" s="193">
        <v>0</v>
      </c>
      <c r="R14" s="191">
        <v>0</v>
      </c>
      <c r="S14" s="191">
        <v>0</v>
      </c>
      <c r="T14" s="191">
        <v>0</v>
      </c>
      <c r="U14" s="191">
        <v>20</v>
      </c>
      <c r="V14" s="191">
        <v>11</v>
      </c>
      <c r="W14" s="196">
        <v>31</v>
      </c>
      <c r="X14" s="195">
        <v>31</v>
      </c>
      <c r="Y14" s="190">
        <v>12</v>
      </c>
      <c r="Z14" s="191">
        <v>83</v>
      </c>
      <c r="AA14" s="196">
        <v>95</v>
      </c>
      <c r="AB14" s="193">
        <v>0</v>
      </c>
      <c r="AC14" s="191">
        <v>390</v>
      </c>
      <c r="AD14" s="191">
        <v>152</v>
      </c>
      <c r="AE14" s="191">
        <v>148</v>
      </c>
      <c r="AF14" s="191">
        <v>235</v>
      </c>
      <c r="AG14" s="191">
        <v>63</v>
      </c>
      <c r="AH14" s="196">
        <v>988</v>
      </c>
      <c r="AI14" s="195">
        <v>1083</v>
      </c>
      <c r="AJ14" s="190">
        <v>0</v>
      </c>
      <c r="AK14" s="191">
        <v>0</v>
      </c>
      <c r="AL14" s="196">
        <v>0</v>
      </c>
      <c r="AM14" s="193">
        <v>0</v>
      </c>
      <c r="AN14" s="191">
        <v>50</v>
      </c>
      <c r="AO14" s="191">
        <v>33</v>
      </c>
      <c r="AP14" s="191">
        <v>0</v>
      </c>
      <c r="AQ14" s="191">
        <v>12</v>
      </c>
      <c r="AR14" s="191">
        <v>28</v>
      </c>
      <c r="AS14" s="196">
        <v>123</v>
      </c>
      <c r="AT14" s="195">
        <v>123</v>
      </c>
      <c r="AU14" s="190">
        <v>0</v>
      </c>
      <c r="AV14" s="191">
        <v>0</v>
      </c>
      <c r="AW14" s="196">
        <v>0</v>
      </c>
      <c r="AX14" s="193">
        <v>0</v>
      </c>
      <c r="AY14" s="191">
        <v>109</v>
      </c>
      <c r="AZ14" s="191">
        <v>95</v>
      </c>
      <c r="BA14" s="191">
        <v>86</v>
      </c>
      <c r="BB14" s="191">
        <v>109</v>
      </c>
      <c r="BC14" s="191">
        <v>30</v>
      </c>
      <c r="BD14" s="194">
        <v>429</v>
      </c>
      <c r="BE14" s="195">
        <v>429</v>
      </c>
      <c r="BF14" s="190">
        <v>0</v>
      </c>
      <c r="BG14" s="191">
        <v>0</v>
      </c>
      <c r="BH14" s="196">
        <v>0</v>
      </c>
      <c r="BI14" s="193">
        <v>0</v>
      </c>
      <c r="BJ14" s="191">
        <v>80</v>
      </c>
      <c r="BK14" s="191">
        <v>46</v>
      </c>
      <c r="BL14" s="191">
        <v>100</v>
      </c>
      <c r="BM14" s="191">
        <v>7</v>
      </c>
      <c r="BN14" s="191">
        <v>1</v>
      </c>
      <c r="BO14" s="196">
        <v>234</v>
      </c>
      <c r="BP14" s="195">
        <v>234</v>
      </c>
      <c r="BQ14" s="190">
        <v>0</v>
      </c>
      <c r="BR14" s="191">
        <v>0</v>
      </c>
      <c r="BS14" s="196">
        <v>0</v>
      </c>
      <c r="BT14" s="193">
        <v>0</v>
      </c>
      <c r="BU14" s="191">
        <v>14</v>
      </c>
      <c r="BV14" s="191">
        <v>8</v>
      </c>
      <c r="BW14" s="191">
        <v>3</v>
      </c>
      <c r="BX14" s="191">
        <v>7</v>
      </c>
      <c r="BY14" s="191">
        <v>41</v>
      </c>
      <c r="BZ14" s="196">
        <v>73</v>
      </c>
      <c r="CA14" s="195">
        <v>73</v>
      </c>
      <c r="CB14" s="190">
        <v>0</v>
      </c>
      <c r="CC14" s="191">
        <v>0</v>
      </c>
      <c r="CD14" s="196">
        <v>0</v>
      </c>
      <c r="CE14" s="193">
        <v>0</v>
      </c>
      <c r="CF14" s="191">
        <v>0</v>
      </c>
      <c r="CG14" s="191">
        <v>0</v>
      </c>
      <c r="CH14" s="191">
        <v>18</v>
      </c>
      <c r="CI14" s="191">
        <v>5</v>
      </c>
      <c r="CJ14" s="191">
        <v>12</v>
      </c>
      <c r="CK14" s="196">
        <v>35</v>
      </c>
      <c r="CL14" s="195">
        <v>35</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566</v>
      </c>
      <c r="H15" s="191">
        <v>714</v>
      </c>
      <c r="I15" s="191">
        <v>516</v>
      </c>
      <c r="J15" s="191">
        <v>866</v>
      </c>
      <c r="K15" s="191">
        <v>1068</v>
      </c>
      <c r="L15" s="194">
        <v>3730</v>
      </c>
      <c r="M15" s="195">
        <v>3730</v>
      </c>
      <c r="N15" s="190">
        <v>0</v>
      </c>
      <c r="O15" s="191">
        <v>0</v>
      </c>
      <c r="P15" s="196">
        <v>0</v>
      </c>
      <c r="Q15" s="193">
        <v>0</v>
      </c>
      <c r="R15" s="191">
        <v>0</v>
      </c>
      <c r="S15" s="191">
        <v>8</v>
      </c>
      <c r="T15" s="191">
        <v>11</v>
      </c>
      <c r="U15" s="191">
        <v>17</v>
      </c>
      <c r="V15" s="191">
        <v>16</v>
      </c>
      <c r="W15" s="196">
        <v>52</v>
      </c>
      <c r="X15" s="195">
        <v>52</v>
      </c>
      <c r="Y15" s="190">
        <v>69</v>
      </c>
      <c r="Z15" s="191">
        <v>247</v>
      </c>
      <c r="AA15" s="196">
        <v>316</v>
      </c>
      <c r="AB15" s="193">
        <v>0</v>
      </c>
      <c r="AC15" s="191">
        <v>174</v>
      </c>
      <c r="AD15" s="191">
        <v>311</v>
      </c>
      <c r="AE15" s="191">
        <v>101</v>
      </c>
      <c r="AF15" s="191">
        <v>140</v>
      </c>
      <c r="AG15" s="191">
        <v>132</v>
      </c>
      <c r="AH15" s="196">
        <v>858</v>
      </c>
      <c r="AI15" s="195">
        <v>1174</v>
      </c>
      <c r="AJ15" s="190">
        <v>12</v>
      </c>
      <c r="AK15" s="191">
        <v>8</v>
      </c>
      <c r="AL15" s="196">
        <v>20</v>
      </c>
      <c r="AM15" s="193">
        <v>0</v>
      </c>
      <c r="AN15" s="191">
        <v>6</v>
      </c>
      <c r="AO15" s="191">
        <v>31</v>
      </c>
      <c r="AP15" s="191">
        <v>36</v>
      </c>
      <c r="AQ15" s="191">
        <v>4</v>
      </c>
      <c r="AR15" s="191">
        <v>0</v>
      </c>
      <c r="AS15" s="196">
        <v>77</v>
      </c>
      <c r="AT15" s="195">
        <v>97</v>
      </c>
      <c r="AU15" s="190">
        <v>0</v>
      </c>
      <c r="AV15" s="191">
        <v>0</v>
      </c>
      <c r="AW15" s="196">
        <v>0</v>
      </c>
      <c r="AX15" s="193">
        <v>0</v>
      </c>
      <c r="AY15" s="191">
        <v>355</v>
      </c>
      <c r="AZ15" s="191">
        <v>308</v>
      </c>
      <c r="BA15" s="191">
        <v>161</v>
      </c>
      <c r="BB15" s="191">
        <v>77</v>
      </c>
      <c r="BC15" s="191">
        <v>86</v>
      </c>
      <c r="BD15" s="194">
        <v>987</v>
      </c>
      <c r="BE15" s="195">
        <v>987</v>
      </c>
      <c r="BF15" s="190">
        <v>0</v>
      </c>
      <c r="BG15" s="191">
        <v>0</v>
      </c>
      <c r="BH15" s="196">
        <v>0</v>
      </c>
      <c r="BI15" s="193">
        <v>0</v>
      </c>
      <c r="BJ15" s="191">
        <v>82</v>
      </c>
      <c r="BK15" s="191">
        <v>55</v>
      </c>
      <c r="BL15" s="191">
        <v>111</v>
      </c>
      <c r="BM15" s="191">
        <v>41</v>
      </c>
      <c r="BN15" s="191">
        <v>12</v>
      </c>
      <c r="BO15" s="196">
        <v>301</v>
      </c>
      <c r="BP15" s="195">
        <v>301</v>
      </c>
      <c r="BQ15" s="190">
        <v>0</v>
      </c>
      <c r="BR15" s="191">
        <v>2</v>
      </c>
      <c r="BS15" s="196">
        <v>2</v>
      </c>
      <c r="BT15" s="193">
        <v>0</v>
      </c>
      <c r="BU15" s="191">
        <v>55</v>
      </c>
      <c r="BV15" s="191">
        <v>51</v>
      </c>
      <c r="BW15" s="191">
        <v>99</v>
      </c>
      <c r="BX15" s="191">
        <v>34</v>
      </c>
      <c r="BY15" s="191">
        <v>43</v>
      </c>
      <c r="BZ15" s="196">
        <v>282</v>
      </c>
      <c r="CA15" s="195">
        <v>284</v>
      </c>
      <c r="CB15" s="190">
        <v>0</v>
      </c>
      <c r="CC15" s="191">
        <v>0</v>
      </c>
      <c r="CD15" s="196">
        <v>0</v>
      </c>
      <c r="CE15" s="193">
        <v>0</v>
      </c>
      <c r="CF15" s="191">
        <v>7</v>
      </c>
      <c r="CG15" s="191">
        <v>0</v>
      </c>
      <c r="CH15" s="191">
        <v>3</v>
      </c>
      <c r="CI15" s="191">
        <v>0</v>
      </c>
      <c r="CJ15" s="191">
        <v>0</v>
      </c>
      <c r="CK15" s="196">
        <v>10</v>
      </c>
      <c r="CL15" s="195">
        <v>10</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271</v>
      </c>
      <c r="H16" s="191">
        <v>479</v>
      </c>
      <c r="I16" s="191">
        <v>304</v>
      </c>
      <c r="J16" s="191">
        <v>360</v>
      </c>
      <c r="K16" s="191">
        <v>611</v>
      </c>
      <c r="L16" s="194">
        <v>2025</v>
      </c>
      <c r="M16" s="195">
        <v>2025</v>
      </c>
      <c r="N16" s="190">
        <v>0</v>
      </c>
      <c r="O16" s="191">
        <v>0</v>
      </c>
      <c r="P16" s="196">
        <v>0</v>
      </c>
      <c r="Q16" s="193">
        <v>0</v>
      </c>
      <c r="R16" s="191">
        <v>0</v>
      </c>
      <c r="S16" s="191">
        <v>0</v>
      </c>
      <c r="T16" s="191">
        <v>0</v>
      </c>
      <c r="U16" s="191">
        <v>4</v>
      </c>
      <c r="V16" s="191">
        <v>12</v>
      </c>
      <c r="W16" s="196">
        <v>16</v>
      </c>
      <c r="X16" s="195">
        <v>16</v>
      </c>
      <c r="Y16" s="190">
        <v>15</v>
      </c>
      <c r="Z16" s="191">
        <v>44</v>
      </c>
      <c r="AA16" s="196">
        <v>59</v>
      </c>
      <c r="AB16" s="193">
        <v>0</v>
      </c>
      <c r="AC16" s="191">
        <v>175</v>
      </c>
      <c r="AD16" s="191">
        <v>144</v>
      </c>
      <c r="AE16" s="191">
        <v>149</v>
      </c>
      <c r="AF16" s="191">
        <v>70</v>
      </c>
      <c r="AG16" s="191">
        <v>92</v>
      </c>
      <c r="AH16" s="196">
        <v>630</v>
      </c>
      <c r="AI16" s="195">
        <v>689</v>
      </c>
      <c r="AJ16" s="190">
        <v>0</v>
      </c>
      <c r="AK16" s="191">
        <v>0</v>
      </c>
      <c r="AL16" s="196">
        <v>0</v>
      </c>
      <c r="AM16" s="193">
        <v>0</v>
      </c>
      <c r="AN16" s="191">
        <v>16</v>
      </c>
      <c r="AO16" s="191">
        <v>25</v>
      </c>
      <c r="AP16" s="191">
        <v>9</v>
      </c>
      <c r="AQ16" s="191">
        <v>6</v>
      </c>
      <c r="AR16" s="191">
        <v>35</v>
      </c>
      <c r="AS16" s="196">
        <v>91</v>
      </c>
      <c r="AT16" s="195">
        <v>91</v>
      </c>
      <c r="AU16" s="190">
        <v>0</v>
      </c>
      <c r="AV16" s="191">
        <v>0</v>
      </c>
      <c r="AW16" s="196">
        <v>0</v>
      </c>
      <c r="AX16" s="193">
        <v>0</v>
      </c>
      <c r="AY16" s="191">
        <v>133</v>
      </c>
      <c r="AZ16" s="191">
        <v>106</v>
      </c>
      <c r="BA16" s="191">
        <v>97</v>
      </c>
      <c r="BB16" s="191">
        <v>1</v>
      </c>
      <c r="BC16" s="191">
        <v>3</v>
      </c>
      <c r="BD16" s="194">
        <v>340</v>
      </c>
      <c r="BE16" s="195">
        <v>340</v>
      </c>
      <c r="BF16" s="190">
        <v>0</v>
      </c>
      <c r="BG16" s="191">
        <v>0</v>
      </c>
      <c r="BH16" s="196">
        <v>0</v>
      </c>
      <c r="BI16" s="193">
        <v>0</v>
      </c>
      <c r="BJ16" s="191">
        <v>20</v>
      </c>
      <c r="BK16" s="191">
        <v>36</v>
      </c>
      <c r="BL16" s="191">
        <v>14</v>
      </c>
      <c r="BM16" s="191">
        <v>23</v>
      </c>
      <c r="BN16" s="191">
        <v>8</v>
      </c>
      <c r="BO16" s="196">
        <v>101</v>
      </c>
      <c r="BP16" s="195">
        <v>101</v>
      </c>
      <c r="BQ16" s="190">
        <v>0</v>
      </c>
      <c r="BR16" s="191">
        <v>0</v>
      </c>
      <c r="BS16" s="196">
        <v>0</v>
      </c>
      <c r="BT16" s="193">
        <v>0</v>
      </c>
      <c r="BU16" s="191">
        <v>3</v>
      </c>
      <c r="BV16" s="191">
        <v>32</v>
      </c>
      <c r="BW16" s="191">
        <v>29</v>
      </c>
      <c r="BX16" s="191">
        <v>6</v>
      </c>
      <c r="BY16" s="191">
        <v>15</v>
      </c>
      <c r="BZ16" s="196">
        <v>85</v>
      </c>
      <c r="CA16" s="195">
        <v>85</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46</v>
      </c>
      <c r="H17" s="191">
        <v>96</v>
      </c>
      <c r="I17" s="191">
        <v>7</v>
      </c>
      <c r="J17" s="191">
        <v>113</v>
      </c>
      <c r="K17" s="191">
        <v>23</v>
      </c>
      <c r="L17" s="194">
        <v>285</v>
      </c>
      <c r="M17" s="195">
        <v>285</v>
      </c>
      <c r="N17" s="190">
        <v>0</v>
      </c>
      <c r="O17" s="191">
        <v>0</v>
      </c>
      <c r="P17" s="196">
        <v>0</v>
      </c>
      <c r="Q17" s="193">
        <v>0</v>
      </c>
      <c r="R17" s="191">
        <v>0</v>
      </c>
      <c r="S17" s="191">
        <v>5</v>
      </c>
      <c r="T17" s="191">
        <v>3</v>
      </c>
      <c r="U17" s="191">
        <v>6</v>
      </c>
      <c r="V17" s="191">
        <v>12</v>
      </c>
      <c r="W17" s="196">
        <v>26</v>
      </c>
      <c r="X17" s="195">
        <v>26</v>
      </c>
      <c r="Y17" s="190">
        <v>0</v>
      </c>
      <c r="Z17" s="191">
        <v>6</v>
      </c>
      <c r="AA17" s="196">
        <v>6</v>
      </c>
      <c r="AB17" s="193">
        <v>0</v>
      </c>
      <c r="AC17" s="191">
        <v>17</v>
      </c>
      <c r="AD17" s="191">
        <v>12</v>
      </c>
      <c r="AE17" s="191">
        <v>12</v>
      </c>
      <c r="AF17" s="191">
        <v>50</v>
      </c>
      <c r="AG17" s="191">
        <v>45</v>
      </c>
      <c r="AH17" s="196">
        <v>136</v>
      </c>
      <c r="AI17" s="195">
        <v>142</v>
      </c>
      <c r="AJ17" s="190">
        <v>0</v>
      </c>
      <c r="AK17" s="191">
        <v>0</v>
      </c>
      <c r="AL17" s="196">
        <v>0</v>
      </c>
      <c r="AM17" s="193">
        <v>0</v>
      </c>
      <c r="AN17" s="191">
        <v>0</v>
      </c>
      <c r="AO17" s="191">
        <v>12</v>
      </c>
      <c r="AP17" s="191">
        <v>0</v>
      </c>
      <c r="AQ17" s="191">
        <v>0</v>
      </c>
      <c r="AR17" s="191">
        <v>9</v>
      </c>
      <c r="AS17" s="196">
        <v>21</v>
      </c>
      <c r="AT17" s="195">
        <v>21</v>
      </c>
      <c r="AU17" s="190">
        <v>0</v>
      </c>
      <c r="AV17" s="191">
        <v>0</v>
      </c>
      <c r="AW17" s="196">
        <v>0</v>
      </c>
      <c r="AX17" s="193">
        <v>0</v>
      </c>
      <c r="AY17" s="191">
        <v>21</v>
      </c>
      <c r="AZ17" s="191">
        <v>35</v>
      </c>
      <c r="BA17" s="191">
        <v>39</v>
      </c>
      <c r="BB17" s="191">
        <v>9</v>
      </c>
      <c r="BC17" s="191">
        <v>0</v>
      </c>
      <c r="BD17" s="194">
        <v>104</v>
      </c>
      <c r="BE17" s="195">
        <v>104</v>
      </c>
      <c r="BF17" s="190">
        <v>0</v>
      </c>
      <c r="BG17" s="191">
        <v>0</v>
      </c>
      <c r="BH17" s="196">
        <v>0</v>
      </c>
      <c r="BI17" s="193">
        <v>0</v>
      </c>
      <c r="BJ17" s="191">
        <v>4</v>
      </c>
      <c r="BK17" s="191">
        <v>18</v>
      </c>
      <c r="BL17" s="191">
        <v>16</v>
      </c>
      <c r="BM17" s="191">
        <v>18</v>
      </c>
      <c r="BN17" s="191">
        <v>8</v>
      </c>
      <c r="BO17" s="196">
        <v>64</v>
      </c>
      <c r="BP17" s="195">
        <v>64</v>
      </c>
      <c r="BQ17" s="190">
        <v>0</v>
      </c>
      <c r="BR17" s="191">
        <v>0</v>
      </c>
      <c r="BS17" s="196">
        <v>0</v>
      </c>
      <c r="BT17" s="193">
        <v>0</v>
      </c>
      <c r="BU17" s="191">
        <v>0</v>
      </c>
      <c r="BV17" s="191">
        <v>28</v>
      </c>
      <c r="BW17" s="191">
        <v>20</v>
      </c>
      <c r="BX17" s="191">
        <v>54</v>
      </c>
      <c r="BY17" s="191">
        <v>7</v>
      </c>
      <c r="BZ17" s="196">
        <v>109</v>
      </c>
      <c r="CA17" s="195">
        <v>109</v>
      </c>
      <c r="CB17" s="190">
        <v>0</v>
      </c>
      <c r="CC17" s="191">
        <v>0</v>
      </c>
      <c r="CD17" s="196">
        <v>0</v>
      </c>
      <c r="CE17" s="193">
        <v>0</v>
      </c>
      <c r="CF17" s="191">
        <v>0</v>
      </c>
      <c r="CG17" s="191">
        <v>8</v>
      </c>
      <c r="CH17" s="191">
        <v>0</v>
      </c>
      <c r="CI17" s="191">
        <v>0</v>
      </c>
      <c r="CJ17" s="191">
        <v>0</v>
      </c>
      <c r="CK17" s="196">
        <v>8</v>
      </c>
      <c r="CL17" s="195">
        <v>8</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35</v>
      </c>
      <c r="H18" s="191">
        <v>329</v>
      </c>
      <c r="I18" s="191">
        <v>255</v>
      </c>
      <c r="J18" s="191">
        <v>160</v>
      </c>
      <c r="K18" s="191">
        <v>0</v>
      </c>
      <c r="L18" s="194">
        <v>779</v>
      </c>
      <c r="M18" s="195">
        <v>779</v>
      </c>
      <c r="N18" s="190">
        <v>0</v>
      </c>
      <c r="O18" s="191">
        <v>0</v>
      </c>
      <c r="P18" s="196">
        <v>0</v>
      </c>
      <c r="Q18" s="193">
        <v>0</v>
      </c>
      <c r="R18" s="191">
        <v>0</v>
      </c>
      <c r="S18" s="191">
        <v>0</v>
      </c>
      <c r="T18" s="191">
        <v>0</v>
      </c>
      <c r="U18" s="191">
        <v>4</v>
      </c>
      <c r="V18" s="191">
        <v>5</v>
      </c>
      <c r="W18" s="196">
        <v>9</v>
      </c>
      <c r="X18" s="195">
        <v>9</v>
      </c>
      <c r="Y18" s="190">
        <v>4</v>
      </c>
      <c r="Z18" s="191">
        <v>44</v>
      </c>
      <c r="AA18" s="196">
        <v>48</v>
      </c>
      <c r="AB18" s="193">
        <v>0</v>
      </c>
      <c r="AC18" s="191">
        <v>23</v>
      </c>
      <c r="AD18" s="191">
        <v>147</v>
      </c>
      <c r="AE18" s="191">
        <v>96</v>
      </c>
      <c r="AF18" s="191">
        <v>64</v>
      </c>
      <c r="AG18" s="191">
        <v>8</v>
      </c>
      <c r="AH18" s="196">
        <v>338</v>
      </c>
      <c r="AI18" s="195">
        <v>386</v>
      </c>
      <c r="AJ18" s="190">
        <v>0</v>
      </c>
      <c r="AK18" s="191">
        <v>12</v>
      </c>
      <c r="AL18" s="196">
        <v>12</v>
      </c>
      <c r="AM18" s="193">
        <v>0</v>
      </c>
      <c r="AN18" s="191">
        <v>0</v>
      </c>
      <c r="AO18" s="191">
        <v>18</v>
      </c>
      <c r="AP18" s="191">
        <v>12</v>
      </c>
      <c r="AQ18" s="191">
        <v>0</v>
      </c>
      <c r="AR18" s="191">
        <v>6</v>
      </c>
      <c r="AS18" s="196">
        <v>36</v>
      </c>
      <c r="AT18" s="195">
        <v>48</v>
      </c>
      <c r="AU18" s="190">
        <v>0</v>
      </c>
      <c r="AV18" s="191">
        <v>0</v>
      </c>
      <c r="AW18" s="196">
        <v>0</v>
      </c>
      <c r="AX18" s="193">
        <v>0</v>
      </c>
      <c r="AY18" s="191">
        <v>165</v>
      </c>
      <c r="AZ18" s="191">
        <v>138</v>
      </c>
      <c r="BA18" s="191">
        <v>64</v>
      </c>
      <c r="BB18" s="191">
        <v>41</v>
      </c>
      <c r="BC18" s="191">
        <v>13</v>
      </c>
      <c r="BD18" s="194">
        <v>421</v>
      </c>
      <c r="BE18" s="195">
        <v>421</v>
      </c>
      <c r="BF18" s="190">
        <v>0</v>
      </c>
      <c r="BG18" s="191">
        <v>0</v>
      </c>
      <c r="BH18" s="196">
        <v>0</v>
      </c>
      <c r="BI18" s="193">
        <v>0</v>
      </c>
      <c r="BJ18" s="191">
        <v>57</v>
      </c>
      <c r="BK18" s="191">
        <v>126</v>
      </c>
      <c r="BL18" s="191">
        <v>39</v>
      </c>
      <c r="BM18" s="191">
        <v>5</v>
      </c>
      <c r="BN18" s="191">
        <v>8</v>
      </c>
      <c r="BO18" s="196">
        <v>235</v>
      </c>
      <c r="BP18" s="195">
        <v>235</v>
      </c>
      <c r="BQ18" s="190">
        <v>0</v>
      </c>
      <c r="BR18" s="191">
        <v>3</v>
      </c>
      <c r="BS18" s="196">
        <v>3</v>
      </c>
      <c r="BT18" s="193">
        <v>0</v>
      </c>
      <c r="BU18" s="191">
        <v>0</v>
      </c>
      <c r="BV18" s="191">
        <v>48</v>
      </c>
      <c r="BW18" s="191">
        <v>15</v>
      </c>
      <c r="BX18" s="191">
        <v>54</v>
      </c>
      <c r="BY18" s="191">
        <v>0</v>
      </c>
      <c r="BZ18" s="196">
        <v>117</v>
      </c>
      <c r="CA18" s="195">
        <v>12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117</v>
      </c>
      <c r="H19" s="191">
        <v>343</v>
      </c>
      <c r="I19" s="191">
        <v>525</v>
      </c>
      <c r="J19" s="191">
        <v>180</v>
      </c>
      <c r="K19" s="191">
        <v>571</v>
      </c>
      <c r="L19" s="194">
        <v>1736</v>
      </c>
      <c r="M19" s="195">
        <v>1736</v>
      </c>
      <c r="N19" s="190">
        <v>0</v>
      </c>
      <c r="O19" s="191">
        <v>0</v>
      </c>
      <c r="P19" s="196">
        <v>0</v>
      </c>
      <c r="Q19" s="193">
        <v>0</v>
      </c>
      <c r="R19" s="191">
        <v>0</v>
      </c>
      <c r="S19" s="191">
        <v>0</v>
      </c>
      <c r="T19" s="191">
        <v>3</v>
      </c>
      <c r="U19" s="191">
        <v>15</v>
      </c>
      <c r="V19" s="191">
        <v>9</v>
      </c>
      <c r="W19" s="196">
        <v>27</v>
      </c>
      <c r="X19" s="195">
        <v>27</v>
      </c>
      <c r="Y19" s="190">
        <v>15</v>
      </c>
      <c r="Z19" s="191">
        <v>52</v>
      </c>
      <c r="AA19" s="196">
        <v>67</v>
      </c>
      <c r="AB19" s="193">
        <v>0</v>
      </c>
      <c r="AC19" s="191">
        <v>77</v>
      </c>
      <c r="AD19" s="191">
        <v>192</v>
      </c>
      <c r="AE19" s="191">
        <v>203</v>
      </c>
      <c r="AF19" s="191">
        <v>111</v>
      </c>
      <c r="AG19" s="191">
        <v>46</v>
      </c>
      <c r="AH19" s="196">
        <v>629</v>
      </c>
      <c r="AI19" s="195">
        <v>696</v>
      </c>
      <c r="AJ19" s="190">
        <v>0</v>
      </c>
      <c r="AK19" s="191">
        <v>0</v>
      </c>
      <c r="AL19" s="196">
        <v>0</v>
      </c>
      <c r="AM19" s="193">
        <v>0</v>
      </c>
      <c r="AN19" s="191">
        <v>0</v>
      </c>
      <c r="AO19" s="191">
        <v>41</v>
      </c>
      <c r="AP19" s="191">
        <v>41</v>
      </c>
      <c r="AQ19" s="191">
        <v>18</v>
      </c>
      <c r="AR19" s="191">
        <v>18</v>
      </c>
      <c r="AS19" s="196">
        <v>118</v>
      </c>
      <c r="AT19" s="195">
        <v>118</v>
      </c>
      <c r="AU19" s="190">
        <v>0</v>
      </c>
      <c r="AV19" s="191">
        <v>0</v>
      </c>
      <c r="AW19" s="196">
        <v>0</v>
      </c>
      <c r="AX19" s="193">
        <v>0</v>
      </c>
      <c r="AY19" s="191">
        <v>133</v>
      </c>
      <c r="AZ19" s="191">
        <v>190</v>
      </c>
      <c r="BA19" s="191">
        <v>155</v>
      </c>
      <c r="BB19" s="191">
        <v>119</v>
      </c>
      <c r="BC19" s="191">
        <v>34</v>
      </c>
      <c r="BD19" s="194">
        <v>631</v>
      </c>
      <c r="BE19" s="195">
        <v>631</v>
      </c>
      <c r="BF19" s="190">
        <v>0</v>
      </c>
      <c r="BG19" s="191">
        <v>0</v>
      </c>
      <c r="BH19" s="196">
        <v>0</v>
      </c>
      <c r="BI19" s="193">
        <v>0</v>
      </c>
      <c r="BJ19" s="191">
        <v>27</v>
      </c>
      <c r="BK19" s="191">
        <v>115</v>
      </c>
      <c r="BL19" s="191">
        <v>44</v>
      </c>
      <c r="BM19" s="191">
        <v>35</v>
      </c>
      <c r="BN19" s="191">
        <v>8</v>
      </c>
      <c r="BO19" s="196">
        <v>229</v>
      </c>
      <c r="BP19" s="195">
        <v>229</v>
      </c>
      <c r="BQ19" s="190">
        <v>0</v>
      </c>
      <c r="BR19" s="191">
        <v>3</v>
      </c>
      <c r="BS19" s="196">
        <v>3</v>
      </c>
      <c r="BT19" s="193">
        <v>0</v>
      </c>
      <c r="BU19" s="191">
        <v>3</v>
      </c>
      <c r="BV19" s="191">
        <v>38</v>
      </c>
      <c r="BW19" s="191">
        <v>18</v>
      </c>
      <c r="BX19" s="191">
        <v>22</v>
      </c>
      <c r="BY19" s="191">
        <v>16</v>
      </c>
      <c r="BZ19" s="196">
        <v>97</v>
      </c>
      <c r="CA19" s="195">
        <v>100</v>
      </c>
      <c r="CB19" s="190">
        <v>0</v>
      </c>
      <c r="CC19" s="191">
        <v>0</v>
      </c>
      <c r="CD19" s="196">
        <v>0</v>
      </c>
      <c r="CE19" s="193">
        <v>0</v>
      </c>
      <c r="CF19" s="191">
        <v>5</v>
      </c>
      <c r="CG19" s="191">
        <v>12</v>
      </c>
      <c r="CH19" s="191">
        <v>0</v>
      </c>
      <c r="CI19" s="191">
        <v>0</v>
      </c>
      <c r="CJ19" s="191">
        <v>0</v>
      </c>
      <c r="CK19" s="196">
        <v>17</v>
      </c>
      <c r="CL19" s="195">
        <v>17</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276</v>
      </c>
      <c r="H20" s="191">
        <v>283</v>
      </c>
      <c r="I20" s="191">
        <v>743</v>
      </c>
      <c r="J20" s="191">
        <v>923</v>
      </c>
      <c r="K20" s="191">
        <v>209</v>
      </c>
      <c r="L20" s="194">
        <v>2434</v>
      </c>
      <c r="M20" s="195">
        <v>2434</v>
      </c>
      <c r="N20" s="190">
        <v>0</v>
      </c>
      <c r="O20" s="191">
        <v>0</v>
      </c>
      <c r="P20" s="196">
        <v>0</v>
      </c>
      <c r="Q20" s="193">
        <v>0</v>
      </c>
      <c r="R20" s="191">
        <v>0</v>
      </c>
      <c r="S20" s="191">
        <v>0</v>
      </c>
      <c r="T20" s="191">
        <v>9</v>
      </c>
      <c r="U20" s="191">
        <v>20</v>
      </c>
      <c r="V20" s="191">
        <v>12</v>
      </c>
      <c r="W20" s="196">
        <v>41</v>
      </c>
      <c r="X20" s="195">
        <v>41</v>
      </c>
      <c r="Y20" s="190">
        <v>21</v>
      </c>
      <c r="Z20" s="191">
        <v>34</v>
      </c>
      <c r="AA20" s="196">
        <v>55</v>
      </c>
      <c r="AB20" s="193">
        <v>0</v>
      </c>
      <c r="AC20" s="191">
        <v>229</v>
      </c>
      <c r="AD20" s="191">
        <v>290</v>
      </c>
      <c r="AE20" s="191">
        <v>234</v>
      </c>
      <c r="AF20" s="191">
        <v>216</v>
      </c>
      <c r="AG20" s="191">
        <v>52</v>
      </c>
      <c r="AH20" s="196">
        <v>1021</v>
      </c>
      <c r="AI20" s="195">
        <v>1076</v>
      </c>
      <c r="AJ20" s="190">
        <v>12</v>
      </c>
      <c r="AK20" s="191">
        <v>8</v>
      </c>
      <c r="AL20" s="196">
        <v>20</v>
      </c>
      <c r="AM20" s="193">
        <v>0</v>
      </c>
      <c r="AN20" s="191">
        <v>9</v>
      </c>
      <c r="AO20" s="191">
        <v>18</v>
      </c>
      <c r="AP20" s="191">
        <v>38</v>
      </c>
      <c r="AQ20" s="191">
        <v>24</v>
      </c>
      <c r="AR20" s="191">
        <v>16</v>
      </c>
      <c r="AS20" s="196">
        <v>105</v>
      </c>
      <c r="AT20" s="195">
        <v>125</v>
      </c>
      <c r="AU20" s="190">
        <v>0</v>
      </c>
      <c r="AV20" s="191">
        <v>0</v>
      </c>
      <c r="AW20" s="196">
        <v>0</v>
      </c>
      <c r="AX20" s="193">
        <v>0</v>
      </c>
      <c r="AY20" s="191">
        <v>314</v>
      </c>
      <c r="AZ20" s="191">
        <v>333</v>
      </c>
      <c r="BA20" s="191">
        <v>114</v>
      </c>
      <c r="BB20" s="191">
        <v>125</v>
      </c>
      <c r="BC20" s="191">
        <v>78</v>
      </c>
      <c r="BD20" s="194">
        <v>964</v>
      </c>
      <c r="BE20" s="195">
        <v>964</v>
      </c>
      <c r="BF20" s="190">
        <v>0</v>
      </c>
      <c r="BG20" s="191">
        <v>0</v>
      </c>
      <c r="BH20" s="196">
        <v>0</v>
      </c>
      <c r="BI20" s="193">
        <v>0</v>
      </c>
      <c r="BJ20" s="191">
        <v>77</v>
      </c>
      <c r="BK20" s="191">
        <v>115</v>
      </c>
      <c r="BL20" s="191">
        <v>50</v>
      </c>
      <c r="BM20" s="191">
        <v>46</v>
      </c>
      <c r="BN20" s="191">
        <v>6</v>
      </c>
      <c r="BO20" s="196">
        <v>294</v>
      </c>
      <c r="BP20" s="195">
        <v>294</v>
      </c>
      <c r="BQ20" s="190">
        <v>0</v>
      </c>
      <c r="BR20" s="191">
        <v>5</v>
      </c>
      <c r="BS20" s="196">
        <v>5</v>
      </c>
      <c r="BT20" s="193">
        <v>0</v>
      </c>
      <c r="BU20" s="191">
        <v>28</v>
      </c>
      <c r="BV20" s="191">
        <v>90</v>
      </c>
      <c r="BW20" s="191">
        <v>111</v>
      </c>
      <c r="BX20" s="191">
        <v>95</v>
      </c>
      <c r="BY20" s="191">
        <v>101</v>
      </c>
      <c r="BZ20" s="196">
        <v>425</v>
      </c>
      <c r="CA20" s="195">
        <v>430</v>
      </c>
      <c r="CB20" s="190">
        <v>0</v>
      </c>
      <c r="CC20" s="191">
        <v>0</v>
      </c>
      <c r="CD20" s="196">
        <v>0</v>
      </c>
      <c r="CE20" s="193">
        <v>0</v>
      </c>
      <c r="CF20" s="191">
        <v>0</v>
      </c>
      <c r="CG20" s="191">
        <v>6</v>
      </c>
      <c r="CH20" s="191">
        <v>0</v>
      </c>
      <c r="CI20" s="191">
        <v>0</v>
      </c>
      <c r="CJ20" s="191">
        <v>0</v>
      </c>
      <c r="CK20" s="196">
        <v>6</v>
      </c>
      <c r="CL20" s="195">
        <v>6</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91</v>
      </c>
      <c r="H21" s="191">
        <v>235</v>
      </c>
      <c r="I21" s="191">
        <v>176</v>
      </c>
      <c r="J21" s="191">
        <v>45</v>
      </c>
      <c r="K21" s="191">
        <v>6</v>
      </c>
      <c r="L21" s="194">
        <v>553</v>
      </c>
      <c r="M21" s="195">
        <v>553</v>
      </c>
      <c r="N21" s="190">
        <v>0</v>
      </c>
      <c r="O21" s="191">
        <v>0</v>
      </c>
      <c r="P21" s="196">
        <v>0</v>
      </c>
      <c r="Q21" s="193">
        <v>0</v>
      </c>
      <c r="R21" s="191">
        <v>0</v>
      </c>
      <c r="S21" s="191">
        <v>0</v>
      </c>
      <c r="T21" s="191">
        <v>4</v>
      </c>
      <c r="U21" s="191">
        <v>1</v>
      </c>
      <c r="V21" s="191">
        <v>5</v>
      </c>
      <c r="W21" s="196">
        <v>10</v>
      </c>
      <c r="X21" s="195">
        <v>10</v>
      </c>
      <c r="Y21" s="190">
        <v>22</v>
      </c>
      <c r="Z21" s="191">
        <v>39</v>
      </c>
      <c r="AA21" s="196">
        <v>61</v>
      </c>
      <c r="AB21" s="193">
        <v>0</v>
      </c>
      <c r="AC21" s="191">
        <v>108</v>
      </c>
      <c r="AD21" s="191">
        <v>94</v>
      </c>
      <c r="AE21" s="191">
        <v>66</v>
      </c>
      <c r="AF21" s="191">
        <v>95</v>
      </c>
      <c r="AG21" s="191">
        <v>13</v>
      </c>
      <c r="AH21" s="196">
        <v>376</v>
      </c>
      <c r="AI21" s="195">
        <v>437</v>
      </c>
      <c r="AJ21" s="190">
        <v>0</v>
      </c>
      <c r="AK21" s="191">
        <v>0</v>
      </c>
      <c r="AL21" s="196">
        <v>0</v>
      </c>
      <c r="AM21" s="193">
        <v>0</v>
      </c>
      <c r="AN21" s="191">
        <v>15</v>
      </c>
      <c r="AO21" s="191">
        <v>0</v>
      </c>
      <c r="AP21" s="191">
        <v>0</v>
      </c>
      <c r="AQ21" s="191">
        <v>11</v>
      </c>
      <c r="AR21" s="191">
        <v>0</v>
      </c>
      <c r="AS21" s="196">
        <v>26</v>
      </c>
      <c r="AT21" s="195">
        <v>26</v>
      </c>
      <c r="AU21" s="190">
        <v>0</v>
      </c>
      <c r="AV21" s="191">
        <v>0</v>
      </c>
      <c r="AW21" s="196">
        <v>0</v>
      </c>
      <c r="AX21" s="193">
        <v>0</v>
      </c>
      <c r="AY21" s="191">
        <v>108</v>
      </c>
      <c r="AZ21" s="191">
        <v>134</v>
      </c>
      <c r="BA21" s="191">
        <v>27</v>
      </c>
      <c r="BB21" s="191">
        <v>2</v>
      </c>
      <c r="BC21" s="191">
        <v>48</v>
      </c>
      <c r="BD21" s="194">
        <v>319</v>
      </c>
      <c r="BE21" s="195">
        <v>319</v>
      </c>
      <c r="BF21" s="190">
        <v>0</v>
      </c>
      <c r="BG21" s="191">
        <v>0</v>
      </c>
      <c r="BH21" s="196">
        <v>0</v>
      </c>
      <c r="BI21" s="193">
        <v>0</v>
      </c>
      <c r="BJ21" s="191">
        <v>77</v>
      </c>
      <c r="BK21" s="191">
        <v>14</v>
      </c>
      <c r="BL21" s="191">
        <v>39</v>
      </c>
      <c r="BM21" s="191">
        <v>40</v>
      </c>
      <c r="BN21" s="191">
        <v>13</v>
      </c>
      <c r="BO21" s="196">
        <v>183</v>
      </c>
      <c r="BP21" s="195">
        <v>183</v>
      </c>
      <c r="BQ21" s="190">
        <v>0</v>
      </c>
      <c r="BR21" s="191">
        <v>3</v>
      </c>
      <c r="BS21" s="196">
        <v>3</v>
      </c>
      <c r="BT21" s="193">
        <v>0</v>
      </c>
      <c r="BU21" s="191">
        <v>18</v>
      </c>
      <c r="BV21" s="191">
        <v>32</v>
      </c>
      <c r="BW21" s="191">
        <v>3</v>
      </c>
      <c r="BX21" s="191">
        <v>3</v>
      </c>
      <c r="BY21" s="191">
        <v>0</v>
      </c>
      <c r="BZ21" s="196">
        <v>56</v>
      </c>
      <c r="CA21" s="195">
        <v>59</v>
      </c>
      <c r="CB21" s="190">
        <v>0</v>
      </c>
      <c r="CC21" s="191">
        <v>0</v>
      </c>
      <c r="CD21" s="196">
        <v>0</v>
      </c>
      <c r="CE21" s="193">
        <v>0</v>
      </c>
      <c r="CF21" s="191">
        <v>0</v>
      </c>
      <c r="CG21" s="191">
        <v>0</v>
      </c>
      <c r="CH21" s="191">
        <v>-4</v>
      </c>
      <c r="CI21" s="191">
        <v>4</v>
      </c>
      <c r="CJ21" s="191">
        <v>0</v>
      </c>
      <c r="CK21" s="196">
        <v>0</v>
      </c>
      <c r="CL21" s="195">
        <v>0</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73</v>
      </c>
      <c r="H22" s="191">
        <v>217</v>
      </c>
      <c r="I22" s="191">
        <v>105</v>
      </c>
      <c r="J22" s="191">
        <v>229</v>
      </c>
      <c r="K22" s="191">
        <v>373</v>
      </c>
      <c r="L22" s="194">
        <v>997</v>
      </c>
      <c r="M22" s="195">
        <v>997</v>
      </c>
      <c r="N22" s="190">
        <v>0</v>
      </c>
      <c r="O22" s="191">
        <v>0</v>
      </c>
      <c r="P22" s="196">
        <v>0</v>
      </c>
      <c r="Q22" s="193">
        <v>0</v>
      </c>
      <c r="R22" s="191">
        <v>0</v>
      </c>
      <c r="S22" s="191">
        <v>0</v>
      </c>
      <c r="T22" s="191">
        <v>0</v>
      </c>
      <c r="U22" s="191">
        <v>16</v>
      </c>
      <c r="V22" s="191">
        <v>23</v>
      </c>
      <c r="W22" s="196">
        <v>39</v>
      </c>
      <c r="X22" s="195">
        <v>39</v>
      </c>
      <c r="Y22" s="190">
        <v>20</v>
      </c>
      <c r="Z22" s="191">
        <v>24</v>
      </c>
      <c r="AA22" s="196">
        <v>44</v>
      </c>
      <c r="AB22" s="193">
        <v>0</v>
      </c>
      <c r="AC22" s="191">
        <v>115</v>
      </c>
      <c r="AD22" s="191">
        <v>104</v>
      </c>
      <c r="AE22" s="191">
        <v>99</v>
      </c>
      <c r="AF22" s="191">
        <v>118</v>
      </c>
      <c r="AG22" s="191">
        <v>23</v>
      </c>
      <c r="AH22" s="196">
        <v>459</v>
      </c>
      <c r="AI22" s="195">
        <v>503</v>
      </c>
      <c r="AJ22" s="190">
        <v>0</v>
      </c>
      <c r="AK22" s="191">
        <v>34</v>
      </c>
      <c r="AL22" s="196">
        <v>34</v>
      </c>
      <c r="AM22" s="193">
        <v>0</v>
      </c>
      <c r="AN22" s="191">
        <v>39</v>
      </c>
      <c r="AO22" s="191">
        <v>17</v>
      </c>
      <c r="AP22" s="191">
        <v>37</v>
      </c>
      <c r="AQ22" s="191">
        <v>24</v>
      </c>
      <c r="AR22" s="191">
        <v>6</v>
      </c>
      <c r="AS22" s="196">
        <v>123</v>
      </c>
      <c r="AT22" s="195">
        <v>157</v>
      </c>
      <c r="AU22" s="190">
        <v>0</v>
      </c>
      <c r="AV22" s="191">
        <v>0</v>
      </c>
      <c r="AW22" s="196">
        <v>0</v>
      </c>
      <c r="AX22" s="193">
        <v>0</v>
      </c>
      <c r="AY22" s="191">
        <v>140</v>
      </c>
      <c r="AZ22" s="191">
        <v>135</v>
      </c>
      <c r="BA22" s="191">
        <v>125</v>
      </c>
      <c r="BB22" s="191">
        <v>34</v>
      </c>
      <c r="BC22" s="191">
        <v>41</v>
      </c>
      <c r="BD22" s="194">
        <v>475</v>
      </c>
      <c r="BE22" s="195">
        <v>475</v>
      </c>
      <c r="BF22" s="190">
        <v>0</v>
      </c>
      <c r="BG22" s="191">
        <v>0</v>
      </c>
      <c r="BH22" s="196">
        <v>0</v>
      </c>
      <c r="BI22" s="193">
        <v>0</v>
      </c>
      <c r="BJ22" s="191">
        <v>28</v>
      </c>
      <c r="BK22" s="191">
        <v>75</v>
      </c>
      <c r="BL22" s="191">
        <v>24</v>
      </c>
      <c r="BM22" s="191">
        <v>32</v>
      </c>
      <c r="BN22" s="191">
        <v>6</v>
      </c>
      <c r="BO22" s="196">
        <v>165</v>
      </c>
      <c r="BP22" s="195">
        <v>165</v>
      </c>
      <c r="BQ22" s="190">
        <v>0</v>
      </c>
      <c r="BR22" s="191">
        <v>7</v>
      </c>
      <c r="BS22" s="196">
        <v>7</v>
      </c>
      <c r="BT22" s="193">
        <v>0</v>
      </c>
      <c r="BU22" s="191">
        <v>3</v>
      </c>
      <c r="BV22" s="191">
        <v>62</v>
      </c>
      <c r="BW22" s="191">
        <v>28</v>
      </c>
      <c r="BX22" s="191">
        <v>16</v>
      </c>
      <c r="BY22" s="191">
        <v>9</v>
      </c>
      <c r="BZ22" s="196">
        <v>118</v>
      </c>
      <c r="CA22" s="195">
        <v>125</v>
      </c>
      <c r="CB22" s="190">
        <v>0</v>
      </c>
      <c r="CC22" s="191">
        <v>0</v>
      </c>
      <c r="CD22" s="196">
        <v>0</v>
      </c>
      <c r="CE22" s="193">
        <v>0</v>
      </c>
      <c r="CF22" s="191">
        <v>0</v>
      </c>
      <c r="CG22" s="191">
        <v>0</v>
      </c>
      <c r="CH22" s="191">
        <v>3</v>
      </c>
      <c r="CI22" s="191">
        <v>0</v>
      </c>
      <c r="CJ22" s="191">
        <v>0</v>
      </c>
      <c r="CK22" s="196">
        <v>3</v>
      </c>
      <c r="CL22" s="195">
        <v>3</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51</v>
      </c>
      <c r="H23" s="191">
        <v>172</v>
      </c>
      <c r="I23" s="191">
        <v>125</v>
      </c>
      <c r="J23" s="191">
        <v>384</v>
      </c>
      <c r="K23" s="191">
        <v>-41</v>
      </c>
      <c r="L23" s="194">
        <v>791</v>
      </c>
      <c r="M23" s="195">
        <v>791</v>
      </c>
      <c r="N23" s="190">
        <v>0</v>
      </c>
      <c r="O23" s="191">
        <v>0</v>
      </c>
      <c r="P23" s="196">
        <v>0</v>
      </c>
      <c r="Q23" s="193">
        <v>0</v>
      </c>
      <c r="R23" s="191">
        <v>0</v>
      </c>
      <c r="S23" s="191">
        <v>4</v>
      </c>
      <c r="T23" s="191">
        <v>0</v>
      </c>
      <c r="U23" s="191">
        <v>0</v>
      </c>
      <c r="V23" s="191">
        <v>24</v>
      </c>
      <c r="W23" s="196">
        <v>28</v>
      </c>
      <c r="X23" s="195">
        <v>28</v>
      </c>
      <c r="Y23" s="190">
        <v>0</v>
      </c>
      <c r="Z23" s="191">
        <v>8</v>
      </c>
      <c r="AA23" s="196">
        <v>8</v>
      </c>
      <c r="AB23" s="193">
        <v>0</v>
      </c>
      <c r="AC23" s="191">
        <v>76</v>
      </c>
      <c r="AD23" s="191">
        <v>115</v>
      </c>
      <c r="AE23" s="191">
        <v>74</v>
      </c>
      <c r="AF23" s="191">
        <v>28</v>
      </c>
      <c r="AG23" s="191">
        <v>113</v>
      </c>
      <c r="AH23" s="196">
        <v>406</v>
      </c>
      <c r="AI23" s="195">
        <v>414</v>
      </c>
      <c r="AJ23" s="190">
        <v>0</v>
      </c>
      <c r="AK23" s="191">
        <v>24</v>
      </c>
      <c r="AL23" s="196">
        <v>24</v>
      </c>
      <c r="AM23" s="193">
        <v>0</v>
      </c>
      <c r="AN23" s="191">
        <v>0</v>
      </c>
      <c r="AO23" s="191">
        <v>0</v>
      </c>
      <c r="AP23" s="191">
        <v>0</v>
      </c>
      <c r="AQ23" s="191">
        <v>0</v>
      </c>
      <c r="AR23" s="191">
        <v>36</v>
      </c>
      <c r="AS23" s="196">
        <v>36</v>
      </c>
      <c r="AT23" s="195">
        <v>60</v>
      </c>
      <c r="AU23" s="190">
        <v>0</v>
      </c>
      <c r="AV23" s="191">
        <v>0</v>
      </c>
      <c r="AW23" s="196">
        <v>0</v>
      </c>
      <c r="AX23" s="193">
        <v>0</v>
      </c>
      <c r="AY23" s="191">
        <v>129</v>
      </c>
      <c r="AZ23" s="191">
        <v>74</v>
      </c>
      <c r="BA23" s="191">
        <v>50</v>
      </c>
      <c r="BB23" s="191">
        <v>15</v>
      </c>
      <c r="BC23" s="191">
        <v>-10</v>
      </c>
      <c r="BD23" s="194">
        <v>258</v>
      </c>
      <c r="BE23" s="195">
        <v>258</v>
      </c>
      <c r="BF23" s="190">
        <v>0</v>
      </c>
      <c r="BG23" s="191">
        <v>0</v>
      </c>
      <c r="BH23" s="196">
        <v>0</v>
      </c>
      <c r="BI23" s="193">
        <v>0</v>
      </c>
      <c r="BJ23" s="191">
        <v>28</v>
      </c>
      <c r="BK23" s="191">
        <v>16</v>
      </c>
      <c r="BL23" s="191">
        <v>13</v>
      </c>
      <c r="BM23" s="191">
        <v>0</v>
      </c>
      <c r="BN23" s="191">
        <v>33</v>
      </c>
      <c r="BO23" s="196">
        <v>90</v>
      </c>
      <c r="BP23" s="195">
        <v>90</v>
      </c>
      <c r="BQ23" s="190">
        <v>0</v>
      </c>
      <c r="BR23" s="191">
        <v>9</v>
      </c>
      <c r="BS23" s="196">
        <v>9</v>
      </c>
      <c r="BT23" s="193">
        <v>0</v>
      </c>
      <c r="BU23" s="191">
        <v>14</v>
      </c>
      <c r="BV23" s="191">
        <v>7</v>
      </c>
      <c r="BW23" s="191">
        <v>11</v>
      </c>
      <c r="BX23" s="191">
        <v>0</v>
      </c>
      <c r="BY23" s="191">
        <v>0</v>
      </c>
      <c r="BZ23" s="196">
        <v>32</v>
      </c>
      <c r="CA23" s="195">
        <v>41</v>
      </c>
      <c r="CB23" s="190">
        <v>0</v>
      </c>
      <c r="CC23" s="191">
        <v>0</v>
      </c>
      <c r="CD23" s="196">
        <v>0</v>
      </c>
      <c r="CE23" s="193">
        <v>0</v>
      </c>
      <c r="CF23" s="191">
        <v>0</v>
      </c>
      <c r="CG23" s="191">
        <v>0</v>
      </c>
      <c r="CH23" s="191">
        <v>8</v>
      </c>
      <c r="CI23" s="191">
        <v>30</v>
      </c>
      <c r="CJ23" s="191">
        <v>0</v>
      </c>
      <c r="CK23" s="196">
        <v>38</v>
      </c>
      <c r="CL23" s="195">
        <v>38</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7</v>
      </c>
      <c r="H24" s="191">
        <v>12</v>
      </c>
      <c r="I24" s="191">
        <v>51</v>
      </c>
      <c r="J24" s="191">
        <v>96</v>
      </c>
      <c r="K24" s="191">
        <v>279</v>
      </c>
      <c r="L24" s="194">
        <v>465</v>
      </c>
      <c r="M24" s="195">
        <v>465</v>
      </c>
      <c r="N24" s="190">
        <v>0</v>
      </c>
      <c r="O24" s="191">
        <v>0</v>
      </c>
      <c r="P24" s="196">
        <v>0</v>
      </c>
      <c r="Q24" s="193">
        <v>0</v>
      </c>
      <c r="R24" s="191">
        <v>0</v>
      </c>
      <c r="S24" s="191">
        <v>0</v>
      </c>
      <c r="T24" s="191">
        <v>0</v>
      </c>
      <c r="U24" s="191">
        <v>0</v>
      </c>
      <c r="V24" s="191">
        <v>41</v>
      </c>
      <c r="W24" s="196">
        <v>41</v>
      </c>
      <c r="X24" s="195">
        <v>41</v>
      </c>
      <c r="Y24" s="190">
        <v>0</v>
      </c>
      <c r="Z24" s="191">
        <v>0</v>
      </c>
      <c r="AA24" s="196">
        <v>0</v>
      </c>
      <c r="AB24" s="193">
        <v>0</v>
      </c>
      <c r="AC24" s="191">
        <v>32</v>
      </c>
      <c r="AD24" s="191">
        <v>5</v>
      </c>
      <c r="AE24" s="191">
        <v>16</v>
      </c>
      <c r="AF24" s="191">
        <v>1</v>
      </c>
      <c r="AG24" s="191">
        <v>106</v>
      </c>
      <c r="AH24" s="196">
        <v>160</v>
      </c>
      <c r="AI24" s="195">
        <v>160</v>
      </c>
      <c r="AJ24" s="190">
        <v>0</v>
      </c>
      <c r="AK24" s="191">
        <v>0</v>
      </c>
      <c r="AL24" s="196">
        <v>0</v>
      </c>
      <c r="AM24" s="193">
        <v>0</v>
      </c>
      <c r="AN24" s="191">
        <v>21</v>
      </c>
      <c r="AO24" s="191">
        <v>12</v>
      </c>
      <c r="AP24" s="191">
        <v>0</v>
      </c>
      <c r="AQ24" s="191">
        <v>27</v>
      </c>
      <c r="AR24" s="191">
        <v>0</v>
      </c>
      <c r="AS24" s="196">
        <v>60</v>
      </c>
      <c r="AT24" s="195">
        <v>60</v>
      </c>
      <c r="AU24" s="190">
        <v>0</v>
      </c>
      <c r="AV24" s="191">
        <v>0</v>
      </c>
      <c r="AW24" s="196">
        <v>0</v>
      </c>
      <c r="AX24" s="193">
        <v>0</v>
      </c>
      <c r="AY24" s="191">
        <v>23</v>
      </c>
      <c r="AZ24" s="191">
        <v>53</v>
      </c>
      <c r="BA24" s="191">
        <v>43</v>
      </c>
      <c r="BB24" s="191">
        <v>62</v>
      </c>
      <c r="BC24" s="191">
        <v>13</v>
      </c>
      <c r="BD24" s="194">
        <v>194</v>
      </c>
      <c r="BE24" s="195">
        <v>194</v>
      </c>
      <c r="BF24" s="190">
        <v>0</v>
      </c>
      <c r="BG24" s="191">
        <v>0</v>
      </c>
      <c r="BH24" s="196">
        <v>0</v>
      </c>
      <c r="BI24" s="193">
        <v>0</v>
      </c>
      <c r="BJ24" s="191">
        <v>11</v>
      </c>
      <c r="BK24" s="191">
        <v>32</v>
      </c>
      <c r="BL24" s="191">
        <v>8</v>
      </c>
      <c r="BM24" s="191">
        <v>2</v>
      </c>
      <c r="BN24" s="191">
        <v>0</v>
      </c>
      <c r="BO24" s="196">
        <v>53</v>
      </c>
      <c r="BP24" s="195">
        <v>53</v>
      </c>
      <c r="BQ24" s="190">
        <v>0</v>
      </c>
      <c r="BR24" s="191">
        <v>0</v>
      </c>
      <c r="BS24" s="196">
        <v>0</v>
      </c>
      <c r="BT24" s="193">
        <v>0</v>
      </c>
      <c r="BU24" s="191">
        <v>0</v>
      </c>
      <c r="BV24" s="191">
        <v>29</v>
      </c>
      <c r="BW24" s="191">
        <v>2</v>
      </c>
      <c r="BX24" s="191">
        <v>19</v>
      </c>
      <c r="BY24" s="191">
        <v>0</v>
      </c>
      <c r="BZ24" s="196">
        <v>50</v>
      </c>
      <c r="CA24" s="195">
        <v>5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13</v>
      </c>
      <c r="H25" s="191">
        <v>84</v>
      </c>
      <c r="I25" s="191">
        <v>228</v>
      </c>
      <c r="J25" s="191">
        <v>42</v>
      </c>
      <c r="K25" s="191">
        <v>0</v>
      </c>
      <c r="L25" s="194">
        <v>367</v>
      </c>
      <c r="M25" s="195">
        <v>367</v>
      </c>
      <c r="N25" s="190">
        <v>0</v>
      </c>
      <c r="O25" s="191">
        <v>0</v>
      </c>
      <c r="P25" s="196">
        <v>0</v>
      </c>
      <c r="Q25" s="193">
        <v>0</v>
      </c>
      <c r="R25" s="191">
        <v>0</v>
      </c>
      <c r="S25" s="191">
        <v>8</v>
      </c>
      <c r="T25" s="191">
        <v>4</v>
      </c>
      <c r="U25" s="191">
        <v>0</v>
      </c>
      <c r="V25" s="191">
        <v>0</v>
      </c>
      <c r="W25" s="196">
        <v>12</v>
      </c>
      <c r="X25" s="195">
        <v>12</v>
      </c>
      <c r="Y25" s="190">
        <v>19</v>
      </c>
      <c r="Z25" s="191">
        <v>30</v>
      </c>
      <c r="AA25" s="196">
        <v>49</v>
      </c>
      <c r="AB25" s="193">
        <v>0</v>
      </c>
      <c r="AC25" s="191">
        <v>60</v>
      </c>
      <c r="AD25" s="191">
        <v>122</v>
      </c>
      <c r="AE25" s="191">
        <v>84</v>
      </c>
      <c r="AF25" s="191">
        <v>31</v>
      </c>
      <c r="AG25" s="191">
        <v>38</v>
      </c>
      <c r="AH25" s="196">
        <v>335</v>
      </c>
      <c r="AI25" s="195">
        <v>384</v>
      </c>
      <c r="AJ25" s="190">
        <v>8</v>
      </c>
      <c r="AK25" s="191">
        <v>12</v>
      </c>
      <c r="AL25" s="196">
        <v>20</v>
      </c>
      <c r="AM25" s="193">
        <v>0</v>
      </c>
      <c r="AN25" s="191">
        <v>0</v>
      </c>
      <c r="AO25" s="191">
        <v>24</v>
      </c>
      <c r="AP25" s="191">
        <v>0</v>
      </c>
      <c r="AQ25" s="191">
        <v>0</v>
      </c>
      <c r="AR25" s="191">
        <v>0</v>
      </c>
      <c r="AS25" s="196">
        <v>24</v>
      </c>
      <c r="AT25" s="195">
        <v>44</v>
      </c>
      <c r="AU25" s="190">
        <v>0</v>
      </c>
      <c r="AV25" s="191">
        <v>0</v>
      </c>
      <c r="AW25" s="196">
        <v>0</v>
      </c>
      <c r="AX25" s="193">
        <v>0</v>
      </c>
      <c r="AY25" s="191">
        <v>83</v>
      </c>
      <c r="AZ25" s="191">
        <v>107</v>
      </c>
      <c r="BA25" s="191">
        <v>39</v>
      </c>
      <c r="BB25" s="191">
        <v>41</v>
      </c>
      <c r="BC25" s="191">
        <v>36</v>
      </c>
      <c r="BD25" s="194">
        <v>306</v>
      </c>
      <c r="BE25" s="195">
        <v>306</v>
      </c>
      <c r="BF25" s="190">
        <v>0</v>
      </c>
      <c r="BG25" s="191">
        <v>0</v>
      </c>
      <c r="BH25" s="196">
        <v>0</v>
      </c>
      <c r="BI25" s="193">
        <v>0</v>
      </c>
      <c r="BJ25" s="191">
        <v>9</v>
      </c>
      <c r="BK25" s="191">
        <v>8</v>
      </c>
      <c r="BL25" s="191">
        <v>15</v>
      </c>
      <c r="BM25" s="191">
        <v>16</v>
      </c>
      <c r="BN25" s="191">
        <v>6</v>
      </c>
      <c r="BO25" s="196">
        <v>54</v>
      </c>
      <c r="BP25" s="195">
        <v>54</v>
      </c>
      <c r="BQ25" s="190">
        <v>0</v>
      </c>
      <c r="BR25" s="191">
        <v>0</v>
      </c>
      <c r="BS25" s="196">
        <v>0</v>
      </c>
      <c r="BT25" s="193">
        <v>0</v>
      </c>
      <c r="BU25" s="191">
        <v>26</v>
      </c>
      <c r="BV25" s="191">
        <v>43</v>
      </c>
      <c r="BW25" s="191">
        <v>21</v>
      </c>
      <c r="BX25" s="191">
        <v>28</v>
      </c>
      <c r="BY25" s="191">
        <v>17</v>
      </c>
      <c r="BZ25" s="196">
        <v>135</v>
      </c>
      <c r="CA25" s="195">
        <v>135</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95</v>
      </c>
      <c r="H26" s="191">
        <v>54</v>
      </c>
      <c r="I26" s="191">
        <v>112</v>
      </c>
      <c r="J26" s="191">
        <v>177</v>
      </c>
      <c r="K26" s="191">
        <v>128</v>
      </c>
      <c r="L26" s="194">
        <v>566</v>
      </c>
      <c r="M26" s="195">
        <v>566</v>
      </c>
      <c r="N26" s="190">
        <v>0</v>
      </c>
      <c r="O26" s="191">
        <v>0</v>
      </c>
      <c r="P26" s="196">
        <v>0</v>
      </c>
      <c r="Q26" s="193">
        <v>0</v>
      </c>
      <c r="R26" s="191">
        <v>5</v>
      </c>
      <c r="S26" s="191">
        <v>0</v>
      </c>
      <c r="T26" s="191">
        <v>0</v>
      </c>
      <c r="U26" s="191">
        <v>0</v>
      </c>
      <c r="V26" s="191">
        <v>9</v>
      </c>
      <c r="W26" s="196">
        <v>14</v>
      </c>
      <c r="X26" s="195">
        <v>14</v>
      </c>
      <c r="Y26" s="190">
        <v>13</v>
      </c>
      <c r="Z26" s="191">
        <v>16</v>
      </c>
      <c r="AA26" s="196">
        <v>29</v>
      </c>
      <c r="AB26" s="193">
        <v>0</v>
      </c>
      <c r="AC26" s="191">
        <v>74</v>
      </c>
      <c r="AD26" s="191">
        <v>61</v>
      </c>
      <c r="AE26" s="191">
        <v>28</v>
      </c>
      <c r="AF26" s="191">
        <v>79</v>
      </c>
      <c r="AG26" s="191">
        <v>42</v>
      </c>
      <c r="AH26" s="196">
        <v>284</v>
      </c>
      <c r="AI26" s="195">
        <v>313</v>
      </c>
      <c r="AJ26" s="190">
        <v>0</v>
      </c>
      <c r="AK26" s="191">
        <v>0</v>
      </c>
      <c r="AL26" s="196">
        <v>0</v>
      </c>
      <c r="AM26" s="193">
        <v>0</v>
      </c>
      <c r="AN26" s="191">
        <v>0</v>
      </c>
      <c r="AO26" s="191">
        <v>0</v>
      </c>
      <c r="AP26" s="191">
        <v>0</v>
      </c>
      <c r="AQ26" s="191">
        <v>0</v>
      </c>
      <c r="AR26" s="191">
        <v>8</v>
      </c>
      <c r="AS26" s="196">
        <v>8</v>
      </c>
      <c r="AT26" s="195">
        <v>8</v>
      </c>
      <c r="AU26" s="190">
        <v>0</v>
      </c>
      <c r="AV26" s="191">
        <v>0</v>
      </c>
      <c r="AW26" s="196">
        <v>0</v>
      </c>
      <c r="AX26" s="193">
        <v>0</v>
      </c>
      <c r="AY26" s="191">
        <v>71</v>
      </c>
      <c r="AZ26" s="191">
        <v>69</v>
      </c>
      <c r="BA26" s="191">
        <v>6</v>
      </c>
      <c r="BB26" s="191">
        <v>0</v>
      </c>
      <c r="BC26" s="191">
        <v>18</v>
      </c>
      <c r="BD26" s="194">
        <v>164</v>
      </c>
      <c r="BE26" s="195">
        <v>164</v>
      </c>
      <c r="BF26" s="190">
        <v>0</v>
      </c>
      <c r="BG26" s="191">
        <v>0</v>
      </c>
      <c r="BH26" s="196">
        <v>0</v>
      </c>
      <c r="BI26" s="193">
        <v>0</v>
      </c>
      <c r="BJ26" s="191">
        <v>37</v>
      </c>
      <c r="BK26" s="191">
        <v>11</v>
      </c>
      <c r="BL26" s="191">
        <v>10</v>
      </c>
      <c r="BM26" s="191">
        <v>15</v>
      </c>
      <c r="BN26" s="191">
        <v>21</v>
      </c>
      <c r="BO26" s="196">
        <v>94</v>
      </c>
      <c r="BP26" s="195">
        <v>94</v>
      </c>
      <c r="BQ26" s="190">
        <v>0</v>
      </c>
      <c r="BR26" s="191">
        <v>0</v>
      </c>
      <c r="BS26" s="196">
        <v>0</v>
      </c>
      <c r="BT26" s="193">
        <v>0</v>
      </c>
      <c r="BU26" s="191">
        <v>2</v>
      </c>
      <c r="BV26" s="191">
        <v>0</v>
      </c>
      <c r="BW26" s="191">
        <v>3</v>
      </c>
      <c r="BX26" s="191">
        <v>0</v>
      </c>
      <c r="BY26" s="191">
        <v>10</v>
      </c>
      <c r="BZ26" s="196">
        <v>15</v>
      </c>
      <c r="CA26" s="195">
        <v>15</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22</v>
      </c>
      <c r="H27" s="191">
        <v>53</v>
      </c>
      <c r="I27" s="191">
        <v>4</v>
      </c>
      <c r="J27" s="191">
        <v>36</v>
      </c>
      <c r="K27" s="191">
        <v>154</v>
      </c>
      <c r="L27" s="194">
        <v>269</v>
      </c>
      <c r="M27" s="195">
        <v>269</v>
      </c>
      <c r="N27" s="190">
        <v>0</v>
      </c>
      <c r="O27" s="191">
        <v>0</v>
      </c>
      <c r="P27" s="196">
        <v>0</v>
      </c>
      <c r="Q27" s="193">
        <v>0</v>
      </c>
      <c r="R27" s="191">
        <v>4</v>
      </c>
      <c r="S27" s="191">
        <v>0</v>
      </c>
      <c r="T27" s="191">
        <v>0</v>
      </c>
      <c r="U27" s="191">
        <v>0</v>
      </c>
      <c r="V27" s="191">
        <v>6</v>
      </c>
      <c r="W27" s="196">
        <v>10</v>
      </c>
      <c r="X27" s="195">
        <v>10</v>
      </c>
      <c r="Y27" s="190">
        <v>2</v>
      </c>
      <c r="Z27" s="191">
        <v>33</v>
      </c>
      <c r="AA27" s="196">
        <v>35</v>
      </c>
      <c r="AB27" s="193">
        <v>0</v>
      </c>
      <c r="AC27" s="191">
        <v>11</v>
      </c>
      <c r="AD27" s="191">
        <v>26</v>
      </c>
      <c r="AE27" s="191">
        <v>11</v>
      </c>
      <c r="AF27" s="191">
        <v>2</v>
      </c>
      <c r="AG27" s="191">
        <v>25</v>
      </c>
      <c r="AH27" s="196">
        <v>75</v>
      </c>
      <c r="AI27" s="195">
        <v>110</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3</v>
      </c>
      <c r="AZ27" s="191">
        <v>34</v>
      </c>
      <c r="BA27" s="191">
        <v>19</v>
      </c>
      <c r="BB27" s="191">
        <v>0</v>
      </c>
      <c r="BC27" s="191">
        <v>0</v>
      </c>
      <c r="BD27" s="194">
        <v>66</v>
      </c>
      <c r="BE27" s="195">
        <v>66</v>
      </c>
      <c r="BF27" s="190">
        <v>0</v>
      </c>
      <c r="BG27" s="191">
        <v>0</v>
      </c>
      <c r="BH27" s="196">
        <v>0</v>
      </c>
      <c r="BI27" s="193">
        <v>0</v>
      </c>
      <c r="BJ27" s="191">
        <v>22</v>
      </c>
      <c r="BK27" s="191">
        <v>9</v>
      </c>
      <c r="BL27" s="191">
        <v>14</v>
      </c>
      <c r="BM27" s="191">
        <v>0</v>
      </c>
      <c r="BN27" s="191">
        <v>8</v>
      </c>
      <c r="BO27" s="196">
        <v>53</v>
      </c>
      <c r="BP27" s="195">
        <v>53</v>
      </c>
      <c r="BQ27" s="190">
        <v>0</v>
      </c>
      <c r="BR27" s="191">
        <v>0</v>
      </c>
      <c r="BS27" s="196">
        <v>0</v>
      </c>
      <c r="BT27" s="193">
        <v>0</v>
      </c>
      <c r="BU27" s="191">
        <v>13</v>
      </c>
      <c r="BV27" s="191">
        <v>0</v>
      </c>
      <c r="BW27" s="191">
        <v>24</v>
      </c>
      <c r="BX27" s="191">
        <v>0</v>
      </c>
      <c r="BY27" s="191">
        <v>0</v>
      </c>
      <c r="BZ27" s="196">
        <v>37</v>
      </c>
      <c r="CA27" s="195">
        <v>37</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25</v>
      </c>
      <c r="H28" s="191">
        <v>79</v>
      </c>
      <c r="I28" s="191">
        <v>15</v>
      </c>
      <c r="J28" s="191">
        <v>0</v>
      </c>
      <c r="K28" s="191">
        <v>184</v>
      </c>
      <c r="L28" s="194">
        <v>303</v>
      </c>
      <c r="M28" s="195">
        <v>303</v>
      </c>
      <c r="N28" s="190">
        <v>0</v>
      </c>
      <c r="O28" s="191">
        <v>0</v>
      </c>
      <c r="P28" s="196">
        <v>0</v>
      </c>
      <c r="Q28" s="193">
        <v>0</v>
      </c>
      <c r="R28" s="191">
        <v>0</v>
      </c>
      <c r="S28" s="191">
        <v>0</v>
      </c>
      <c r="T28" s="191">
        <v>0</v>
      </c>
      <c r="U28" s="191">
        <v>0</v>
      </c>
      <c r="V28" s="191">
        <v>9</v>
      </c>
      <c r="W28" s="196">
        <v>9</v>
      </c>
      <c r="X28" s="195">
        <v>9</v>
      </c>
      <c r="Y28" s="190">
        <v>0</v>
      </c>
      <c r="Z28" s="191">
        <v>14</v>
      </c>
      <c r="AA28" s="196">
        <v>14</v>
      </c>
      <c r="AB28" s="193">
        <v>0</v>
      </c>
      <c r="AC28" s="191">
        <v>39</v>
      </c>
      <c r="AD28" s="191">
        <v>69</v>
      </c>
      <c r="AE28" s="191">
        <v>0</v>
      </c>
      <c r="AF28" s="191">
        <v>0</v>
      </c>
      <c r="AG28" s="191">
        <v>48</v>
      </c>
      <c r="AH28" s="196">
        <v>156</v>
      </c>
      <c r="AI28" s="195">
        <v>170</v>
      </c>
      <c r="AJ28" s="190">
        <v>30</v>
      </c>
      <c r="AK28" s="191">
        <v>24</v>
      </c>
      <c r="AL28" s="196">
        <v>54</v>
      </c>
      <c r="AM28" s="193">
        <v>0</v>
      </c>
      <c r="AN28" s="191">
        <v>21</v>
      </c>
      <c r="AO28" s="191">
        <v>0</v>
      </c>
      <c r="AP28" s="191">
        <v>0</v>
      </c>
      <c r="AQ28" s="191">
        <v>0</v>
      </c>
      <c r="AR28" s="191">
        <v>0</v>
      </c>
      <c r="AS28" s="196">
        <v>21</v>
      </c>
      <c r="AT28" s="195">
        <v>75</v>
      </c>
      <c r="AU28" s="190">
        <v>0</v>
      </c>
      <c r="AV28" s="191">
        <v>0</v>
      </c>
      <c r="AW28" s="196">
        <v>0</v>
      </c>
      <c r="AX28" s="193">
        <v>0</v>
      </c>
      <c r="AY28" s="191">
        <v>33</v>
      </c>
      <c r="AZ28" s="191">
        <v>25</v>
      </c>
      <c r="BA28" s="191">
        <v>8</v>
      </c>
      <c r="BB28" s="191">
        <v>0</v>
      </c>
      <c r="BC28" s="191">
        <v>4</v>
      </c>
      <c r="BD28" s="194">
        <v>70</v>
      </c>
      <c r="BE28" s="195">
        <v>70</v>
      </c>
      <c r="BF28" s="190">
        <v>0</v>
      </c>
      <c r="BG28" s="191">
        <v>0</v>
      </c>
      <c r="BH28" s="196">
        <v>0</v>
      </c>
      <c r="BI28" s="193">
        <v>0</v>
      </c>
      <c r="BJ28" s="191">
        <v>38</v>
      </c>
      <c r="BK28" s="191">
        <v>16</v>
      </c>
      <c r="BL28" s="191">
        <v>0</v>
      </c>
      <c r="BM28" s="191">
        <v>0</v>
      </c>
      <c r="BN28" s="191">
        <v>0</v>
      </c>
      <c r="BO28" s="196">
        <v>54</v>
      </c>
      <c r="BP28" s="195">
        <v>54</v>
      </c>
      <c r="BQ28" s="190">
        <v>0</v>
      </c>
      <c r="BR28" s="191">
        <v>0</v>
      </c>
      <c r="BS28" s="196">
        <v>0</v>
      </c>
      <c r="BT28" s="193">
        <v>0</v>
      </c>
      <c r="BU28" s="191">
        <v>24</v>
      </c>
      <c r="BV28" s="191">
        <v>3</v>
      </c>
      <c r="BW28" s="191">
        <v>4</v>
      </c>
      <c r="BX28" s="191">
        <v>0</v>
      </c>
      <c r="BY28" s="191">
        <v>0</v>
      </c>
      <c r="BZ28" s="196">
        <v>31</v>
      </c>
      <c r="CA28" s="195">
        <v>31</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8</v>
      </c>
      <c r="H29" s="191">
        <v>49</v>
      </c>
      <c r="I29" s="191">
        <v>161</v>
      </c>
      <c r="J29" s="191">
        <v>7</v>
      </c>
      <c r="K29" s="191">
        <v>0</v>
      </c>
      <c r="L29" s="194">
        <v>225</v>
      </c>
      <c r="M29" s="195">
        <v>225</v>
      </c>
      <c r="N29" s="190">
        <v>0</v>
      </c>
      <c r="O29" s="191">
        <v>0</v>
      </c>
      <c r="P29" s="196">
        <v>0</v>
      </c>
      <c r="Q29" s="193">
        <v>0</v>
      </c>
      <c r="R29" s="191">
        <v>0</v>
      </c>
      <c r="S29" s="191">
        <v>0</v>
      </c>
      <c r="T29" s="191">
        <v>2</v>
      </c>
      <c r="U29" s="191">
        <v>5</v>
      </c>
      <c r="V29" s="191">
        <v>0</v>
      </c>
      <c r="W29" s="196">
        <v>7</v>
      </c>
      <c r="X29" s="195">
        <v>7</v>
      </c>
      <c r="Y29" s="190">
        <v>14</v>
      </c>
      <c r="Z29" s="191">
        <v>12</v>
      </c>
      <c r="AA29" s="196">
        <v>26</v>
      </c>
      <c r="AB29" s="193">
        <v>0</v>
      </c>
      <c r="AC29" s="191">
        <v>0</v>
      </c>
      <c r="AD29" s="191">
        <v>28</v>
      </c>
      <c r="AE29" s="191">
        <v>28</v>
      </c>
      <c r="AF29" s="191">
        <v>11</v>
      </c>
      <c r="AG29" s="191">
        <v>0</v>
      </c>
      <c r="AH29" s="196">
        <v>67</v>
      </c>
      <c r="AI29" s="195">
        <v>93</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16</v>
      </c>
      <c r="AZ29" s="191">
        <v>35</v>
      </c>
      <c r="BA29" s="191">
        <v>19</v>
      </c>
      <c r="BB29" s="191">
        <v>19</v>
      </c>
      <c r="BC29" s="191">
        <v>0</v>
      </c>
      <c r="BD29" s="194">
        <v>89</v>
      </c>
      <c r="BE29" s="195">
        <v>89</v>
      </c>
      <c r="BF29" s="190">
        <v>0</v>
      </c>
      <c r="BG29" s="191">
        <v>0</v>
      </c>
      <c r="BH29" s="196">
        <v>0</v>
      </c>
      <c r="BI29" s="193">
        <v>0</v>
      </c>
      <c r="BJ29" s="191">
        <v>14</v>
      </c>
      <c r="BK29" s="191">
        <v>9</v>
      </c>
      <c r="BL29" s="191">
        <v>7</v>
      </c>
      <c r="BM29" s="191">
        <v>0</v>
      </c>
      <c r="BN29" s="191">
        <v>0</v>
      </c>
      <c r="BO29" s="196">
        <v>30</v>
      </c>
      <c r="BP29" s="195">
        <v>30</v>
      </c>
      <c r="BQ29" s="190">
        <v>0</v>
      </c>
      <c r="BR29" s="191">
        <v>0</v>
      </c>
      <c r="BS29" s="196">
        <v>0</v>
      </c>
      <c r="BT29" s="193">
        <v>0</v>
      </c>
      <c r="BU29" s="191">
        <v>6</v>
      </c>
      <c r="BV29" s="191">
        <v>0</v>
      </c>
      <c r="BW29" s="191">
        <v>15</v>
      </c>
      <c r="BX29" s="191">
        <v>13</v>
      </c>
      <c r="BY29" s="191">
        <v>0</v>
      </c>
      <c r="BZ29" s="196">
        <v>34</v>
      </c>
      <c r="CA29" s="195">
        <v>34</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9</v>
      </c>
      <c r="H30" s="191">
        <v>14</v>
      </c>
      <c r="I30" s="191">
        <v>0</v>
      </c>
      <c r="J30" s="191">
        <v>28</v>
      </c>
      <c r="K30" s="191">
        <v>0</v>
      </c>
      <c r="L30" s="194">
        <v>51</v>
      </c>
      <c r="M30" s="195">
        <v>5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7</v>
      </c>
      <c r="AE30" s="191">
        <v>2</v>
      </c>
      <c r="AF30" s="191">
        <v>0</v>
      </c>
      <c r="AG30" s="191">
        <v>0</v>
      </c>
      <c r="AH30" s="196">
        <v>19</v>
      </c>
      <c r="AI30" s="195">
        <v>19</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12</v>
      </c>
      <c r="BA30" s="191">
        <v>21</v>
      </c>
      <c r="BB30" s="191">
        <v>0</v>
      </c>
      <c r="BC30" s="191">
        <v>0</v>
      </c>
      <c r="BD30" s="194">
        <v>33</v>
      </c>
      <c r="BE30" s="195">
        <v>33</v>
      </c>
      <c r="BF30" s="190">
        <v>0</v>
      </c>
      <c r="BG30" s="191">
        <v>0</v>
      </c>
      <c r="BH30" s="196">
        <v>0</v>
      </c>
      <c r="BI30" s="193">
        <v>0</v>
      </c>
      <c r="BJ30" s="191">
        <v>0</v>
      </c>
      <c r="BK30" s="191">
        <v>0</v>
      </c>
      <c r="BL30" s="191">
        <v>8</v>
      </c>
      <c r="BM30" s="191">
        <v>0</v>
      </c>
      <c r="BN30" s="191">
        <v>0</v>
      </c>
      <c r="BO30" s="196">
        <v>8</v>
      </c>
      <c r="BP30" s="195">
        <v>8</v>
      </c>
      <c r="BQ30" s="190">
        <v>0</v>
      </c>
      <c r="BR30" s="191">
        <v>0</v>
      </c>
      <c r="BS30" s="196">
        <v>0</v>
      </c>
      <c r="BT30" s="193">
        <v>0</v>
      </c>
      <c r="BU30" s="191">
        <v>0</v>
      </c>
      <c r="BV30" s="191">
        <v>0</v>
      </c>
      <c r="BW30" s="191">
        <v>6</v>
      </c>
      <c r="BX30" s="191">
        <v>0</v>
      </c>
      <c r="BY30" s="191">
        <v>0</v>
      </c>
      <c r="BZ30" s="196">
        <v>6</v>
      </c>
      <c r="CA30" s="195">
        <v>6</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4</v>
      </c>
      <c r="H31" s="191">
        <v>21</v>
      </c>
      <c r="I31" s="191">
        <v>0</v>
      </c>
      <c r="J31" s="191">
        <v>31</v>
      </c>
      <c r="K31" s="191">
        <v>0</v>
      </c>
      <c r="L31" s="194">
        <v>66</v>
      </c>
      <c r="M31" s="195">
        <v>66</v>
      </c>
      <c r="N31" s="190">
        <v>0</v>
      </c>
      <c r="O31" s="191">
        <v>0</v>
      </c>
      <c r="P31" s="196">
        <v>0</v>
      </c>
      <c r="Q31" s="193">
        <v>0</v>
      </c>
      <c r="R31" s="191">
        <v>0</v>
      </c>
      <c r="S31" s="191">
        <v>0</v>
      </c>
      <c r="T31" s="191">
        <v>0</v>
      </c>
      <c r="U31" s="191">
        <v>0</v>
      </c>
      <c r="V31" s="191">
        <v>0</v>
      </c>
      <c r="W31" s="196">
        <v>0</v>
      </c>
      <c r="X31" s="195">
        <v>0</v>
      </c>
      <c r="Y31" s="190">
        <v>2</v>
      </c>
      <c r="Z31" s="191">
        <v>8</v>
      </c>
      <c r="AA31" s="196">
        <v>10</v>
      </c>
      <c r="AB31" s="193">
        <v>0</v>
      </c>
      <c r="AC31" s="191">
        <v>50</v>
      </c>
      <c r="AD31" s="191">
        <v>22</v>
      </c>
      <c r="AE31" s="191">
        <v>44</v>
      </c>
      <c r="AF31" s="191">
        <v>0</v>
      </c>
      <c r="AG31" s="191">
        <v>0</v>
      </c>
      <c r="AH31" s="196">
        <v>116</v>
      </c>
      <c r="AI31" s="195">
        <v>126</v>
      </c>
      <c r="AJ31" s="190">
        <v>0</v>
      </c>
      <c r="AK31" s="191">
        <v>2</v>
      </c>
      <c r="AL31" s="196">
        <v>2</v>
      </c>
      <c r="AM31" s="193">
        <v>0</v>
      </c>
      <c r="AN31" s="191">
        <v>0</v>
      </c>
      <c r="AO31" s="191">
        <v>0</v>
      </c>
      <c r="AP31" s="191">
        <v>0</v>
      </c>
      <c r="AQ31" s="191">
        <v>12</v>
      </c>
      <c r="AR31" s="191">
        <v>0</v>
      </c>
      <c r="AS31" s="196">
        <v>12</v>
      </c>
      <c r="AT31" s="195">
        <v>14</v>
      </c>
      <c r="AU31" s="190">
        <v>0</v>
      </c>
      <c r="AV31" s="191">
        <v>0</v>
      </c>
      <c r="AW31" s="196">
        <v>0</v>
      </c>
      <c r="AX31" s="193">
        <v>0</v>
      </c>
      <c r="AY31" s="191">
        <v>16</v>
      </c>
      <c r="AZ31" s="191">
        <v>3</v>
      </c>
      <c r="BA31" s="191">
        <v>0</v>
      </c>
      <c r="BB31" s="191">
        <v>0</v>
      </c>
      <c r="BC31" s="191">
        <v>0</v>
      </c>
      <c r="BD31" s="194">
        <v>19</v>
      </c>
      <c r="BE31" s="195">
        <v>19</v>
      </c>
      <c r="BF31" s="190">
        <v>0</v>
      </c>
      <c r="BG31" s="191">
        <v>0</v>
      </c>
      <c r="BH31" s="196">
        <v>0</v>
      </c>
      <c r="BI31" s="193">
        <v>0</v>
      </c>
      <c r="BJ31" s="191">
        <v>8</v>
      </c>
      <c r="BK31" s="191">
        <v>0</v>
      </c>
      <c r="BL31" s="191">
        <v>12</v>
      </c>
      <c r="BM31" s="191">
        <v>6</v>
      </c>
      <c r="BN31" s="191">
        <v>0</v>
      </c>
      <c r="BO31" s="196">
        <v>26</v>
      </c>
      <c r="BP31" s="195">
        <v>26</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4</v>
      </c>
      <c r="H32" s="191">
        <v>17</v>
      </c>
      <c r="I32" s="191">
        <v>58</v>
      </c>
      <c r="J32" s="191">
        <v>49</v>
      </c>
      <c r="K32" s="191">
        <v>0</v>
      </c>
      <c r="L32" s="194">
        <v>138</v>
      </c>
      <c r="M32" s="195">
        <v>138</v>
      </c>
      <c r="N32" s="190">
        <v>0</v>
      </c>
      <c r="O32" s="191">
        <v>0</v>
      </c>
      <c r="P32" s="196">
        <v>0</v>
      </c>
      <c r="Q32" s="193">
        <v>0</v>
      </c>
      <c r="R32" s="191">
        <v>7</v>
      </c>
      <c r="S32" s="191">
        <v>0</v>
      </c>
      <c r="T32" s="191">
        <v>4</v>
      </c>
      <c r="U32" s="191">
        <v>0</v>
      </c>
      <c r="V32" s="191">
        <v>0</v>
      </c>
      <c r="W32" s="196">
        <v>11</v>
      </c>
      <c r="X32" s="195">
        <v>11</v>
      </c>
      <c r="Y32" s="190">
        <v>0</v>
      </c>
      <c r="Z32" s="191">
        <v>0</v>
      </c>
      <c r="AA32" s="196">
        <v>0</v>
      </c>
      <c r="AB32" s="193">
        <v>0</v>
      </c>
      <c r="AC32" s="191">
        <v>5</v>
      </c>
      <c r="AD32" s="191">
        <v>12</v>
      </c>
      <c r="AE32" s="191">
        <v>4</v>
      </c>
      <c r="AF32" s="191">
        <v>0</v>
      </c>
      <c r="AG32" s="191">
        <v>0</v>
      </c>
      <c r="AH32" s="196">
        <v>21</v>
      </c>
      <c r="AI32" s="195">
        <v>21</v>
      </c>
      <c r="AJ32" s="190">
        <v>0</v>
      </c>
      <c r="AK32" s="191">
        <v>0</v>
      </c>
      <c r="AL32" s="196">
        <v>0</v>
      </c>
      <c r="AM32" s="193">
        <v>0</v>
      </c>
      <c r="AN32" s="191">
        <v>0</v>
      </c>
      <c r="AO32" s="191">
        <v>18</v>
      </c>
      <c r="AP32" s="191">
        <v>0</v>
      </c>
      <c r="AQ32" s="191">
        <v>0</v>
      </c>
      <c r="AR32" s="191">
        <v>0</v>
      </c>
      <c r="AS32" s="196">
        <v>18</v>
      </c>
      <c r="AT32" s="195">
        <v>18</v>
      </c>
      <c r="AU32" s="190">
        <v>0</v>
      </c>
      <c r="AV32" s="191">
        <v>0</v>
      </c>
      <c r="AW32" s="196">
        <v>0</v>
      </c>
      <c r="AX32" s="193">
        <v>0</v>
      </c>
      <c r="AY32" s="191">
        <v>5</v>
      </c>
      <c r="AZ32" s="191">
        <v>4</v>
      </c>
      <c r="BA32" s="191">
        <v>4</v>
      </c>
      <c r="BB32" s="191">
        <v>0</v>
      </c>
      <c r="BC32" s="191">
        <v>0</v>
      </c>
      <c r="BD32" s="194">
        <v>13</v>
      </c>
      <c r="BE32" s="195">
        <v>13</v>
      </c>
      <c r="BF32" s="190">
        <v>0</v>
      </c>
      <c r="BG32" s="191">
        <v>0</v>
      </c>
      <c r="BH32" s="196">
        <v>0</v>
      </c>
      <c r="BI32" s="193">
        <v>0</v>
      </c>
      <c r="BJ32" s="191">
        <v>8</v>
      </c>
      <c r="BK32" s="191">
        <v>0</v>
      </c>
      <c r="BL32" s="191">
        <v>0</v>
      </c>
      <c r="BM32" s="191">
        <v>17</v>
      </c>
      <c r="BN32" s="191">
        <v>0</v>
      </c>
      <c r="BO32" s="196">
        <v>25</v>
      </c>
      <c r="BP32" s="195">
        <v>25</v>
      </c>
      <c r="BQ32" s="190">
        <v>0</v>
      </c>
      <c r="BR32" s="191">
        <v>0</v>
      </c>
      <c r="BS32" s="196">
        <v>0</v>
      </c>
      <c r="BT32" s="193">
        <v>0</v>
      </c>
      <c r="BU32" s="191">
        <v>0</v>
      </c>
      <c r="BV32" s="191">
        <v>0</v>
      </c>
      <c r="BW32" s="191">
        <v>0</v>
      </c>
      <c r="BX32" s="191">
        <v>9</v>
      </c>
      <c r="BY32" s="191">
        <v>0</v>
      </c>
      <c r="BZ32" s="196">
        <v>9</v>
      </c>
      <c r="CA32" s="195">
        <v>9</v>
      </c>
      <c r="CB32" s="190">
        <v>0</v>
      </c>
      <c r="CC32" s="191">
        <v>0</v>
      </c>
      <c r="CD32" s="196">
        <v>0</v>
      </c>
      <c r="CE32" s="193">
        <v>0</v>
      </c>
      <c r="CF32" s="191">
        <v>2</v>
      </c>
      <c r="CG32" s="191">
        <v>0</v>
      </c>
      <c r="CH32" s="191">
        <v>0</v>
      </c>
      <c r="CI32" s="191">
        <v>0</v>
      </c>
      <c r="CJ32" s="191">
        <v>0</v>
      </c>
      <c r="CK32" s="196">
        <v>2</v>
      </c>
      <c r="CL32" s="195">
        <v>2</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4</v>
      </c>
      <c r="H33" s="191">
        <v>0</v>
      </c>
      <c r="I33" s="191">
        <v>0</v>
      </c>
      <c r="J33" s="191">
        <v>0</v>
      </c>
      <c r="K33" s="191">
        <v>0</v>
      </c>
      <c r="L33" s="194">
        <v>4</v>
      </c>
      <c r="M33" s="195">
        <v>4</v>
      </c>
      <c r="N33" s="190">
        <v>0</v>
      </c>
      <c r="O33" s="191">
        <v>0</v>
      </c>
      <c r="P33" s="196">
        <v>0</v>
      </c>
      <c r="Q33" s="193">
        <v>0</v>
      </c>
      <c r="R33" s="191">
        <v>0</v>
      </c>
      <c r="S33" s="191">
        <v>0</v>
      </c>
      <c r="T33" s="191">
        <v>0</v>
      </c>
      <c r="U33" s="191">
        <v>0</v>
      </c>
      <c r="V33" s="191">
        <v>9</v>
      </c>
      <c r="W33" s="196">
        <v>9</v>
      </c>
      <c r="X33" s="195">
        <v>9</v>
      </c>
      <c r="Y33" s="190">
        <v>0</v>
      </c>
      <c r="Z33" s="191">
        <v>0</v>
      </c>
      <c r="AA33" s="196">
        <v>0</v>
      </c>
      <c r="AB33" s="193">
        <v>0</v>
      </c>
      <c r="AC33" s="191">
        <v>36</v>
      </c>
      <c r="AD33" s="191">
        <v>0</v>
      </c>
      <c r="AE33" s="191">
        <v>22</v>
      </c>
      <c r="AF33" s="191">
        <v>0</v>
      </c>
      <c r="AG33" s="191">
        <v>28</v>
      </c>
      <c r="AH33" s="196">
        <v>86</v>
      </c>
      <c r="AI33" s="195">
        <v>86</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3</v>
      </c>
      <c r="AZ33" s="191">
        <v>33</v>
      </c>
      <c r="BA33" s="191">
        <v>34</v>
      </c>
      <c r="BB33" s="191">
        <v>0</v>
      </c>
      <c r="BC33" s="191">
        <v>0</v>
      </c>
      <c r="BD33" s="194">
        <v>80</v>
      </c>
      <c r="BE33" s="195">
        <v>80</v>
      </c>
      <c r="BF33" s="190">
        <v>0</v>
      </c>
      <c r="BG33" s="191">
        <v>0</v>
      </c>
      <c r="BH33" s="196">
        <v>0</v>
      </c>
      <c r="BI33" s="193">
        <v>0</v>
      </c>
      <c r="BJ33" s="191">
        <v>7</v>
      </c>
      <c r="BK33" s="191">
        <v>0</v>
      </c>
      <c r="BL33" s="191">
        <v>19</v>
      </c>
      <c r="BM33" s="191">
        <v>0</v>
      </c>
      <c r="BN33" s="191">
        <v>0</v>
      </c>
      <c r="BO33" s="196">
        <v>26</v>
      </c>
      <c r="BP33" s="195">
        <v>26</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9</v>
      </c>
      <c r="H34" s="191">
        <v>38</v>
      </c>
      <c r="I34" s="191">
        <v>5</v>
      </c>
      <c r="J34" s="191">
        <v>0</v>
      </c>
      <c r="K34" s="191">
        <v>0</v>
      </c>
      <c r="L34" s="194">
        <v>52</v>
      </c>
      <c r="M34" s="195">
        <v>52</v>
      </c>
      <c r="N34" s="190">
        <v>0</v>
      </c>
      <c r="O34" s="191">
        <v>0</v>
      </c>
      <c r="P34" s="196">
        <v>0</v>
      </c>
      <c r="Q34" s="193">
        <v>0</v>
      </c>
      <c r="R34" s="191">
        <v>0</v>
      </c>
      <c r="S34" s="191">
        <v>0</v>
      </c>
      <c r="T34" s="191">
        <v>0</v>
      </c>
      <c r="U34" s="191">
        <v>0</v>
      </c>
      <c r="V34" s="191">
        <v>0</v>
      </c>
      <c r="W34" s="196">
        <v>0</v>
      </c>
      <c r="X34" s="195">
        <v>0</v>
      </c>
      <c r="Y34" s="190">
        <v>0</v>
      </c>
      <c r="Z34" s="191">
        <v>12</v>
      </c>
      <c r="AA34" s="196">
        <v>12</v>
      </c>
      <c r="AB34" s="193">
        <v>0</v>
      </c>
      <c r="AC34" s="191">
        <v>40</v>
      </c>
      <c r="AD34" s="191">
        <v>0</v>
      </c>
      <c r="AE34" s="191">
        <v>0</v>
      </c>
      <c r="AF34" s="191">
        <v>0</v>
      </c>
      <c r="AG34" s="191">
        <v>13</v>
      </c>
      <c r="AH34" s="196">
        <v>53</v>
      </c>
      <c r="AI34" s="195">
        <v>65</v>
      </c>
      <c r="AJ34" s="190">
        <v>0</v>
      </c>
      <c r="AK34" s="191">
        <v>0</v>
      </c>
      <c r="AL34" s="196">
        <v>0</v>
      </c>
      <c r="AM34" s="193">
        <v>0</v>
      </c>
      <c r="AN34" s="191">
        <v>0</v>
      </c>
      <c r="AO34" s="191">
        <v>9</v>
      </c>
      <c r="AP34" s="191">
        <v>0</v>
      </c>
      <c r="AQ34" s="191">
        <v>6</v>
      </c>
      <c r="AR34" s="191">
        <v>0</v>
      </c>
      <c r="AS34" s="196">
        <v>15</v>
      </c>
      <c r="AT34" s="195">
        <v>15</v>
      </c>
      <c r="AU34" s="190">
        <v>0</v>
      </c>
      <c r="AV34" s="191">
        <v>0</v>
      </c>
      <c r="AW34" s="196">
        <v>0</v>
      </c>
      <c r="AX34" s="193">
        <v>0</v>
      </c>
      <c r="AY34" s="191">
        <v>17</v>
      </c>
      <c r="AZ34" s="191">
        <v>58</v>
      </c>
      <c r="BA34" s="191">
        <v>34</v>
      </c>
      <c r="BB34" s="191">
        <v>15</v>
      </c>
      <c r="BC34" s="191">
        <v>36</v>
      </c>
      <c r="BD34" s="194">
        <v>160</v>
      </c>
      <c r="BE34" s="195">
        <v>160</v>
      </c>
      <c r="BF34" s="190">
        <v>0</v>
      </c>
      <c r="BG34" s="191">
        <v>0</v>
      </c>
      <c r="BH34" s="196">
        <v>0</v>
      </c>
      <c r="BI34" s="193">
        <v>0</v>
      </c>
      <c r="BJ34" s="191">
        <v>0</v>
      </c>
      <c r="BK34" s="191">
        <v>11</v>
      </c>
      <c r="BL34" s="191">
        <v>0</v>
      </c>
      <c r="BM34" s="191">
        <v>7</v>
      </c>
      <c r="BN34" s="191">
        <v>4</v>
      </c>
      <c r="BO34" s="196">
        <v>22</v>
      </c>
      <c r="BP34" s="195">
        <v>22</v>
      </c>
      <c r="BQ34" s="190">
        <v>0</v>
      </c>
      <c r="BR34" s="191">
        <v>0</v>
      </c>
      <c r="BS34" s="196">
        <v>0</v>
      </c>
      <c r="BT34" s="193">
        <v>0</v>
      </c>
      <c r="BU34" s="191">
        <v>0</v>
      </c>
      <c r="BV34" s="191">
        <v>5</v>
      </c>
      <c r="BW34" s="191">
        <v>0</v>
      </c>
      <c r="BX34" s="191">
        <v>6</v>
      </c>
      <c r="BY34" s="191">
        <v>2</v>
      </c>
      <c r="BZ34" s="196">
        <v>13</v>
      </c>
      <c r="CA34" s="195">
        <v>13</v>
      </c>
      <c r="CB34" s="190">
        <v>0</v>
      </c>
      <c r="CC34" s="191">
        <v>0</v>
      </c>
      <c r="CD34" s="196">
        <v>0</v>
      </c>
      <c r="CE34" s="193">
        <v>0</v>
      </c>
      <c r="CF34" s="191">
        <v>0</v>
      </c>
      <c r="CG34" s="191">
        <v>0</v>
      </c>
      <c r="CH34" s="191">
        <v>0</v>
      </c>
      <c r="CI34" s="191">
        <v>0</v>
      </c>
      <c r="CJ34" s="191">
        <v>3</v>
      </c>
      <c r="CK34" s="196">
        <v>3</v>
      </c>
      <c r="CL34" s="195">
        <v>3</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31</v>
      </c>
      <c r="H35" s="191">
        <v>0</v>
      </c>
      <c r="I35" s="191">
        <v>0</v>
      </c>
      <c r="J35" s="191">
        <v>0</v>
      </c>
      <c r="K35" s="191">
        <v>98</v>
      </c>
      <c r="L35" s="194">
        <v>129</v>
      </c>
      <c r="M35" s="195">
        <v>129</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4</v>
      </c>
      <c r="AD35" s="191">
        <v>25</v>
      </c>
      <c r="AE35" s="191">
        <v>0</v>
      </c>
      <c r="AF35" s="191">
        <v>0</v>
      </c>
      <c r="AG35" s="191">
        <v>2</v>
      </c>
      <c r="AH35" s="196">
        <v>31</v>
      </c>
      <c r="AI35" s="195">
        <v>31</v>
      </c>
      <c r="AJ35" s="190">
        <v>0</v>
      </c>
      <c r="AK35" s="191">
        <v>3</v>
      </c>
      <c r="AL35" s="196">
        <v>3</v>
      </c>
      <c r="AM35" s="193">
        <v>0</v>
      </c>
      <c r="AN35" s="191">
        <v>15</v>
      </c>
      <c r="AO35" s="191">
        <v>21</v>
      </c>
      <c r="AP35" s="191">
        <v>5</v>
      </c>
      <c r="AQ35" s="191">
        <v>21</v>
      </c>
      <c r="AR35" s="191">
        <v>0</v>
      </c>
      <c r="AS35" s="196">
        <v>62</v>
      </c>
      <c r="AT35" s="195">
        <v>65</v>
      </c>
      <c r="AU35" s="190">
        <v>0</v>
      </c>
      <c r="AV35" s="191">
        <v>0</v>
      </c>
      <c r="AW35" s="196">
        <v>0</v>
      </c>
      <c r="AX35" s="193">
        <v>0</v>
      </c>
      <c r="AY35" s="191">
        <v>18</v>
      </c>
      <c r="AZ35" s="191">
        <v>0</v>
      </c>
      <c r="BA35" s="191">
        <v>0</v>
      </c>
      <c r="BB35" s="191">
        <v>0</v>
      </c>
      <c r="BC35" s="191">
        <v>13</v>
      </c>
      <c r="BD35" s="194">
        <v>31</v>
      </c>
      <c r="BE35" s="195">
        <v>31</v>
      </c>
      <c r="BF35" s="190">
        <v>0</v>
      </c>
      <c r="BG35" s="191">
        <v>0</v>
      </c>
      <c r="BH35" s="196">
        <v>0</v>
      </c>
      <c r="BI35" s="193">
        <v>0</v>
      </c>
      <c r="BJ35" s="191">
        <v>2</v>
      </c>
      <c r="BK35" s="191">
        <v>0</v>
      </c>
      <c r="BL35" s="191">
        <v>5</v>
      </c>
      <c r="BM35" s="191">
        <v>0</v>
      </c>
      <c r="BN35" s="191">
        <v>0</v>
      </c>
      <c r="BO35" s="196">
        <v>7</v>
      </c>
      <c r="BP35" s="195">
        <v>7</v>
      </c>
      <c r="BQ35" s="190">
        <v>0</v>
      </c>
      <c r="BR35" s="191">
        <v>0</v>
      </c>
      <c r="BS35" s="196">
        <v>0</v>
      </c>
      <c r="BT35" s="193">
        <v>0</v>
      </c>
      <c r="BU35" s="191">
        <v>30</v>
      </c>
      <c r="BV35" s="191">
        <v>0</v>
      </c>
      <c r="BW35" s="191">
        <v>2</v>
      </c>
      <c r="BX35" s="191">
        <v>2</v>
      </c>
      <c r="BY35" s="191">
        <v>0</v>
      </c>
      <c r="BZ35" s="196">
        <v>34</v>
      </c>
      <c r="CA35" s="195">
        <v>34</v>
      </c>
      <c r="CB35" s="190">
        <v>0</v>
      </c>
      <c r="CC35" s="191">
        <v>0</v>
      </c>
      <c r="CD35" s="196">
        <v>0</v>
      </c>
      <c r="CE35" s="193">
        <v>0</v>
      </c>
      <c r="CF35" s="191">
        <v>3</v>
      </c>
      <c r="CG35" s="191">
        <v>0</v>
      </c>
      <c r="CH35" s="191">
        <v>0</v>
      </c>
      <c r="CI35" s="191">
        <v>0</v>
      </c>
      <c r="CJ35" s="191">
        <v>0</v>
      </c>
      <c r="CK35" s="196">
        <v>3</v>
      </c>
      <c r="CL35" s="195">
        <v>3</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2</v>
      </c>
      <c r="H36" s="191">
        <v>0</v>
      </c>
      <c r="I36" s="191">
        <v>0</v>
      </c>
      <c r="J36" s="191">
        <v>0</v>
      </c>
      <c r="K36" s="191">
        <v>0</v>
      </c>
      <c r="L36" s="194">
        <v>12</v>
      </c>
      <c r="M36" s="195">
        <v>12</v>
      </c>
      <c r="N36" s="190">
        <v>0</v>
      </c>
      <c r="O36" s="191">
        <v>0</v>
      </c>
      <c r="P36" s="196">
        <v>0</v>
      </c>
      <c r="Q36" s="193">
        <v>0</v>
      </c>
      <c r="R36" s="191">
        <v>0</v>
      </c>
      <c r="S36" s="191">
        <v>0</v>
      </c>
      <c r="T36" s="191">
        <v>0</v>
      </c>
      <c r="U36" s="191">
        <v>0</v>
      </c>
      <c r="V36" s="191">
        <v>0</v>
      </c>
      <c r="W36" s="196">
        <v>0</v>
      </c>
      <c r="X36" s="195">
        <v>0</v>
      </c>
      <c r="Y36" s="190">
        <v>0</v>
      </c>
      <c r="Z36" s="191">
        <v>17</v>
      </c>
      <c r="AA36" s="196">
        <v>17</v>
      </c>
      <c r="AB36" s="193">
        <v>0</v>
      </c>
      <c r="AC36" s="191">
        <v>0</v>
      </c>
      <c r="AD36" s="191">
        <v>0</v>
      </c>
      <c r="AE36" s="191">
        <v>0</v>
      </c>
      <c r="AF36" s="191">
        <v>0</v>
      </c>
      <c r="AG36" s="191">
        <v>0</v>
      </c>
      <c r="AH36" s="196">
        <v>0</v>
      </c>
      <c r="AI36" s="195">
        <v>17</v>
      </c>
      <c r="AJ36" s="190">
        <v>0</v>
      </c>
      <c r="AK36" s="191">
        <v>0</v>
      </c>
      <c r="AL36" s="196">
        <v>0</v>
      </c>
      <c r="AM36" s="193">
        <v>0</v>
      </c>
      <c r="AN36" s="191">
        <v>0</v>
      </c>
      <c r="AO36" s="191">
        <v>24</v>
      </c>
      <c r="AP36" s="191">
        <v>0</v>
      </c>
      <c r="AQ36" s="191">
        <v>0</v>
      </c>
      <c r="AR36" s="191">
        <v>0</v>
      </c>
      <c r="AS36" s="196">
        <v>24</v>
      </c>
      <c r="AT36" s="195">
        <v>24</v>
      </c>
      <c r="AU36" s="190">
        <v>0</v>
      </c>
      <c r="AV36" s="191">
        <v>0</v>
      </c>
      <c r="AW36" s="196">
        <v>0</v>
      </c>
      <c r="AX36" s="193">
        <v>0</v>
      </c>
      <c r="AY36" s="191">
        <v>0</v>
      </c>
      <c r="AZ36" s="191">
        <v>17</v>
      </c>
      <c r="BA36" s="191">
        <v>25</v>
      </c>
      <c r="BB36" s="191">
        <v>0</v>
      </c>
      <c r="BC36" s="191">
        <v>0</v>
      </c>
      <c r="BD36" s="194">
        <v>42</v>
      </c>
      <c r="BE36" s="195">
        <v>42</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26</v>
      </c>
      <c r="H37" s="191">
        <v>65</v>
      </c>
      <c r="I37" s="191">
        <v>12</v>
      </c>
      <c r="J37" s="191">
        <v>0</v>
      </c>
      <c r="K37" s="191">
        <v>0</v>
      </c>
      <c r="L37" s="194">
        <v>103</v>
      </c>
      <c r="M37" s="195">
        <v>103</v>
      </c>
      <c r="N37" s="190">
        <v>0</v>
      </c>
      <c r="O37" s="191">
        <v>0</v>
      </c>
      <c r="P37" s="196">
        <v>0</v>
      </c>
      <c r="Q37" s="193">
        <v>0</v>
      </c>
      <c r="R37" s="191">
        <v>0</v>
      </c>
      <c r="S37" s="191">
        <v>0</v>
      </c>
      <c r="T37" s="191">
        <v>0</v>
      </c>
      <c r="U37" s="191">
        <v>0</v>
      </c>
      <c r="V37" s="191">
        <v>0</v>
      </c>
      <c r="W37" s="196">
        <v>0</v>
      </c>
      <c r="X37" s="195">
        <v>0</v>
      </c>
      <c r="Y37" s="190">
        <v>7</v>
      </c>
      <c r="Z37" s="191">
        <v>12</v>
      </c>
      <c r="AA37" s="196">
        <v>19</v>
      </c>
      <c r="AB37" s="193">
        <v>0</v>
      </c>
      <c r="AC37" s="191">
        <v>13</v>
      </c>
      <c r="AD37" s="191">
        <v>41</v>
      </c>
      <c r="AE37" s="191">
        <v>43</v>
      </c>
      <c r="AF37" s="191">
        <v>0</v>
      </c>
      <c r="AG37" s="191">
        <v>9</v>
      </c>
      <c r="AH37" s="196">
        <v>106</v>
      </c>
      <c r="AI37" s="195">
        <v>125</v>
      </c>
      <c r="AJ37" s="190">
        <v>8</v>
      </c>
      <c r="AK37" s="191">
        <v>8</v>
      </c>
      <c r="AL37" s="196">
        <v>16</v>
      </c>
      <c r="AM37" s="193">
        <v>0</v>
      </c>
      <c r="AN37" s="191">
        <v>27</v>
      </c>
      <c r="AO37" s="191">
        <v>0</v>
      </c>
      <c r="AP37" s="191">
        <v>0</v>
      </c>
      <c r="AQ37" s="191">
        <v>21</v>
      </c>
      <c r="AR37" s="191">
        <v>0</v>
      </c>
      <c r="AS37" s="196">
        <v>48</v>
      </c>
      <c r="AT37" s="195">
        <v>64</v>
      </c>
      <c r="AU37" s="190">
        <v>0</v>
      </c>
      <c r="AV37" s="191">
        <v>0</v>
      </c>
      <c r="AW37" s="196">
        <v>0</v>
      </c>
      <c r="AX37" s="193">
        <v>0</v>
      </c>
      <c r="AY37" s="191">
        <v>22</v>
      </c>
      <c r="AZ37" s="191">
        <v>16</v>
      </c>
      <c r="BA37" s="191">
        <v>1</v>
      </c>
      <c r="BB37" s="191">
        <v>7</v>
      </c>
      <c r="BC37" s="191">
        <v>3</v>
      </c>
      <c r="BD37" s="194">
        <v>49</v>
      </c>
      <c r="BE37" s="195">
        <v>49</v>
      </c>
      <c r="BF37" s="190">
        <v>0</v>
      </c>
      <c r="BG37" s="191">
        <v>0</v>
      </c>
      <c r="BH37" s="196">
        <v>0</v>
      </c>
      <c r="BI37" s="193">
        <v>0</v>
      </c>
      <c r="BJ37" s="191">
        <v>20</v>
      </c>
      <c r="BK37" s="191">
        <v>12</v>
      </c>
      <c r="BL37" s="191">
        <v>14</v>
      </c>
      <c r="BM37" s="191">
        <v>0</v>
      </c>
      <c r="BN37" s="191">
        <v>0</v>
      </c>
      <c r="BO37" s="196">
        <v>46</v>
      </c>
      <c r="BP37" s="195">
        <v>46</v>
      </c>
      <c r="BQ37" s="190">
        <v>0</v>
      </c>
      <c r="BR37" s="191">
        <v>0</v>
      </c>
      <c r="BS37" s="196">
        <v>0</v>
      </c>
      <c r="BT37" s="193">
        <v>0</v>
      </c>
      <c r="BU37" s="191">
        <v>0</v>
      </c>
      <c r="BV37" s="191">
        <v>0</v>
      </c>
      <c r="BW37" s="191">
        <v>0</v>
      </c>
      <c r="BX37" s="191">
        <v>0</v>
      </c>
      <c r="BY37" s="191">
        <v>24</v>
      </c>
      <c r="BZ37" s="196">
        <v>24</v>
      </c>
      <c r="CA37" s="195">
        <v>24</v>
      </c>
      <c r="CB37" s="190">
        <v>0</v>
      </c>
      <c r="CC37" s="191">
        <v>0</v>
      </c>
      <c r="CD37" s="196">
        <v>0</v>
      </c>
      <c r="CE37" s="193">
        <v>0</v>
      </c>
      <c r="CF37" s="191">
        <v>0</v>
      </c>
      <c r="CG37" s="191">
        <v>0</v>
      </c>
      <c r="CH37" s="191">
        <v>2</v>
      </c>
      <c r="CI37" s="191">
        <v>0</v>
      </c>
      <c r="CJ37" s="191">
        <v>0</v>
      </c>
      <c r="CK37" s="196">
        <v>2</v>
      </c>
      <c r="CL37" s="195">
        <v>2</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25</v>
      </c>
      <c r="H38" s="191">
        <v>78</v>
      </c>
      <c r="I38" s="191">
        <v>9</v>
      </c>
      <c r="J38" s="191">
        <v>0</v>
      </c>
      <c r="K38" s="191">
        <v>0</v>
      </c>
      <c r="L38" s="194">
        <v>112</v>
      </c>
      <c r="M38" s="195">
        <v>112</v>
      </c>
      <c r="N38" s="190">
        <v>0</v>
      </c>
      <c r="O38" s="191">
        <v>0</v>
      </c>
      <c r="P38" s="196">
        <v>0</v>
      </c>
      <c r="Q38" s="193">
        <v>0</v>
      </c>
      <c r="R38" s="191">
        <v>5</v>
      </c>
      <c r="S38" s="191">
        <v>0</v>
      </c>
      <c r="T38" s="191">
        <v>0</v>
      </c>
      <c r="U38" s="191">
        <v>0</v>
      </c>
      <c r="V38" s="191">
        <v>0</v>
      </c>
      <c r="W38" s="196">
        <v>5</v>
      </c>
      <c r="X38" s="195">
        <v>5</v>
      </c>
      <c r="Y38" s="190">
        <v>4</v>
      </c>
      <c r="Z38" s="191">
        <v>10</v>
      </c>
      <c r="AA38" s="196">
        <v>14</v>
      </c>
      <c r="AB38" s="193">
        <v>0</v>
      </c>
      <c r="AC38" s="191">
        <v>15</v>
      </c>
      <c r="AD38" s="191">
        <v>14</v>
      </c>
      <c r="AE38" s="191">
        <v>4</v>
      </c>
      <c r="AF38" s="191">
        <v>1</v>
      </c>
      <c r="AG38" s="191">
        <v>0</v>
      </c>
      <c r="AH38" s="196">
        <v>34</v>
      </c>
      <c r="AI38" s="195">
        <v>48</v>
      </c>
      <c r="AJ38" s="190">
        <v>0</v>
      </c>
      <c r="AK38" s="191">
        <v>0</v>
      </c>
      <c r="AL38" s="196">
        <v>0</v>
      </c>
      <c r="AM38" s="193">
        <v>0</v>
      </c>
      <c r="AN38" s="191">
        <v>18</v>
      </c>
      <c r="AO38" s="191">
        <v>0</v>
      </c>
      <c r="AP38" s="191">
        <v>0</v>
      </c>
      <c r="AQ38" s="191">
        <v>0</v>
      </c>
      <c r="AR38" s="191">
        <v>0</v>
      </c>
      <c r="AS38" s="196">
        <v>18</v>
      </c>
      <c r="AT38" s="195">
        <v>18</v>
      </c>
      <c r="AU38" s="190">
        <v>0</v>
      </c>
      <c r="AV38" s="191">
        <v>0</v>
      </c>
      <c r="AW38" s="196">
        <v>0</v>
      </c>
      <c r="AX38" s="193">
        <v>0</v>
      </c>
      <c r="AY38" s="191">
        <v>1</v>
      </c>
      <c r="AZ38" s="191">
        <v>49</v>
      </c>
      <c r="BA38" s="191">
        <v>0</v>
      </c>
      <c r="BB38" s="191">
        <v>13</v>
      </c>
      <c r="BC38" s="191">
        <v>0</v>
      </c>
      <c r="BD38" s="194">
        <v>63</v>
      </c>
      <c r="BE38" s="195">
        <v>63</v>
      </c>
      <c r="BF38" s="190">
        <v>0</v>
      </c>
      <c r="BG38" s="191">
        <v>0</v>
      </c>
      <c r="BH38" s="196">
        <v>0</v>
      </c>
      <c r="BI38" s="193">
        <v>0</v>
      </c>
      <c r="BJ38" s="191">
        <v>0</v>
      </c>
      <c r="BK38" s="191">
        <v>0</v>
      </c>
      <c r="BL38" s="191">
        <v>0</v>
      </c>
      <c r="BM38" s="191">
        <v>0</v>
      </c>
      <c r="BN38" s="191">
        <v>0</v>
      </c>
      <c r="BO38" s="196">
        <v>0</v>
      </c>
      <c r="BP38" s="195">
        <v>0</v>
      </c>
      <c r="BQ38" s="190">
        <v>0</v>
      </c>
      <c r="BR38" s="191">
        <v>0</v>
      </c>
      <c r="BS38" s="196">
        <v>0</v>
      </c>
      <c r="BT38" s="193">
        <v>0</v>
      </c>
      <c r="BU38" s="191">
        <v>0</v>
      </c>
      <c r="BV38" s="191">
        <v>19</v>
      </c>
      <c r="BW38" s="191">
        <v>0</v>
      </c>
      <c r="BX38" s="191">
        <v>8</v>
      </c>
      <c r="BY38" s="191">
        <v>0</v>
      </c>
      <c r="BZ38" s="196">
        <v>27</v>
      </c>
      <c r="CA38" s="195">
        <v>27</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1</v>
      </c>
      <c r="L39" s="201">
        <v>21</v>
      </c>
      <c r="M39" s="202">
        <v>2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21</v>
      </c>
      <c r="AG39" s="198">
        <v>4</v>
      </c>
      <c r="AH39" s="203">
        <v>25</v>
      </c>
      <c r="AI39" s="202">
        <v>25</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4</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6</v>
      </c>
      <c r="CK39" s="203">
        <v>6</v>
      </c>
      <c r="CL39" s="202">
        <v>6</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6">
        <f>第１表!F2</f>
        <v>6</v>
      </c>
      <c r="I1" s="446"/>
      <c r="J1" s="18">
        <f>第１表!G2</f>
        <v>5</v>
      </c>
      <c r="K1" s="451">
        <f>IF(J1&lt;3,J1-2+12,J1-2)</f>
        <v>3</v>
      </c>
      <c r="L1" s="451"/>
    </row>
    <row r="2" spans="2:35" ht="24" customHeight="1" thickBot="1" x14ac:dyDescent="0.25">
      <c r="J2" s="209"/>
      <c r="K2" s="209"/>
      <c r="L2" s="209"/>
      <c r="M2" s="209"/>
      <c r="N2" s="209"/>
      <c r="O2" s="209"/>
      <c r="P2" s="210"/>
      <c r="Q2" s="210"/>
      <c r="R2" s="210"/>
    </row>
    <row r="3" spans="2:35" ht="21" customHeight="1" thickBot="1" x14ac:dyDescent="0.25">
      <c r="B3" s="119"/>
      <c r="C3" s="448" t="s">
        <v>53</v>
      </c>
      <c r="D3" s="449"/>
      <c r="E3" s="449"/>
      <c r="F3" s="449"/>
      <c r="G3" s="449"/>
      <c r="H3" s="449"/>
      <c r="I3" s="449"/>
      <c r="J3" s="449"/>
      <c r="K3" s="449"/>
      <c r="L3" s="449"/>
      <c r="M3" s="450"/>
      <c r="N3" s="448" t="s">
        <v>54</v>
      </c>
      <c r="O3" s="449"/>
      <c r="P3" s="449"/>
      <c r="Q3" s="449"/>
      <c r="R3" s="449"/>
      <c r="S3" s="449"/>
      <c r="T3" s="449"/>
      <c r="U3" s="449"/>
      <c r="V3" s="449"/>
      <c r="W3" s="449"/>
      <c r="X3" s="450"/>
      <c r="Y3" s="448" t="s">
        <v>55</v>
      </c>
      <c r="Z3" s="449"/>
      <c r="AA3" s="449"/>
      <c r="AB3" s="449"/>
      <c r="AC3" s="449"/>
      <c r="AD3" s="449"/>
      <c r="AE3" s="449"/>
      <c r="AF3" s="449"/>
      <c r="AG3" s="449"/>
      <c r="AH3" s="449"/>
      <c r="AI3" s="450"/>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70</v>
      </c>
      <c r="D5" s="212">
        <v>319</v>
      </c>
      <c r="E5" s="213">
        <v>489</v>
      </c>
      <c r="F5" s="214">
        <v>0</v>
      </c>
      <c r="G5" s="212">
        <v>18955</v>
      </c>
      <c r="H5" s="212">
        <v>19625</v>
      </c>
      <c r="I5" s="212">
        <v>12880</v>
      </c>
      <c r="J5" s="212">
        <v>8070</v>
      </c>
      <c r="K5" s="212">
        <v>4933</v>
      </c>
      <c r="L5" s="213">
        <v>64463</v>
      </c>
      <c r="M5" s="215">
        <v>64952</v>
      </c>
      <c r="N5" s="216">
        <v>1</v>
      </c>
      <c r="O5" s="212">
        <v>2</v>
      </c>
      <c r="P5" s="213">
        <v>3</v>
      </c>
      <c r="Q5" s="214">
        <v>0</v>
      </c>
      <c r="R5" s="212">
        <v>216</v>
      </c>
      <c r="S5" s="212">
        <v>380</v>
      </c>
      <c r="T5" s="212">
        <v>218</v>
      </c>
      <c r="U5" s="212">
        <v>160</v>
      </c>
      <c r="V5" s="212">
        <v>161</v>
      </c>
      <c r="W5" s="213">
        <v>1135</v>
      </c>
      <c r="X5" s="215">
        <v>1138</v>
      </c>
      <c r="Y5" s="216">
        <v>171</v>
      </c>
      <c r="Z5" s="212">
        <v>321</v>
      </c>
      <c r="AA5" s="213">
        <v>492</v>
      </c>
      <c r="AB5" s="214">
        <v>0</v>
      </c>
      <c r="AC5" s="212">
        <v>19171</v>
      </c>
      <c r="AD5" s="212">
        <v>20005</v>
      </c>
      <c r="AE5" s="212">
        <v>13098</v>
      </c>
      <c r="AF5" s="212">
        <v>8230</v>
      </c>
      <c r="AG5" s="212">
        <v>5094</v>
      </c>
      <c r="AH5" s="213">
        <v>65598</v>
      </c>
      <c r="AI5" s="215">
        <v>66090</v>
      </c>
    </row>
    <row r="6" spans="2:35" ht="21" customHeight="1" x14ac:dyDescent="0.2">
      <c r="B6" s="95" t="s">
        <v>5</v>
      </c>
      <c r="C6" s="217">
        <v>73</v>
      </c>
      <c r="D6" s="218">
        <v>130</v>
      </c>
      <c r="E6" s="219">
        <v>203</v>
      </c>
      <c r="F6" s="220">
        <v>0</v>
      </c>
      <c r="G6" s="218">
        <v>7180</v>
      </c>
      <c r="H6" s="218">
        <v>9360</v>
      </c>
      <c r="I6" s="218">
        <v>5755</v>
      </c>
      <c r="J6" s="218">
        <v>3575</v>
      </c>
      <c r="K6" s="218">
        <v>2308</v>
      </c>
      <c r="L6" s="219">
        <v>28178</v>
      </c>
      <c r="M6" s="221">
        <v>28381</v>
      </c>
      <c r="N6" s="222">
        <v>0</v>
      </c>
      <c r="O6" s="218">
        <v>0</v>
      </c>
      <c r="P6" s="219">
        <v>0</v>
      </c>
      <c r="Q6" s="220">
        <v>0</v>
      </c>
      <c r="R6" s="218">
        <v>74</v>
      </c>
      <c r="S6" s="218">
        <v>191</v>
      </c>
      <c r="T6" s="218">
        <v>113</v>
      </c>
      <c r="U6" s="218">
        <v>82</v>
      </c>
      <c r="V6" s="218">
        <v>84</v>
      </c>
      <c r="W6" s="219">
        <v>544</v>
      </c>
      <c r="X6" s="221">
        <v>544</v>
      </c>
      <c r="Y6" s="222">
        <v>73</v>
      </c>
      <c r="Z6" s="218">
        <v>130</v>
      </c>
      <c r="AA6" s="219">
        <v>203</v>
      </c>
      <c r="AB6" s="220">
        <v>0</v>
      </c>
      <c r="AC6" s="218">
        <v>7254</v>
      </c>
      <c r="AD6" s="218">
        <v>9551</v>
      </c>
      <c r="AE6" s="218">
        <v>5868</v>
      </c>
      <c r="AF6" s="218">
        <v>3657</v>
      </c>
      <c r="AG6" s="218">
        <v>2392</v>
      </c>
      <c r="AH6" s="219">
        <v>28722</v>
      </c>
      <c r="AI6" s="221">
        <v>28925</v>
      </c>
    </row>
    <row r="7" spans="2:35" ht="21" customHeight="1" x14ac:dyDescent="0.2">
      <c r="B7" s="106" t="s">
        <v>6</v>
      </c>
      <c r="C7" s="217">
        <v>17</v>
      </c>
      <c r="D7" s="218">
        <v>41</v>
      </c>
      <c r="E7" s="219">
        <v>58</v>
      </c>
      <c r="F7" s="220">
        <v>0</v>
      </c>
      <c r="G7" s="218">
        <v>2847</v>
      </c>
      <c r="H7" s="218">
        <v>2597</v>
      </c>
      <c r="I7" s="218">
        <v>1871</v>
      </c>
      <c r="J7" s="218">
        <v>1294</v>
      </c>
      <c r="K7" s="218">
        <v>878</v>
      </c>
      <c r="L7" s="219">
        <v>9487</v>
      </c>
      <c r="M7" s="221">
        <v>9545</v>
      </c>
      <c r="N7" s="222">
        <v>0</v>
      </c>
      <c r="O7" s="218">
        <v>0</v>
      </c>
      <c r="P7" s="219">
        <v>0</v>
      </c>
      <c r="Q7" s="220">
        <v>0</v>
      </c>
      <c r="R7" s="218">
        <v>24</v>
      </c>
      <c r="S7" s="218">
        <v>33</v>
      </c>
      <c r="T7" s="218">
        <v>22</v>
      </c>
      <c r="U7" s="218">
        <v>24</v>
      </c>
      <c r="V7" s="218">
        <v>28</v>
      </c>
      <c r="W7" s="219">
        <v>131</v>
      </c>
      <c r="X7" s="221">
        <v>131</v>
      </c>
      <c r="Y7" s="222">
        <v>17</v>
      </c>
      <c r="Z7" s="218">
        <v>41</v>
      </c>
      <c r="AA7" s="219">
        <v>58</v>
      </c>
      <c r="AB7" s="220">
        <v>0</v>
      </c>
      <c r="AC7" s="218">
        <v>2871</v>
      </c>
      <c r="AD7" s="218">
        <v>2630</v>
      </c>
      <c r="AE7" s="218">
        <v>1893</v>
      </c>
      <c r="AF7" s="218">
        <v>1318</v>
      </c>
      <c r="AG7" s="218">
        <v>906</v>
      </c>
      <c r="AH7" s="219">
        <v>9618</v>
      </c>
      <c r="AI7" s="221">
        <v>9676</v>
      </c>
    </row>
    <row r="8" spans="2:35" ht="21" customHeight="1" x14ac:dyDescent="0.2">
      <c r="B8" s="106" t="s">
        <v>14</v>
      </c>
      <c r="C8" s="217">
        <v>19</v>
      </c>
      <c r="D8" s="218">
        <v>26</v>
      </c>
      <c r="E8" s="219">
        <v>45</v>
      </c>
      <c r="F8" s="220">
        <v>0</v>
      </c>
      <c r="G8" s="218">
        <v>1452</v>
      </c>
      <c r="H8" s="218">
        <v>1663</v>
      </c>
      <c r="I8" s="218">
        <v>1152</v>
      </c>
      <c r="J8" s="218">
        <v>653</v>
      </c>
      <c r="K8" s="218">
        <v>341</v>
      </c>
      <c r="L8" s="219">
        <v>5261</v>
      </c>
      <c r="M8" s="221">
        <v>5306</v>
      </c>
      <c r="N8" s="222">
        <v>0</v>
      </c>
      <c r="O8" s="218">
        <v>0</v>
      </c>
      <c r="P8" s="219">
        <v>0</v>
      </c>
      <c r="Q8" s="220">
        <v>0</v>
      </c>
      <c r="R8" s="218">
        <v>13</v>
      </c>
      <c r="S8" s="218">
        <v>36</v>
      </c>
      <c r="T8" s="218">
        <v>18</v>
      </c>
      <c r="U8" s="218">
        <v>7</v>
      </c>
      <c r="V8" s="218">
        <v>8</v>
      </c>
      <c r="W8" s="219">
        <v>82</v>
      </c>
      <c r="X8" s="221">
        <v>82</v>
      </c>
      <c r="Y8" s="222">
        <v>19</v>
      </c>
      <c r="Z8" s="218">
        <v>26</v>
      </c>
      <c r="AA8" s="219">
        <v>45</v>
      </c>
      <c r="AB8" s="220">
        <v>0</v>
      </c>
      <c r="AC8" s="218">
        <v>1465</v>
      </c>
      <c r="AD8" s="218">
        <v>1699</v>
      </c>
      <c r="AE8" s="218">
        <v>1170</v>
      </c>
      <c r="AF8" s="218">
        <v>660</v>
      </c>
      <c r="AG8" s="218">
        <v>349</v>
      </c>
      <c r="AH8" s="219">
        <v>5343</v>
      </c>
      <c r="AI8" s="221">
        <v>5388</v>
      </c>
    </row>
    <row r="9" spans="2:35" ht="21" customHeight="1" x14ac:dyDescent="0.2">
      <c r="B9" s="106" t="s">
        <v>7</v>
      </c>
      <c r="C9" s="217">
        <v>3</v>
      </c>
      <c r="D9" s="218">
        <v>4</v>
      </c>
      <c r="E9" s="219">
        <v>7</v>
      </c>
      <c r="F9" s="220">
        <v>0</v>
      </c>
      <c r="G9" s="218">
        <v>1387</v>
      </c>
      <c r="H9" s="218">
        <v>936</v>
      </c>
      <c r="I9" s="218">
        <v>529</v>
      </c>
      <c r="J9" s="218">
        <v>302</v>
      </c>
      <c r="K9" s="218">
        <v>166</v>
      </c>
      <c r="L9" s="219">
        <v>3320</v>
      </c>
      <c r="M9" s="221">
        <v>3327</v>
      </c>
      <c r="N9" s="222">
        <v>0</v>
      </c>
      <c r="O9" s="218">
        <v>0</v>
      </c>
      <c r="P9" s="219">
        <v>0</v>
      </c>
      <c r="Q9" s="220">
        <v>0</v>
      </c>
      <c r="R9" s="218">
        <v>20</v>
      </c>
      <c r="S9" s="218">
        <v>17</v>
      </c>
      <c r="T9" s="218">
        <v>10</v>
      </c>
      <c r="U9" s="218">
        <v>4</v>
      </c>
      <c r="V9" s="218">
        <v>4</v>
      </c>
      <c r="W9" s="219">
        <v>55</v>
      </c>
      <c r="X9" s="221">
        <v>55</v>
      </c>
      <c r="Y9" s="222">
        <v>3</v>
      </c>
      <c r="Z9" s="218">
        <v>4</v>
      </c>
      <c r="AA9" s="219">
        <v>7</v>
      </c>
      <c r="AB9" s="220">
        <v>0</v>
      </c>
      <c r="AC9" s="218">
        <v>1407</v>
      </c>
      <c r="AD9" s="218">
        <v>953</v>
      </c>
      <c r="AE9" s="218">
        <v>539</v>
      </c>
      <c r="AF9" s="218">
        <v>306</v>
      </c>
      <c r="AG9" s="218">
        <v>170</v>
      </c>
      <c r="AH9" s="219">
        <v>3375</v>
      </c>
      <c r="AI9" s="221">
        <v>3382</v>
      </c>
    </row>
    <row r="10" spans="2:35" ht="21" customHeight="1" x14ac:dyDescent="0.2">
      <c r="B10" s="106" t="s">
        <v>8</v>
      </c>
      <c r="C10" s="217">
        <v>10</v>
      </c>
      <c r="D10" s="218">
        <v>13</v>
      </c>
      <c r="E10" s="219">
        <v>23</v>
      </c>
      <c r="F10" s="220">
        <v>0</v>
      </c>
      <c r="G10" s="218">
        <v>761</v>
      </c>
      <c r="H10" s="218">
        <v>680</v>
      </c>
      <c r="I10" s="218">
        <v>408</v>
      </c>
      <c r="J10" s="218">
        <v>251</v>
      </c>
      <c r="K10" s="218">
        <v>127</v>
      </c>
      <c r="L10" s="219">
        <v>2227</v>
      </c>
      <c r="M10" s="221">
        <v>2250</v>
      </c>
      <c r="N10" s="222">
        <v>0</v>
      </c>
      <c r="O10" s="218">
        <v>0</v>
      </c>
      <c r="P10" s="219">
        <v>0</v>
      </c>
      <c r="Q10" s="220">
        <v>0</v>
      </c>
      <c r="R10" s="218">
        <v>14</v>
      </c>
      <c r="S10" s="218">
        <v>24</v>
      </c>
      <c r="T10" s="218">
        <v>7</v>
      </c>
      <c r="U10" s="218">
        <v>6</v>
      </c>
      <c r="V10" s="218">
        <v>3</v>
      </c>
      <c r="W10" s="219">
        <v>54</v>
      </c>
      <c r="X10" s="221">
        <v>54</v>
      </c>
      <c r="Y10" s="222">
        <v>10</v>
      </c>
      <c r="Z10" s="218">
        <v>13</v>
      </c>
      <c r="AA10" s="219">
        <v>23</v>
      </c>
      <c r="AB10" s="220">
        <v>0</v>
      </c>
      <c r="AC10" s="218">
        <v>775</v>
      </c>
      <c r="AD10" s="218">
        <v>704</v>
      </c>
      <c r="AE10" s="218">
        <v>415</v>
      </c>
      <c r="AF10" s="218">
        <v>257</v>
      </c>
      <c r="AG10" s="218">
        <v>130</v>
      </c>
      <c r="AH10" s="219">
        <v>2281</v>
      </c>
      <c r="AI10" s="221">
        <v>2304</v>
      </c>
    </row>
    <row r="11" spans="2:35" ht="21" customHeight="1" x14ac:dyDescent="0.2">
      <c r="B11" s="106" t="s">
        <v>9</v>
      </c>
      <c r="C11" s="217">
        <v>5</v>
      </c>
      <c r="D11" s="218">
        <v>5</v>
      </c>
      <c r="E11" s="219">
        <v>10</v>
      </c>
      <c r="F11" s="220">
        <v>0</v>
      </c>
      <c r="G11" s="218">
        <v>521</v>
      </c>
      <c r="H11" s="218">
        <v>365</v>
      </c>
      <c r="I11" s="218">
        <v>272</v>
      </c>
      <c r="J11" s="218">
        <v>197</v>
      </c>
      <c r="K11" s="218">
        <v>96</v>
      </c>
      <c r="L11" s="219">
        <v>1451</v>
      </c>
      <c r="M11" s="221">
        <v>1461</v>
      </c>
      <c r="N11" s="222">
        <v>0</v>
      </c>
      <c r="O11" s="218">
        <v>0</v>
      </c>
      <c r="P11" s="219">
        <v>0</v>
      </c>
      <c r="Q11" s="220">
        <v>0</v>
      </c>
      <c r="R11" s="218">
        <v>13</v>
      </c>
      <c r="S11" s="218">
        <v>10</v>
      </c>
      <c r="T11" s="218">
        <v>4</v>
      </c>
      <c r="U11" s="218">
        <v>5</v>
      </c>
      <c r="V11" s="218">
        <v>1</v>
      </c>
      <c r="W11" s="219">
        <v>33</v>
      </c>
      <c r="X11" s="221">
        <v>33</v>
      </c>
      <c r="Y11" s="222">
        <v>5</v>
      </c>
      <c r="Z11" s="218">
        <v>5</v>
      </c>
      <c r="AA11" s="219">
        <v>10</v>
      </c>
      <c r="AB11" s="220">
        <v>0</v>
      </c>
      <c r="AC11" s="218">
        <v>534</v>
      </c>
      <c r="AD11" s="218">
        <v>375</v>
      </c>
      <c r="AE11" s="218">
        <v>276</v>
      </c>
      <c r="AF11" s="218">
        <v>202</v>
      </c>
      <c r="AG11" s="218">
        <v>97</v>
      </c>
      <c r="AH11" s="219">
        <v>1484</v>
      </c>
      <c r="AI11" s="221">
        <v>1494</v>
      </c>
    </row>
    <row r="12" spans="2:35" ht="21" customHeight="1" x14ac:dyDescent="0.2">
      <c r="B12" s="106" t="s">
        <v>10</v>
      </c>
      <c r="C12" s="217">
        <v>12</v>
      </c>
      <c r="D12" s="218">
        <v>18</v>
      </c>
      <c r="E12" s="219">
        <v>30</v>
      </c>
      <c r="F12" s="220">
        <v>0</v>
      </c>
      <c r="G12" s="218">
        <v>852</v>
      </c>
      <c r="H12" s="218">
        <v>518</v>
      </c>
      <c r="I12" s="218">
        <v>406</v>
      </c>
      <c r="J12" s="218">
        <v>330</v>
      </c>
      <c r="K12" s="218">
        <v>232</v>
      </c>
      <c r="L12" s="219">
        <v>2338</v>
      </c>
      <c r="M12" s="221">
        <v>2368</v>
      </c>
      <c r="N12" s="222">
        <v>0</v>
      </c>
      <c r="O12" s="218">
        <v>1</v>
      </c>
      <c r="P12" s="219">
        <v>1</v>
      </c>
      <c r="Q12" s="220">
        <v>0</v>
      </c>
      <c r="R12" s="218">
        <v>14</v>
      </c>
      <c r="S12" s="218">
        <v>6</v>
      </c>
      <c r="T12" s="218">
        <v>7</v>
      </c>
      <c r="U12" s="218">
        <v>8</v>
      </c>
      <c r="V12" s="218">
        <v>5</v>
      </c>
      <c r="W12" s="219">
        <v>40</v>
      </c>
      <c r="X12" s="221">
        <v>41</v>
      </c>
      <c r="Y12" s="222">
        <v>12</v>
      </c>
      <c r="Z12" s="218">
        <v>19</v>
      </c>
      <c r="AA12" s="219">
        <v>31</v>
      </c>
      <c r="AB12" s="220">
        <v>0</v>
      </c>
      <c r="AC12" s="218">
        <v>866</v>
      </c>
      <c r="AD12" s="218">
        <v>524</v>
      </c>
      <c r="AE12" s="218">
        <v>413</v>
      </c>
      <c r="AF12" s="218">
        <v>338</v>
      </c>
      <c r="AG12" s="218">
        <v>237</v>
      </c>
      <c r="AH12" s="219">
        <v>2378</v>
      </c>
      <c r="AI12" s="221">
        <v>2409</v>
      </c>
    </row>
    <row r="13" spans="2:35" ht="21" customHeight="1" x14ac:dyDescent="0.2">
      <c r="B13" s="106" t="s">
        <v>11</v>
      </c>
      <c r="C13" s="217">
        <v>1</v>
      </c>
      <c r="D13" s="218">
        <v>8</v>
      </c>
      <c r="E13" s="219">
        <v>9</v>
      </c>
      <c r="F13" s="220">
        <v>0</v>
      </c>
      <c r="G13" s="218">
        <v>631</v>
      </c>
      <c r="H13" s="218">
        <v>404</v>
      </c>
      <c r="I13" s="218">
        <v>313</v>
      </c>
      <c r="J13" s="218">
        <v>170</v>
      </c>
      <c r="K13" s="218">
        <v>85</v>
      </c>
      <c r="L13" s="219">
        <v>1603</v>
      </c>
      <c r="M13" s="221">
        <v>1612</v>
      </c>
      <c r="N13" s="222">
        <v>1</v>
      </c>
      <c r="O13" s="218">
        <v>0</v>
      </c>
      <c r="P13" s="219">
        <v>1</v>
      </c>
      <c r="Q13" s="220">
        <v>0</v>
      </c>
      <c r="R13" s="218">
        <v>8</v>
      </c>
      <c r="S13" s="218">
        <v>4</v>
      </c>
      <c r="T13" s="218">
        <v>5</v>
      </c>
      <c r="U13" s="218">
        <v>5</v>
      </c>
      <c r="V13" s="218">
        <v>2</v>
      </c>
      <c r="W13" s="219">
        <v>24</v>
      </c>
      <c r="X13" s="221">
        <v>25</v>
      </c>
      <c r="Y13" s="222">
        <v>2</v>
      </c>
      <c r="Z13" s="218">
        <v>8</v>
      </c>
      <c r="AA13" s="219">
        <v>10</v>
      </c>
      <c r="AB13" s="220">
        <v>0</v>
      </c>
      <c r="AC13" s="218">
        <v>639</v>
      </c>
      <c r="AD13" s="218">
        <v>408</v>
      </c>
      <c r="AE13" s="218">
        <v>318</v>
      </c>
      <c r="AF13" s="218">
        <v>175</v>
      </c>
      <c r="AG13" s="218">
        <v>87</v>
      </c>
      <c r="AH13" s="219">
        <v>1627</v>
      </c>
      <c r="AI13" s="221">
        <v>1637</v>
      </c>
    </row>
    <row r="14" spans="2:35" ht="21" customHeight="1" x14ac:dyDescent="0.2">
      <c r="B14" s="106" t="s">
        <v>12</v>
      </c>
      <c r="C14" s="217">
        <v>1</v>
      </c>
      <c r="D14" s="218">
        <v>0</v>
      </c>
      <c r="E14" s="219">
        <v>1</v>
      </c>
      <c r="F14" s="220">
        <v>0</v>
      </c>
      <c r="G14" s="218">
        <v>444</v>
      </c>
      <c r="H14" s="218">
        <v>374</v>
      </c>
      <c r="I14" s="218">
        <v>281</v>
      </c>
      <c r="J14" s="218">
        <v>183</v>
      </c>
      <c r="K14" s="218">
        <v>117</v>
      </c>
      <c r="L14" s="219">
        <v>1399</v>
      </c>
      <c r="M14" s="221">
        <v>1400</v>
      </c>
      <c r="N14" s="222">
        <v>0</v>
      </c>
      <c r="O14" s="218">
        <v>0</v>
      </c>
      <c r="P14" s="219">
        <v>0</v>
      </c>
      <c r="Q14" s="220">
        <v>0</v>
      </c>
      <c r="R14" s="218">
        <v>6</v>
      </c>
      <c r="S14" s="218">
        <v>9</v>
      </c>
      <c r="T14" s="218">
        <v>2</v>
      </c>
      <c r="U14" s="218">
        <v>0</v>
      </c>
      <c r="V14" s="218">
        <v>4</v>
      </c>
      <c r="W14" s="219">
        <v>21</v>
      </c>
      <c r="X14" s="221">
        <v>21</v>
      </c>
      <c r="Y14" s="222">
        <v>1</v>
      </c>
      <c r="Z14" s="218">
        <v>0</v>
      </c>
      <c r="AA14" s="219">
        <v>1</v>
      </c>
      <c r="AB14" s="220">
        <v>0</v>
      </c>
      <c r="AC14" s="218">
        <v>450</v>
      </c>
      <c r="AD14" s="218">
        <v>383</v>
      </c>
      <c r="AE14" s="218">
        <v>283</v>
      </c>
      <c r="AF14" s="218">
        <v>183</v>
      </c>
      <c r="AG14" s="218">
        <v>121</v>
      </c>
      <c r="AH14" s="219">
        <v>1420</v>
      </c>
      <c r="AI14" s="221">
        <v>1421</v>
      </c>
    </row>
    <row r="15" spans="2:35" ht="21" customHeight="1" x14ac:dyDescent="0.2">
      <c r="B15" s="106" t="s">
        <v>13</v>
      </c>
      <c r="C15" s="217">
        <v>1</v>
      </c>
      <c r="D15" s="218">
        <v>2</v>
      </c>
      <c r="E15" s="219">
        <v>3</v>
      </c>
      <c r="F15" s="220">
        <v>0</v>
      </c>
      <c r="G15" s="218">
        <v>188</v>
      </c>
      <c r="H15" s="218">
        <v>192</v>
      </c>
      <c r="I15" s="218">
        <v>106</v>
      </c>
      <c r="J15" s="218">
        <v>63</v>
      </c>
      <c r="K15" s="218">
        <v>35</v>
      </c>
      <c r="L15" s="219">
        <v>584</v>
      </c>
      <c r="M15" s="221">
        <v>587</v>
      </c>
      <c r="N15" s="222">
        <v>0</v>
      </c>
      <c r="O15" s="218">
        <v>0</v>
      </c>
      <c r="P15" s="219">
        <v>0</v>
      </c>
      <c r="Q15" s="220">
        <v>0</v>
      </c>
      <c r="R15" s="218">
        <v>1</v>
      </c>
      <c r="S15" s="218">
        <v>2</v>
      </c>
      <c r="T15" s="218">
        <v>3</v>
      </c>
      <c r="U15" s="218">
        <v>0</v>
      </c>
      <c r="V15" s="218">
        <v>0</v>
      </c>
      <c r="W15" s="219">
        <v>6</v>
      </c>
      <c r="X15" s="221">
        <v>6</v>
      </c>
      <c r="Y15" s="222">
        <v>1</v>
      </c>
      <c r="Z15" s="218">
        <v>2</v>
      </c>
      <c r="AA15" s="219">
        <v>3</v>
      </c>
      <c r="AB15" s="220">
        <v>0</v>
      </c>
      <c r="AC15" s="218">
        <v>189</v>
      </c>
      <c r="AD15" s="218">
        <v>194</v>
      </c>
      <c r="AE15" s="218">
        <v>109</v>
      </c>
      <c r="AF15" s="218">
        <v>63</v>
      </c>
      <c r="AG15" s="218">
        <v>35</v>
      </c>
      <c r="AH15" s="219">
        <v>590</v>
      </c>
      <c r="AI15" s="221">
        <v>593</v>
      </c>
    </row>
    <row r="16" spans="2:35" ht="21" customHeight="1" x14ac:dyDescent="0.2">
      <c r="B16" s="106" t="s">
        <v>15</v>
      </c>
      <c r="C16" s="217">
        <v>2</v>
      </c>
      <c r="D16" s="218">
        <v>16</v>
      </c>
      <c r="E16" s="219">
        <v>18</v>
      </c>
      <c r="F16" s="220">
        <v>0</v>
      </c>
      <c r="G16" s="218">
        <v>233</v>
      </c>
      <c r="H16" s="218">
        <v>242</v>
      </c>
      <c r="I16" s="218">
        <v>140</v>
      </c>
      <c r="J16" s="218">
        <v>87</v>
      </c>
      <c r="K16" s="218">
        <v>48</v>
      </c>
      <c r="L16" s="219">
        <v>750</v>
      </c>
      <c r="M16" s="221">
        <v>768</v>
      </c>
      <c r="N16" s="222">
        <v>0</v>
      </c>
      <c r="O16" s="218">
        <v>1</v>
      </c>
      <c r="P16" s="219">
        <v>1</v>
      </c>
      <c r="Q16" s="220">
        <v>0</v>
      </c>
      <c r="R16" s="218">
        <v>4</v>
      </c>
      <c r="S16" s="218">
        <v>4</v>
      </c>
      <c r="T16" s="218">
        <v>1</v>
      </c>
      <c r="U16" s="218">
        <v>0</v>
      </c>
      <c r="V16" s="218">
        <v>0</v>
      </c>
      <c r="W16" s="219">
        <v>9</v>
      </c>
      <c r="X16" s="221">
        <v>10</v>
      </c>
      <c r="Y16" s="222">
        <v>2</v>
      </c>
      <c r="Z16" s="218">
        <v>17</v>
      </c>
      <c r="AA16" s="219">
        <v>19</v>
      </c>
      <c r="AB16" s="220">
        <v>0</v>
      </c>
      <c r="AC16" s="218">
        <v>237</v>
      </c>
      <c r="AD16" s="218">
        <v>246</v>
      </c>
      <c r="AE16" s="218">
        <v>141</v>
      </c>
      <c r="AF16" s="218">
        <v>87</v>
      </c>
      <c r="AG16" s="218">
        <v>48</v>
      </c>
      <c r="AH16" s="219">
        <v>759</v>
      </c>
      <c r="AI16" s="221">
        <v>778</v>
      </c>
    </row>
    <row r="17" spans="2:35" ht="21" customHeight="1" x14ac:dyDescent="0.2">
      <c r="B17" s="106" t="s">
        <v>16</v>
      </c>
      <c r="C17" s="217">
        <v>3</v>
      </c>
      <c r="D17" s="218">
        <v>5</v>
      </c>
      <c r="E17" s="219">
        <v>8</v>
      </c>
      <c r="F17" s="220">
        <v>0</v>
      </c>
      <c r="G17" s="218">
        <v>198</v>
      </c>
      <c r="H17" s="218">
        <v>284</v>
      </c>
      <c r="I17" s="218">
        <v>183</v>
      </c>
      <c r="J17" s="218">
        <v>119</v>
      </c>
      <c r="K17" s="218">
        <v>73</v>
      </c>
      <c r="L17" s="219">
        <v>857</v>
      </c>
      <c r="M17" s="221">
        <v>865</v>
      </c>
      <c r="N17" s="222">
        <v>0</v>
      </c>
      <c r="O17" s="218">
        <v>0</v>
      </c>
      <c r="P17" s="219">
        <v>0</v>
      </c>
      <c r="Q17" s="220">
        <v>0</v>
      </c>
      <c r="R17" s="218">
        <v>3</v>
      </c>
      <c r="S17" s="218">
        <v>4</v>
      </c>
      <c r="T17" s="218">
        <v>5</v>
      </c>
      <c r="U17" s="218">
        <v>4</v>
      </c>
      <c r="V17" s="218">
        <v>1</v>
      </c>
      <c r="W17" s="219">
        <v>17</v>
      </c>
      <c r="X17" s="221">
        <v>17</v>
      </c>
      <c r="Y17" s="222">
        <v>3</v>
      </c>
      <c r="Z17" s="218">
        <v>5</v>
      </c>
      <c r="AA17" s="219">
        <v>8</v>
      </c>
      <c r="AB17" s="220">
        <v>0</v>
      </c>
      <c r="AC17" s="218">
        <v>201</v>
      </c>
      <c r="AD17" s="218">
        <v>288</v>
      </c>
      <c r="AE17" s="218">
        <v>188</v>
      </c>
      <c r="AF17" s="218">
        <v>123</v>
      </c>
      <c r="AG17" s="218">
        <v>74</v>
      </c>
      <c r="AH17" s="219">
        <v>874</v>
      </c>
      <c r="AI17" s="221">
        <v>882</v>
      </c>
    </row>
    <row r="18" spans="2:35" ht="21" customHeight="1" x14ac:dyDescent="0.2">
      <c r="B18" s="106" t="s">
        <v>17</v>
      </c>
      <c r="C18" s="217">
        <v>4</v>
      </c>
      <c r="D18" s="218">
        <v>7</v>
      </c>
      <c r="E18" s="219">
        <v>11</v>
      </c>
      <c r="F18" s="220">
        <v>0</v>
      </c>
      <c r="G18" s="218">
        <v>293</v>
      </c>
      <c r="H18" s="218">
        <v>387</v>
      </c>
      <c r="I18" s="218">
        <v>282</v>
      </c>
      <c r="J18" s="218">
        <v>205</v>
      </c>
      <c r="K18" s="218">
        <v>94</v>
      </c>
      <c r="L18" s="219">
        <v>1261</v>
      </c>
      <c r="M18" s="221">
        <v>1272</v>
      </c>
      <c r="N18" s="222">
        <v>0</v>
      </c>
      <c r="O18" s="218">
        <v>0</v>
      </c>
      <c r="P18" s="219">
        <v>0</v>
      </c>
      <c r="Q18" s="220">
        <v>0</v>
      </c>
      <c r="R18" s="218">
        <v>5</v>
      </c>
      <c r="S18" s="218">
        <v>16</v>
      </c>
      <c r="T18" s="218">
        <v>6</v>
      </c>
      <c r="U18" s="218">
        <v>6</v>
      </c>
      <c r="V18" s="218">
        <v>5</v>
      </c>
      <c r="W18" s="219">
        <v>38</v>
      </c>
      <c r="X18" s="221">
        <v>38</v>
      </c>
      <c r="Y18" s="222">
        <v>4</v>
      </c>
      <c r="Z18" s="218">
        <v>7</v>
      </c>
      <c r="AA18" s="219">
        <v>11</v>
      </c>
      <c r="AB18" s="220">
        <v>0</v>
      </c>
      <c r="AC18" s="218">
        <v>298</v>
      </c>
      <c r="AD18" s="218">
        <v>403</v>
      </c>
      <c r="AE18" s="218">
        <v>288</v>
      </c>
      <c r="AF18" s="218">
        <v>211</v>
      </c>
      <c r="AG18" s="218">
        <v>99</v>
      </c>
      <c r="AH18" s="219">
        <v>1299</v>
      </c>
      <c r="AI18" s="221">
        <v>1310</v>
      </c>
    </row>
    <row r="19" spans="2:35" ht="21" customHeight="1" x14ac:dyDescent="0.2">
      <c r="B19" s="106" t="s">
        <v>18</v>
      </c>
      <c r="C19" s="217">
        <v>6</v>
      </c>
      <c r="D19" s="218">
        <v>20</v>
      </c>
      <c r="E19" s="219">
        <v>26</v>
      </c>
      <c r="F19" s="220">
        <v>0</v>
      </c>
      <c r="G19" s="218">
        <v>423</v>
      </c>
      <c r="H19" s="218">
        <v>342</v>
      </c>
      <c r="I19" s="218">
        <v>277</v>
      </c>
      <c r="J19" s="218">
        <v>160</v>
      </c>
      <c r="K19" s="218">
        <v>71</v>
      </c>
      <c r="L19" s="219">
        <v>1273</v>
      </c>
      <c r="M19" s="221">
        <v>1299</v>
      </c>
      <c r="N19" s="222">
        <v>0</v>
      </c>
      <c r="O19" s="218">
        <v>0</v>
      </c>
      <c r="P19" s="219">
        <v>0</v>
      </c>
      <c r="Q19" s="220">
        <v>0</v>
      </c>
      <c r="R19" s="218">
        <v>3</v>
      </c>
      <c r="S19" s="218">
        <v>7</v>
      </c>
      <c r="T19" s="218">
        <v>0</v>
      </c>
      <c r="U19" s="218">
        <v>5</v>
      </c>
      <c r="V19" s="218">
        <v>7</v>
      </c>
      <c r="W19" s="219">
        <v>22</v>
      </c>
      <c r="X19" s="221">
        <v>22</v>
      </c>
      <c r="Y19" s="222">
        <v>6</v>
      </c>
      <c r="Z19" s="218">
        <v>20</v>
      </c>
      <c r="AA19" s="219">
        <v>26</v>
      </c>
      <c r="AB19" s="220">
        <v>0</v>
      </c>
      <c r="AC19" s="218">
        <v>426</v>
      </c>
      <c r="AD19" s="218">
        <v>349</v>
      </c>
      <c r="AE19" s="218">
        <v>277</v>
      </c>
      <c r="AF19" s="218">
        <v>165</v>
      </c>
      <c r="AG19" s="218">
        <v>78</v>
      </c>
      <c r="AH19" s="219">
        <v>1295</v>
      </c>
      <c r="AI19" s="221">
        <v>1321</v>
      </c>
    </row>
    <row r="20" spans="2:35" ht="21" customHeight="1" x14ac:dyDescent="0.2">
      <c r="B20" s="106" t="s">
        <v>19</v>
      </c>
      <c r="C20" s="217">
        <v>0</v>
      </c>
      <c r="D20" s="218">
        <v>2</v>
      </c>
      <c r="E20" s="219">
        <v>2</v>
      </c>
      <c r="F20" s="220">
        <v>0</v>
      </c>
      <c r="G20" s="218">
        <v>191</v>
      </c>
      <c r="H20" s="218">
        <v>208</v>
      </c>
      <c r="I20" s="218">
        <v>135</v>
      </c>
      <c r="J20" s="218">
        <v>64</v>
      </c>
      <c r="K20" s="218">
        <v>51</v>
      </c>
      <c r="L20" s="219">
        <v>649</v>
      </c>
      <c r="M20" s="221">
        <v>651</v>
      </c>
      <c r="N20" s="222">
        <v>0</v>
      </c>
      <c r="O20" s="218">
        <v>0</v>
      </c>
      <c r="P20" s="219">
        <v>0</v>
      </c>
      <c r="Q20" s="220">
        <v>0</v>
      </c>
      <c r="R20" s="218">
        <v>2</v>
      </c>
      <c r="S20" s="218">
        <v>4</v>
      </c>
      <c r="T20" s="218">
        <v>1</v>
      </c>
      <c r="U20" s="218">
        <v>2</v>
      </c>
      <c r="V20" s="218">
        <v>1</v>
      </c>
      <c r="W20" s="219">
        <v>10</v>
      </c>
      <c r="X20" s="221">
        <v>10</v>
      </c>
      <c r="Y20" s="222">
        <v>0</v>
      </c>
      <c r="Z20" s="218">
        <v>2</v>
      </c>
      <c r="AA20" s="219">
        <v>2</v>
      </c>
      <c r="AB20" s="220">
        <v>0</v>
      </c>
      <c r="AC20" s="218">
        <v>193</v>
      </c>
      <c r="AD20" s="218">
        <v>212</v>
      </c>
      <c r="AE20" s="218">
        <v>136</v>
      </c>
      <c r="AF20" s="218">
        <v>66</v>
      </c>
      <c r="AG20" s="218">
        <v>52</v>
      </c>
      <c r="AH20" s="219">
        <v>659</v>
      </c>
      <c r="AI20" s="221">
        <v>661</v>
      </c>
    </row>
    <row r="21" spans="2:35" ht="21" customHeight="1" x14ac:dyDescent="0.2">
      <c r="B21" s="106" t="s">
        <v>20</v>
      </c>
      <c r="C21" s="217">
        <v>0</v>
      </c>
      <c r="D21" s="218">
        <v>1</v>
      </c>
      <c r="E21" s="219">
        <v>1</v>
      </c>
      <c r="F21" s="220">
        <v>0</v>
      </c>
      <c r="G21" s="218">
        <v>217</v>
      </c>
      <c r="H21" s="218">
        <v>144</v>
      </c>
      <c r="I21" s="218">
        <v>116</v>
      </c>
      <c r="J21" s="218">
        <v>38</v>
      </c>
      <c r="K21" s="218">
        <v>31</v>
      </c>
      <c r="L21" s="219">
        <v>546</v>
      </c>
      <c r="M21" s="221">
        <v>547</v>
      </c>
      <c r="N21" s="222">
        <v>0</v>
      </c>
      <c r="O21" s="218">
        <v>0</v>
      </c>
      <c r="P21" s="219">
        <v>0</v>
      </c>
      <c r="Q21" s="220">
        <v>0</v>
      </c>
      <c r="R21" s="218">
        <v>3</v>
      </c>
      <c r="S21" s="218">
        <v>2</v>
      </c>
      <c r="T21" s="218">
        <v>4</v>
      </c>
      <c r="U21" s="218">
        <v>0</v>
      </c>
      <c r="V21" s="218">
        <v>2</v>
      </c>
      <c r="W21" s="219">
        <v>11</v>
      </c>
      <c r="X21" s="221">
        <v>11</v>
      </c>
      <c r="Y21" s="222">
        <v>0</v>
      </c>
      <c r="Z21" s="218">
        <v>1</v>
      </c>
      <c r="AA21" s="219">
        <v>1</v>
      </c>
      <c r="AB21" s="220">
        <v>0</v>
      </c>
      <c r="AC21" s="218">
        <v>220</v>
      </c>
      <c r="AD21" s="218">
        <v>146</v>
      </c>
      <c r="AE21" s="218">
        <v>120</v>
      </c>
      <c r="AF21" s="218">
        <v>38</v>
      </c>
      <c r="AG21" s="218">
        <v>33</v>
      </c>
      <c r="AH21" s="219">
        <v>557</v>
      </c>
      <c r="AI21" s="221">
        <v>558</v>
      </c>
    </row>
    <row r="22" spans="2:35" ht="21" customHeight="1" x14ac:dyDescent="0.2">
      <c r="B22" s="106" t="s">
        <v>21</v>
      </c>
      <c r="C22" s="217">
        <v>0</v>
      </c>
      <c r="D22" s="218">
        <v>0</v>
      </c>
      <c r="E22" s="219">
        <v>0</v>
      </c>
      <c r="F22" s="220">
        <v>0</v>
      </c>
      <c r="G22" s="218">
        <v>235</v>
      </c>
      <c r="H22" s="218">
        <v>223</v>
      </c>
      <c r="I22" s="218">
        <v>135</v>
      </c>
      <c r="J22" s="218">
        <v>55</v>
      </c>
      <c r="K22" s="218">
        <v>31</v>
      </c>
      <c r="L22" s="219">
        <v>679</v>
      </c>
      <c r="M22" s="221">
        <v>679</v>
      </c>
      <c r="N22" s="222">
        <v>0</v>
      </c>
      <c r="O22" s="218">
        <v>0</v>
      </c>
      <c r="P22" s="219">
        <v>0</v>
      </c>
      <c r="Q22" s="220">
        <v>0</v>
      </c>
      <c r="R22" s="218">
        <v>2</v>
      </c>
      <c r="S22" s="218">
        <v>6</v>
      </c>
      <c r="T22" s="218">
        <v>3</v>
      </c>
      <c r="U22" s="218">
        <v>0</v>
      </c>
      <c r="V22" s="218">
        <v>2</v>
      </c>
      <c r="W22" s="219">
        <v>13</v>
      </c>
      <c r="X22" s="221">
        <v>13</v>
      </c>
      <c r="Y22" s="222">
        <v>0</v>
      </c>
      <c r="Z22" s="218">
        <v>0</v>
      </c>
      <c r="AA22" s="219">
        <v>0</v>
      </c>
      <c r="AB22" s="220">
        <v>0</v>
      </c>
      <c r="AC22" s="218">
        <v>237</v>
      </c>
      <c r="AD22" s="218">
        <v>229</v>
      </c>
      <c r="AE22" s="218">
        <v>138</v>
      </c>
      <c r="AF22" s="218">
        <v>55</v>
      </c>
      <c r="AG22" s="218">
        <v>33</v>
      </c>
      <c r="AH22" s="219">
        <v>692</v>
      </c>
      <c r="AI22" s="221">
        <v>692</v>
      </c>
    </row>
    <row r="23" spans="2:35" ht="21" customHeight="1" x14ac:dyDescent="0.2">
      <c r="B23" s="106" t="s">
        <v>22</v>
      </c>
      <c r="C23" s="217">
        <v>4</v>
      </c>
      <c r="D23" s="218">
        <v>5</v>
      </c>
      <c r="E23" s="219">
        <v>9</v>
      </c>
      <c r="F23" s="220">
        <v>0</v>
      </c>
      <c r="G23" s="218">
        <v>142</v>
      </c>
      <c r="H23" s="218">
        <v>152</v>
      </c>
      <c r="I23" s="218">
        <v>91</v>
      </c>
      <c r="J23" s="218">
        <v>64</v>
      </c>
      <c r="K23" s="218">
        <v>26</v>
      </c>
      <c r="L23" s="219">
        <v>475</v>
      </c>
      <c r="M23" s="221">
        <v>484</v>
      </c>
      <c r="N23" s="222">
        <v>0</v>
      </c>
      <c r="O23" s="218">
        <v>0</v>
      </c>
      <c r="P23" s="219">
        <v>0</v>
      </c>
      <c r="Q23" s="220">
        <v>0</v>
      </c>
      <c r="R23" s="218">
        <v>2</v>
      </c>
      <c r="S23" s="218">
        <v>1</v>
      </c>
      <c r="T23" s="218">
        <v>1</v>
      </c>
      <c r="U23" s="218">
        <v>0</v>
      </c>
      <c r="V23" s="218">
        <v>0</v>
      </c>
      <c r="W23" s="219">
        <v>4</v>
      </c>
      <c r="X23" s="221">
        <v>4</v>
      </c>
      <c r="Y23" s="222">
        <v>4</v>
      </c>
      <c r="Z23" s="218">
        <v>5</v>
      </c>
      <c r="AA23" s="219">
        <v>9</v>
      </c>
      <c r="AB23" s="220">
        <v>0</v>
      </c>
      <c r="AC23" s="218">
        <v>144</v>
      </c>
      <c r="AD23" s="218">
        <v>153</v>
      </c>
      <c r="AE23" s="218">
        <v>92</v>
      </c>
      <c r="AF23" s="218">
        <v>64</v>
      </c>
      <c r="AG23" s="218">
        <v>26</v>
      </c>
      <c r="AH23" s="219">
        <v>479</v>
      </c>
      <c r="AI23" s="221">
        <v>488</v>
      </c>
    </row>
    <row r="24" spans="2:35" ht="21" customHeight="1" x14ac:dyDescent="0.2">
      <c r="B24" s="106" t="s">
        <v>23</v>
      </c>
      <c r="C24" s="217">
        <v>0</v>
      </c>
      <c r="D24" s="218">
        <v>0</v>
      </c>
      <c r="E24" s="219">
        <v>0</v>
      </c>
      <c r="F24" s="220">
        <v>0</v>
      </c>
      <c r="G24" s="218">
        <v>112</v>
      </c>
      <c r="H24" s="218">
        <v>84</v>
      </c>
      <c r="I24" s="218">
        <v>55</v>
      </c>
      <c r="J24" s="218">
        <v>40</v>
      </c>
      <c r="K24" s="218">
        <v>11</v>
      </c>
      <c r="L24" s="219">
        <v>302</v>
      </c>
      <c r="M24" s="221">
        <v>302</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13</v>
      </c>
      <c r="AD24" s="218">
        <v>85</v>
      </c>
      <c r="AE24" s="218">
        <v>56</v>
      </c>
      <c r="AF24" s="218">
        <v>40</v>
      </c>
      <c r="AG24" s="218">
        <v>11</v>
      </c>
      <c r="AH24" s="219">
        <v>305</v>
      </c>
      <c r="AI24" s="221">
        <v>305</v>
      </c>
    </row>
    <row r="25" spans="2:35" ht="21" customHeight="1" x14ac:dyDescent="0.2">
      <c r="B25" s="106" t="s">
        <v>24</v>
      </c>
      <c r="C25" s="217">
        <v>2</v>
      </c>
      <c r="D25" s="218">
        <v>3</v>
      </c>
      <c r="E25" s="219">
        <v>5</v>
      </c>
      <c r="F25" s="220">
        <v>0</v>
      </c>
      <c r="G25" s="218">
        <v>43</v>
      </c>
      <c r="H25" s="218">
        <v>36</v>
      </c>
      <c r="I25" s="218">
        <v>27</v>
      </c>
      <c r="J25" s="218">
        <v>23</v>
      </c>
      <c r="K25" s="218">
        <v>6</v>
      </c>
      <c r="L25" s="219">
        <v>135</v>
      </c>
      <c r="M25" s="221">
        <v>140</v>
      </c>
      <c r="N25" s="222">
        <v>0</v>
      </c>
      <c r="O25" s="218">
        <v>0</v>
      </c>
      <c r="P25" s="219">
        <v>0</v>
      </c>
      <c r="Q25" s="220">
        <v>0</v>
      </c>
      <c r="R25" s="218">
        <v>0</v>
      </c>
      <c r="S25" s="218">
        <v>1</v>
      </c>
      <c r="T25" s="218">
        <v>0</v>
      </c>
      <c r="U25" s="218">
        <v>1</v>
      </c>
      <c r="V25" s="218">
        <v>0</v>
      </c>
      <c r="W25" s="219">
        <v>2</v>
      </c>
      <c r="X25" s="221">
        <v>2</v>
      </c>
      <c r="Y25" s="222">
        <v>2</v>
      </c>
      <c r="Z25" s="218">
        <v>3</v>
      </c>
      <c r="AA25" s="219">
        <v>5</v>
      </c>
      <c r="AB25" s="220">
        <v>0</v>
      </c>
      <c r="AC25" s="218">
        <v>43</v>
      </c>
      <c r="AD25" s="218">
        <v>37</v>
      </c>
      <c r="AE25" s="218">
        <v>27</v>
      </c>
      <c r="AF25" s="218">
        <v>24</v>
      </c>
      <c r="AG25" s="218">
        <v>6</v>
      </c>
      <c r="AH25" s="219">
        <v>137</v>
      </c>
      <c r="AI25" s="221">
        <v>142</v>
      </c>
    </row>
    <row r="26" spans="2:35" ht="21" customHeight="1" x14ac:dyDescent="0.2">
      <c r="B26" s="106" t="s">
        <v>25</v>
      </c>
      <c r="C26" s="217">
        <v>2</v>
      </c>
      <c r="D26" s="218">
        <v>2</v>
      </c>
      <c r="E26" s="219">
        <v>4</v>
      </c>
      <c r="F26" s="220">
        <v>0</v>
      </c>
      <c r="G26" s="218">
        <v>94</v>
      </c>
      <c r="H26" s="218">
        <v>45</v>
      </c>
      <c r="I26" s="218">
        <v>27</v>
      </c>
      <c r="J26" s="218">
        <v>12</v>
      </c>
      <c r="K26" s="218">
        <v>4</v>
      </c>
      <c r="L26" s="219">
        <v>182</v>
      </c>
      <c r="M26" s="221">
        <v>186</v>
      </c>
      <c r="N26" s="222">
        <v>0</v>
      </c>
      <c r="O26" s="218">
        <v>0</v>
      </c>
      <c r="P26" s="219">
        <v>0</v>
      </c>
      <c r="Q26" s="220">
        <v>0</v>
      </c>
      <c r="R26" s="218">
        <v>1</v>
      </c>
      <c r="S26" s="218">
        <v>0</v>
      </c>
      <c r="T26" s="218">
        <v>2</v>
      </c>
      <c r="U26" s="218">
        <v>0</v>
      </c>
      <c r="V26" s="218">
        <v>0</v>
      </c>
      <c r="W26" s="219">
        <v>3</v>
      </c>
      <c r="X26" s="221">
        <v>3</v>
      </c>
      <c r="Y26" s="222">
        <v>2</v>
      </c>
      <c r="Z26" s="218">
        <v>2</v>
      </c>
      <c r="AA26" s="219">
        <v>4</v>
      </c>
      <c r="AB26" s="220">
        <v>0</v>
      </c>
      <c r="AC26" s="218">
        <v>95</v>
      </c>
      <c r="AD26" s="218">
        <v>45</v>
      </c>
      <c r="AE26" s="218">
        <v>29</v>
      </c>
      <c r="AF26" s="218">
        <v>12</v>
      </c>
      <c r="AG26" s="218">
        <v>4</v>
      </c>
      <c r="AH26" s="219">
        <v>185</v>
      </c>
      <c r="AI26" s="221">
        <v>189</v>
      </c>
    </row>
    <row r="27" spans="2:35" ht="21" customHeight="1" x14ac:dyDescent="0.2">
      <c r="B27" s="106" t="s">
        <v>26</v>
      </c>
      <c r="C27" s="217">
        <v>0</v>
      </c>
      <c r="D27" s="218">
        <v>0</v>
      </c>
      <c r="E27" s="219">
        <v>0</v>
      </c>
      <c r="F27" s="220">
        <v>0</v>
      </c>
      <c r="G27" s="218">
        <v>57</v>
      </c>
      <c r="H27" s="218">
        <v>66</v>
      </c>
      <c r="I27" s="218">
        <v>59</v>
      </c>
      <c r="J27" s="218">
        <v>21</v>
      </c>
      <c r="K27" s="218">
        <v>13</v>
      </c>
      <c r="L27" s="219">
        <v>216</v>
      </c>
      <c r="M27" s="221">
        <v>216</v>
      </c>
      <c r="N27" s="222">
        <v>0</v>
      </c>
      <c r="O27" s="218">
        <v>0</v>
      </c>
      <c r="P27" s="219">
        <v>0</v>
      </c>
      <c r="Q27" s="220">
        <v>0</v>
      </c>
      <c r="R27" s="218">
        <v>0</v>
      </c>
      <c r="S27" s="218">
        <v>0</v>
      </c>
      <c r="T27" s="218">
        <v>0</v>
      </c>
      <c r="U27" s="218">
        <v>0</v>
      </c>
      <c r="V27" s="218">
        <v>1</v>
      </c>
      <c r="W27" s="219">
        <v>1</v>
      </c>
      <c r="X27" s="221">
        <v>1</v>
      </c>
      <c r="Y27" s="222">
        <v>0</v>
      </c>
      <c r="Z27" s="218">
        <v>0</v>
      </c>
      <c r="AA27" s="219">
        <v>0</v>
      </c>
      <c r="AB27" s="220">
        <v>0</v>
      </c>
      <c r="AC27" s="218">
        <v>57</v>
      </c>
      <c r="AD27" s="218">
        <v>66</v>
      </c>
      <c r="AE27" s="218">
        <v>59</v>
      </c>
      <c r="AF27" s="218">
        <v>21</v>
      </c>
      <c r="AG27" s="218">
        <v>14</v>
      </c>
      <c r="AH27" s="219">
        <v>217</v>
      </c>
      <c r="AI27" s="221">
        <v>217</v>
      </c>
    </row>
    <row r="28" spans="2:35" ht="21" customHeight="1" x14ac:dyDescent="0.2">
      <c r="B28" s="106" t="s">
        <v>27</v>
      </c>
      <c r="C28" s="217">
        <v>0</v>
      </c>
      <c r="D28" s="218">
        <v>0</v>
      </c>
      <c r="E28" s="219">
        <v>0</v>
      </c>
      <c r="F28" s="220">
        <v>0</v>
      </c>
      <c r="G28" s="218">
        <v>53</v>
      </c>
      <c r="H28" s="218">
        <v>28</v>
      </c>
      <c r="I28" s="218">
        <v>28</v>
      </c>
      <c r="J28" s="218">
        <v>20</v>
      </c>
      <c r="K28" s="218">
        <v>13</v>
      </c>
      <c r="L28" s="219">
        <v>142</v>
      </c>
      <c r="M28" s="221">
        <v>142</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54</v>
      </c>
      <c r="AD28" s="218">
        <v>28</v>
      </c>
      <c r="AE28" s="218">
        <v>29</v>
      </c>
      <c r="AF28" s="218">
        <v>20</v>
      </c>
      <c r="AG28" s="218">
        <v>13</v>
      </c>
      <c r="AH28" s="219">
        <v>144</v>
      </c>
      <c r="AI28" s="221">
        <v>144</v>
      </c>
    </row>
    <row r="29" spans="2:35" ht="21" customHeight="1" x14ac:dyDescent="0.2">
      <c r="B29" s="106" t="s">
        <v>28</v>
      </c>
      <c r="C29" s="217">
        <v>0</v>
      </c>
      <c r="D29" s="218">
        <v>0</v>
      </c>
      <c r="E29" s="219">
        <v>0</v>
      </c>
      <c r="F29" s="220">
        <v>0</v>
      </c>
      <c r="G29" s="218">
        <v>33</v>
      </c>
      <c r="H29" s="218">
        <v>20</v>
      </c>
      <c r="I29" s="218">
        <v>6</v>
      </c>
      <c r="J29" s="218">
        <v>7</v>
      </c>
      <c r="K29" s="218">
        <v>4</v>
      </c>
      <c r="L29" s="219">
        <v>70</v>
      </c>
      <c r="M29" s="221">
        <v>70</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3</v>
      </c>
      <c r="AD29" s="218">
        <v>20</v>
      </c>
      <c r="AE29" s="218">
        <v>7</v>
      </c>
      <c r="AF29" s="218">
        <v>7</v>
      </c>
      <c r="AG29" s="218">
        <v>5</v>
      </c>
      <c r="AH29" s="219">
        <v>72</v>
      </c>
      <c r="AI29" s="221">
        <v>72</v>
      </c>
    </row>
    <row r="30" spans="2:35" ht="21" customHeight="1" x14ac:dyDescent="0.2">
      <c r="B30" s="106" t="s">
        <v>29</v>
      </c>
      <c r="C30" s="217">
        <v>0</v>
      </c>
      <c r="D30" s="218">
        <v>1</v>
      </c>
      <c r="E30" s="219">
        <v>1</v>
      </c>
      <c r="F30" s="220">
        <v>0</v>
      </c>
      <c r="G30" s="218">
        <v>27</v>
      </c>
      <c r="H30" s="218">
        <v>33</v>
      </c>
      <c r="I30" s="218">
        <v>37</v>
      </c>
      <c r="J30" s="218">
        <v>20</v>
      </c>
      <c r="K30" s="218">
        <v>8</v>
      </c>
      <c r="L30" s="219">
        <v>125</v>
      </c>
      <c r="M30" s="221">
        <v>126</v>
      </c>
      <c r="N30" s="222">
        <v>0</v>
      </c>
      <c r="O30" s="218">
        <v>0</v>
      </c>
      <c r="P30" s="219">
        <v>0</v>
      </c>
      <c r="Q30" s="220">
        <v>0</v>
      </c>
      <c r="R30" s="218">
        <v>1</v>
      </c>
      <c r="S30" s="218">
        <v>0</v>
      </c>
      <c r="T30" s="218">
        <v>0</v>
      </c>
      <c r="U30" s="218">
        <v>0</v>
      </c>
      <c r="V30" s="218">
        <v>0</v>
      </c>
      <c r="W30" s="219">
        <v>1</v>
      </c>
      <c r="X30" s="221">
        <v>1</v>
      </c>
      <c r="Y30" s="222">
        <v>0</v>
      </c>
      <c r="Z30" s="218">
        <v>1</v>
      </c>
      <c r="AA30" s="219">
        <v>1</v>
      </c>
      <c r="AB30" s="220">
        <v>0</v>
      </c>
      <c r="AC30" s="218">
        <v>28</v>
      </c>
      <c r="AD30" s="218">
        <v>33</v>
      </c>
      <c r="AE30" s="218">
        <v>37</v>
      </c>
      <c r="AF30" s="218">
        <v>20</v>
      </c>
      <c r="AG30" s="218">
        <v>8</v>
      </c>
      <c r="AH30" s="219">
        <v>126</v>
      </c>
      <c r="AI30" s="221">
        <v>127</v>
      </c>
    </row>
    <row r="31" spans="2:35" ht="21" customHeight="1" x14ac:dyDescent="0.2">
      <c r="B31" s="106" t="s">
        <v>30</v>
      </c>
      <c r="C31" s="217">
        <v>0</v>
      </c>
      <c r="D31" s="218">
        <v>0</v>
      </c>
      <c r="E31" s="219">
        <v>0</v>
      </c>
      <c r="F31" s="220">
        <v>0</v>
      </c>
      <c r="G31" s="218">
        <v>28</v>
      </c>
      <c r="H31" s="218">
        <v>16</v>
      </c>
      <c r="I31" s="218">
        <v>12</v>
      </c>
      <c r="J31" s="218">
        <v>13</v>
      </c>
      <c r="K31" s="218">
        <v>4</v>
      </c>
      <c r="L31" s="219">
        <v>73</v>
      </c>
      <c r="M31" s="221">
        <v>73</v>
      </c>
      <c r="N31" s="222">
        <v>0</v>
      </c>
      <c r="O31" s="218">
        <v>0</v>
      </c>
      <c r="P31" s="219">
        <v>0</v>
      </c>
      <c r="Q31" s="220">
        <v>0</v>
      </c>
      <c r="R31" s="218">
        <v>1</v>
      </c>
      <c r="S31" s="218">
        <v>0</v>
      </c>
      <c r="T31" s="218">
        <v>0</v>
      </c>
      <c r="U31" s="218">
        <v>0</v>
      </c>
      <c r="V31" s="218">
        <v>0</v>
      </c>
      <c r="W31" s="219">
        <v>1</v>
      </c>
      <c r="X31" s="221">
        <v>1</v>
      </c>
      <c r="Y31" s="222">
        <v>0</v>
      </c>
      <c r="Z31" s="218">
        <v>0</v>
      </c>
      <c r="AA31" s="219">
        <v>0</v>
      </c>
      <c r="AB31" s="220">
        <v>0</v>
      </c>
      <c r="AC31" s="218">
        <v>29</v>
      </c>
      <c r="AD31" s="218">
        <v>16</v>
      </c>
      <c r="AE31" s="218">
        <v>12</v>
      </c>
      <c r="AF31" s="218">
        <v>13</v>
      </c>
      <c r="AG31" s="218">
        <v>4</v>
      </c>
      <c r="AH31" s="219">
        <v>74</v>
      </c>
      <c r="AI31" s="221">
        <v>74</v>
      </c>
    </row>
    <row r="32" spans="2:35" ht="21" customHeight="1" x14ac:dyDescent="0.2">
      <c r="B32" s="106" t="s">
        <v>31</v>
      </c>
      <c r="C32" s="217">
        <v>0</v>
      </c>
      <c r="D32" s="218">
        <v>1</v>
      </c>
      <c r="E32" s="219">
        <v>1</v>
      </c>
      <c r="F32" s="220">
        <v>0</v>
      </c>
      <c r="G32" s="218">
        <v>43</v>
      </c>
      <c r="H32" s="218">
        <v>36</v>
      </c>
      <c r="I32" s="218">
        <v>22</v>
      </c>
      <c r="J32" s="218">
        <v>15</v>
      </c>
      <c r="K32" s="218">
        <v>5</v>
      </c>
      <c r="L32" s="219">
        <v>121</v>
      </c>
      <c r="M32" s="221">
        <v>122</v>
      </c>
      <c r="N32" s="222">
        <v>0</v>
      </c>
      <c r="O32" s="218">
        <v>0</v>
      </c>
      <c r="P32" s="219">
        <v>0</v>
      </c>
      <c r="Q32" s="220">
        <v>0</v>
      </c>
      <c r="R32" s="218">
        <v>0</v>
      </c>
      <c r="S32" s="218">
        <v>0</v>
      </c>
      <c r="T32" s="218">
        <v>0</v>
      </c>
      <c r="U32" s="218">
        <v>0</v>
      </c>
      <c r="V32" s="218">
        <v>0</v>
      </c>
      <c r="W32" s="219">
        <v>0</v>
      </c>
      <c r="X32" s="221">
        <v>0</v>
      </c>
      <c r="Y32" s="222">
        <v>0</v>
      </c>
      <c r="Z32" s="218">
        <v>1</v>
      </c>
      <c r="AA32" s="219">
        <v>1</v>
      </c>
      <c r="AB32" s="220">
        <v>0</v>
      </c>
      <c r="AC32" s="218">
        <v>43</v>
      </c>
      <c r="AD32" s="218">
        <v>36</v>
      </c>
      <c r="AE32" s="218">
        <v>22</v>
      </c>
      <c r="AF32" s="218">
        <v>15</v>
      </c>
      <c r="AG32" s="218">
        <v>5</v>
      </c>
      <c r="AH32" s="219">
        <v>121</v>
      </c>
      <c r="AI32" s="221">
        <v>122</v>
      </c>
    </row>
    <row r="33" spans="2:35" ht="21" customHeight="1" x14ac:dyDescent="0.2">
      <c r="B33" s="106" t="s">
        <v>32</v>
      </c>
      <c r="C33" s="217">
        <v>0</v>
      </c>
      <c r="D33" s="218">
        <v>4</v>
      </c>
      <c r="E33" s="219">
        <v>4</v>
      </c>
      <c r="F33" s="220">
        <v>0</v>
      </c>
      <c r="G33" s="218">
        <v>62</v>
      </c>
      <c r="H33" s="218">
        <v>38</v>
      </c>
      <c r="I33" s="218">
        <v>28</v>
      </c>
      <c r="J33" s="218">
        <v>20</v>
      </c>
      <c r="K33" s="218">
        <v>12</v>
      </c>
      <c r="L33" s="219">
        <v>160</v>
      </c>
      <c r="M33" s="221">
        <v>164</v>
      </c>
      <c r="N33" s="222">
        <v>0</v>
      </c>
      <c r="O33" s="218">
        <v>0</v>
      </c>
      <c r="P33" s="219">
        <v>0</v>
      </c>
      <c r="Q33" s="220">
        <v>0</v>
      </c>
      <c r="R33" s="218">
        <v>0</v>
      </c>
      <c r="S33" s="218">
        <v>1</v>
      </c>
      <c r="T33" s="218">
        <v>0</v>
      </c>
      <c r="U33" s="218">
        <v>0</v>
      </c>
      <c r="V33" s="218">
        <v>0</v>
      </c>
      <c r="W33" s="219">
        <v>1</v>
      </c>
      <c r="X33" s="221">
        <v>1</v>
      </c>
      <c r="Y33" s="222">
        <v>0</v>
      </c>
      <c r="Z33" s="218">
        <v>4</v>
      </c>
      <c r="AA33" s="219">
        <v>4</v>
      </c>
      <c r="AB33" s="220">
        <v>0</v>
      </c>
      <c r="AC33" s="218">
        <v>62</v>
      </c>
      <c r="AD33" s="218">
        <v>39</v>
      </c>
      <c r="AE33" s="218">
        <v>28</v>
      </c>
      <c r="AF33" s="218">
        <v>20</v>
      </c>
      <c r="AG33" s="218">
        <v>12</v>
      </c>
      <c r="AH33" s="219">
        <v>161</v>
      </c>
      <c r="AI33" s="221">
        <v>165</v>
      </c>
    </row>
    <row r="34" spans="2:35" ht="21" customHeight="1" x14ac:dyDescent="0.2">
      <c r="B34" s="106" t="s">
        <v>33</v>
      </c>
      <c r="C34" s="217">
        <v>0</v>
      </c>
      <c r="D34" s="218">
        <v>1</v>
      </c>
      <c r="E34" s="219">
        <v>1</v>
      </c>
      <c r="F34" s="220">
        <v>0</v>
      </c>
      <c r="G34" s="218">
        <v>30</v>
      </c>
      <c r="H34" s="218">
        <v>18</v>
      </c>
      <c r="I34" s="218">
        <v>17</v>
      </c>
      <c r="J34" s="218">
        <v>9</v>
      </c>
      <c r="K34" s="218">
        <v>6</v>
      </c>
      <c r="L34" s="219">
        <v>80</v>
      </c>
      <c r="M34" s="221">
        <v>81</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30</v>
      </c>
      <c r="AD34" s="218">
        <v>18</v>
      </c>
      <c r="AE34" s="218">
        <v>17</v>
      </c>
      <c r="AF34" s="218">
        <v>9</v>
      </c>
      <c r="AG34" s="218">
        <v>6</v>
      </c>
      <c r="AH34" s="219">
        <v>80</v>
      </c>
      <c r="AI34" s="221">
        <v>81</v>
      </c>
    </row>
    <row r="35" spans="2:35" ht="21" customHeight="1" x14ac:dyDescent="0.2">
      <c r="B35" s="106" t="s">
        <v>34</v>
      </c>
      <c r="C35" s="217">
        <v>1</v>
      </c>
      <c r="D35" s="218">
        <v>1</v>
      </c>
      <c r="E35" s="219">
        <v>2</v>
      </c>
      <c r="F35" s="220">
        <v>0</v>
      </c>
      <c r="G35" s="218">
        <v>28</v>
      </c>
      <c r="H35" s="218">
        <v>21</v>
      </c>
      <c r="I35" s="218">
        <v>11</v>
      </c>
      <c r="J35" s="218">
        <v>4</v>
      </c>
      <c r="K35" s="218">
        <v>3</v>
      </c>
      <c r="L35" s="219">
        <v>67</v>
      </c>
      <c r="M35" s="221">
        <v>69</v>
      </c>
      <c r="N35" s="222">
        <v>0</v>
      </c>
      <c r="O35" s="218">
        <v>0</v>
      </c>
      <c r="P35" s="219">
        <v>0</v>
      </c>
      <c r="Q35" s="220">
        <v>0</v>
      </c>
      <c r="R35" s="218">
        <v>0</v>
      </c>
      <c r="S35" s="218">
        <v>0</v>
      </c>
      <c r="T35" s="218">
        <v>0</v>
      </c>
      <c r="U35" s="218">
        <v>1</v>
      </c>
      <c r="V35" s="218">
        <v>0</v>
      </c>
      <c r="W35" s="219">
        <v>1</v>
      </c>
      <c r="X35" s="221">
        <v>1</v>
      </c>
      <c r="Y35" s="222">
        <v>1</v>
      </c>
      <c r="Z35" s="218">
        <v>1</v>
      </c>
      <c r="AA35" s="219">
        <v>2</v>
      </c>
      <c r="AB35" s="220">
        <v>0</v>
      </c>
      <c r="AC35" s="218">
        <v>28</v>
      </c>
      <c r="AD35" s="218">
        <v>21</v>
      </c>
      <c r="AE35" s="218">
        <v>11</v>
      </c>
      <c r="AF35" s="218">
        <v>5</v>
      </c>
      <c r="AG35" s="218">
        <v>3</v>
      </c>
      <c r="AH35" s="219">
        <v>68</v>
      </c>
      <c r="AI35" s="221">
        <v>70</v>
      </c>
    </row>
    <row r="36" spans="2:35" ht="21" customHeight="1" x14ac:dyDescent="0.2">
      <c r="B36" s="106" t="s">
        <v>35</v>
      </c>
      <c r="C36" s="217">
        <v>4</v>
      </c>
      <c r="D36" s="218">
        <v>2</v>
      </c>
      <c r="E36" s="219">
        <v>6</v>
      </c>
      <c r="F36" s="220">
        <v>0</v>
      </c>
      <c r="G36" s="218">
        <v>40</v>
      </c>
      <c r="H36" s="218">
        <v>32</v>
      </c>
      <c r="I36" s="218">
        <v>37</v>
      </c>
      <c r="J36" s="218">
        <v>25</v>
      </c>
      <c r="K36" s="218">
        <v>9</v>
      </c>
      <c r="L36" s="219">
        <v>143</v>
      </c>
      <c r="M36" s="221">
        <v>149</v>
      </c>
      <c r="N36" s="222">
        <v>0</v>
      </c>
      <c r="O36" s="218">
        <v>0</v>
      </c>
      <c r="P36" s="219">
        <v>0</v>
      </c>
      <c r="Q36" s="220">
        <v>0</v>
      </c>
      <c r="R36" s="218">
        <v>0</v>
      </c>
      <c r="S36" s="218">
        <v>1</v>
      </c>
      <c r="T36" s="218">
        <v>0</v>
      </c>
      <c r="U36" s="218">
        <v>0</v>
      </c>
      <c r="V36" s="218">
        <v>0</v>
      </c>
      <c r="W36" s="219">
        <v>1</v>
      </c>
      <c r="X36" s="221">
        <v>1</v>
      </c>
      <c r="Y36" s="222">
        <v>4</v>
      </c>
      <c r="Z36" s="218">
        <v>2</v>
      </c>
      <c r="AA36" s="219">
        <v>6</v>
      </c>
      <c r="AB36" s="220">
        <v>0</v>
      </c>
      <c r="AC36" s="218">
        <v>40</v>
      </c>
      <c r="AD36" s="218">
        <v>33</v>
      </c>
      <c r="AE36" s="218">
        <v>37</v>
      </c>
      <c r="AF36" s="218">
        <v>25</v>
      </c>
      <c r="AG36" s="218">
        <v>9</v>
      </c>
      <c r="AH36" s="219">
        <v>144</v>
      </c>
      <c r="AI36" s="221">
        <v>150</v>
      </c>
    </row>
    <row r="37" spans="2:35" ht="21" customHeight="1" x14ac:dyDescent="0.2">
      <c r="B37" s="106" t="s">
        <v>36</v>
      </c>
      <c r="C37" s="217">
        <v>0</v>
      </c>
      <c r="D37" s="218">
        <v>1</v>
      </c>
      <c r="E37" s="219">
        <v>1</v>
      </c>
      <c r="F37" s="220">
        <v>0</v>
      </c>
      <c r="G37" s="218">
        <v>95</v>
      </c>
      <c r="H37" s="218">
        <v>75</v>
      </c>
      <c r="I37" s="218">
        <v>53</v>
      </c>
      <c r="J37" s="218">
        <v>25</v>
      </c>
      <c r="K37" s="218">
        <v>21</v>
      </c>
      <c r="L37" s="219">
        <v>269</v>
      </c>
      <c r="M37" s="221">
        <v>270</v>
      </c>
      <c r="N37" s="222">
        <v>0</v>
      </c>
      <c r="O37" s="218">
        <v>0</v>
      </c>
      <c r="P37" s="219">
        <v>0</v>
      </c>
      <c r="Q37" s="220">
        <v>0</v>
      </c>
      <c r="R37" s="218">
        <v>0</v>
      </c>
      <c r="S37" s="218">
        <v>0</v>
      </c>
      <c r="T37" s="218">
        <v>1</v>
      </c>
      <c r="U37" s="218">
        <v>0</v>
      </c>
      <c r="V37" s="218">
        <v>2</v>
      </c>
      <c r="W37" s="219">
        <v>3</v>
      </c>
      <c r="X37" s="221">
        <v>3</v>
      </c>
      <c r="Y37" s="222">
        <v>0</v>
      </c>
      <c r="Z37" s="218">
        <v>1</v>
      </c>
      <c r="AA37" s="219">
        <v>1</v>
      </c>
      <c r="AB37" s="220">
        <v>0</v>
      </c>
      <c r="AC37" s="218">
        <v>95</v>
      </c>
      <c r="AD37" s="218">
        <v>75</v>
      </c>
      <c r="AE37" s="218">
        <v>54</v>
      </c>
      <c r="AF37" s="218">
        <v>25</v>
      </c>
      <c r="AG37" s="218">
        <v>23</v>
      </c>
      <c r="AH37" s="219">
        <v>272</v>
      </c>
      <c r="AI37" s="221">
        <v>273</v>
      </c>
    </row>
    <row r="38" spans="2:35" ht="21" customHeight="1" thickBot="1" x14ac:dyDescent="0.25">
      <c r="B38" s="108" t="s">
        <v>37</v>
      </c>
      <c r="C38" s="223">
        <v>0</v>
      </c>
      <c r="D38" s="224">
        <v>0</v>
      </c>
      <c r="E38" s="225">
        <v>0</v>
      </c>
      <c r="F38" s="226">
        <v>0</v>
      </c>
      <c r="G38" s="224">
        <v>15</v>
      </c>
      <c r="H38" s="224">
        <v>6</v>
      </c>
      <c r="I38" s="224">
        <v>9</v>
      </c>
      <c r="J38" s="224">
        <v>6</v>
      </c>
      <c r="K38" s="224">
        <v>4</v>
      </c>
      <c r="L38" s="225">
        <v>40</v>
      </c>
      <c r="M38" s="227">
        <v>40</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5</v>
      </c>
      <c r="AD38" s="224">
        <v>6</v>
      </c>
      <c r="AE38" s="224">
        <v>9</v>
      </c>
      <c r="AF38" s="224">
        <v>6</v>
      </c>
      <c r="AG38" s="224">
        <v>4</v>
      </c>
      <c r="AH38" s="225">
        <v>40</v>
      </c>
      <c r="AI38" s="227">
        <v>40</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6">
        <f>第１表!F2</f>
        <v>6</v>
      </c>
      <c r="J1" s="446"/>
      <c r="K1" s="18">
        <f>第１表!G2</f>
        <v>5</v>
      </c>
      <c r="L1" s="451">
        <f>IF(K1&lt;3,K1+12-2,K1-2)</f>
        <v>3</v>
      </c>
      <c r="M1" s="451"/>
    </row>
    <row r="2" spans="2:101" s="71" customFormat="1" ht="24" customHeight="1" thickBot="1" x14ac:dyDescent="0.25">
      <c r="B2" s="142" t="s">
        <v>130</v>
      </c>
    </row>
    <row r="3" spans="2:101" ht="21" customHeight="1" thickBot="1" x14ac:dyDescent="0.25">
      <c r="B3" s="482"/>
      <c r="C3" s="476" t="s">
        <v>113</v>
      </c>
      <c r="D3" s="477"/>
      <c r="E3" s="477"/>
      <c r="F3" s="477"/>
      <c r="G3" s="477"/>
      <c r="H3" s="477"/>
      <c r="I3" s="477"/>
      <c r="J3" s="477"/>
      <c r="K3" s="477"/>
      <c r="L3" s="477"/>
      <c r="M3" s="478"/>
      <c r="N3" s="476" t="s">
        <v>114</v>
      </c>
      <c r="O3" s="477"/>
      <c r="P3" s="477"/>
      <c r="Q3" s="477"/>
      <c r="R3" s="477"/>
      <c r="S3" s="477"/>
      <c r="T3" s="477"/>
      <c r="U3" s="477"/>
      <c r="V3" s="477"/>
      <c r="W3" s="477"/>
      <c r="X3" s="478"/>
      <c r="Y3" s="476" t="s">
        <v>139</v>
      </c>
      <c r="Z3" s="477"/>
      <c r="AA3" s="477"/>
      <c r="AB3" s="477"/>
      <c r="AC3" s="477"/>
      <c r="AD3" s="477"/>
      <c r="AE3" s="477"/>
      <c r="AF3" s="477"/>
      <c r="AG3" s="477"/>
      <c r="AH3" s="477"/>
      <c r="AI3" s="478"/>
      <c r="AJ3" s="476" t="s">
        <v>90</v>
      </c>
      <c r="AK3" s="477"/>
      <c r="AL3" s="477"/>
      <c r="AM3" s="477"/>
      <c r="AN3" s="477"/>
      <c r="AO3" s="477"/>
      <c r="AP3" s="477"/>
      <c r="AQ3" s="477"/>
      <c r="AR3" s="477"/>
      <c r="AS3" s="477"/>
      <c r="AT3" s="478"/>
      <c r="AU3" s="485" t="s">
        <v>89</v>
      </c>
      <c r="AV3" s="486"/>
      <c r="AW3" s="486"/>
      <c r="AX3" s="486"/>
      <c r="AY3" s="486"/>
      <c r="AZ3" s="486"/>
      <c r="BA3" s="486"/>
      <c r="BB3" s="486"/>
      <c r="BC3" s="486"/>
      <c r="BD3" s="486"/>
      <c r="BE3" s="487"/>
      <c r="BF3" s="485" t="s">
        <v>91</v>
      </c>
      <c r="BG3" s="486"/>
      <c r="BH3" s="486"/>
      <c r="BI3" s="486"/>
      <c r="BJ3" s="486"/>
      <c r="BK3" s="486"/>
      <c r="BL3" s="486"/>
      <c r="BM3" s="486"/>
      <c r="BN3" s="486"/>
      <c r="BO3" s="486"/>
      <c r="BP3" s="487"/>
      <c r="BQ3" s="485" t="s">
        <v>92</v>
      </c>
      <c r="BR3" s="486"/>
      <c r="BS3" s="486"/>
      <c r="BT3" s="486"/>
      <c r="BU3" s="486"/>
      <c r="BV3" s="486"/>
      <c r="BW3" s="486"/>
      <c r="BX3" s="486"/>
      <c r="BY3" s="486"/>
      <c r="BZ3" s="486"/>
      <c r="CA3" s="487"/>
      <c r="CB3" s="485" t="s">
        <v>93</v>
      </c>
      <c r="CC3" s="486"/>
      <c r="CD3" s="486"/>
      <c r="CE3" s="486"/>
      <c r="CF3" s="486"/>
      <c r="CG3" s="486"/>
      <c r="CH3" s="486"/>
      <c r="CI3" s="486"/>
      <c r="CJ3" s="486"/>
      <c r="CK3" s="486"/>
      <c r="CL3" s="487"/>
      <c r="CM3" s="486" t="s">
        <v>138</v>
      </c>
      <c r="CN3" s="486"/>
      <c r="CO3" s="486"/>
      <c r="CP3" s="486"/>
      <c r="CQ3" s="486"/>
      <c r="CR3" s="486"/>
      <c r="CS3" s="486"/>
      <c r="CT3" s="486"/>
      <c r="CU3" s="486"/>
      <c r="CV3" s="486"/>
      <c r="CW3" s="487"/>
    </row>
    <row r="4" spans="2:101" ht="21" customHeight="1" x14ac:dyDescent="0.2">
      <c r="B4" s="483"/>
      <c r="C4" s="469" t="s">
        <v>61</v>
      </c>
      <c r="D4" s="470"/>
      <c r="E4" s="471"/>
      <c r="F4" s="472" t="s">
        <v>62</v>
      </c>
      <c r="G4" s="470"/>
      <c r="H4" s="470"/>
      <c r="I4" s="470"/>
      <c r="J4" s="470"/>
      <c r="K4" s="470"/>
      <c r="L4" s="475"/>
      <c r="M4" s="473" t="s">
        <v>52</v>
      </c>
      <c r="N4" s="469" t="s">
        <v>61</v>
      </c>
      <c r="O4" s="470"/>
      <c r="P4" s="471"/>
      <c r="Q4" s="472" t="s">
        <v>62</v>
      </c>
      <c r="R4" s="470"/>
      <c r="S4" s="470"/>
      <c r="T4" s="470"/>
      <c r="U4" s="470"/>
      <c r="V4" s="470"/>
      <c r="W4" s="471"/>
      <c r="X4" s="473" t="s">
        <v>52</v>
      </c>
      <c r="Y4" s="469" t="s">
        <v>61</v>
      </c>
      <c r="Z4" s="470"/>
      <c r="AA4" s="471"/>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97" t="s">
        <v>61</v>
      </c>
      <c r="AV4" s="495"/>
      <c r="AW4" s="496"/>
      <c r="AX4" s="494" t="s">
        <v>62</v>
      </c>
      <c r="AY4" s="495"/>
      <c r="AZ4" s="495"/>
      <c r="BA4" s="495"/>
      <c r="BB4" s="495"/>
      <c r="BC4" s="495"/>
      <c r="BD4" s="496"/>
      <c r="BE4" s="498" t="s">
        <v>52</v>
      </c>
      <c r="BF4" s="497" t="s">
        <v>61</v>
      </c>
      <c r="BG4" s="495"/>
      <c r="BH4" s="496"/>
      <c r="BI4" s="494" t="s">
        <v>62</v>
      </c>
      <c r="BJ4" s="495"/>
      <c r="BK4" s="495"/>
      <c r="BL4" s="495"/>
      <c r="BM4" s="495"/>
      <c r="BN4" s="495"/>
      <c r="BO4" s="496"/>
      <c r="BP4" s="498" t="s">
        <v>52</v>
      </c>
      <c r="BQ4" s="497" t="s">
        <v>61</v>
      </c>
      <c r="BR4" s="495"/>
      <c r="BS4" s="496"/>
      <c r="BT4" s="494" t="s">
        <v>62</v>
      </c>
      <c r="BU4" s="495"/>
      <c r="BV4" s="495"/>
      <c r="BW4" s="495"/>
      <c r="BX4" s="495"/>
      <c r="BY4" s="495"/>
      <c r="BZ4" s="496"/>
      <c r="CA4" s="498" t="s">
        <v>52</v>
      </c>
      <c r="CB4" s="497" t="s">
        <v>61</v>
      </c>
      <c r="CC4" s="495"/>
      <c r="CD4" s="496"/>
      <c r="CE4" s="494" t="s">
        <v>62</v>
      </c>
      <c r="CF4" s="495"/>
      <c r="CG4" s="495"/>
      <c r="CH4" s="495"/>
      <c r="CI4" s="495"/>
      <c r="CJ4" s="495"/>
      <c r="CK4" s="496"/>
      <c r="CL4" s="498" t="s">
        <v>52</v>
      </c>
      <c r="CM4" s="497" t="s">
        <v>61</v>
      </c>
      <c r="CN4" s="495"/>
      <c r="CO4" s="496"/>
      <c r="CP4" s="494" t="s">
        <v>62</v>
      </c>
      <c r="CQ4" s="495"/>
      <c r="CR4" s="495"/>
      <c r="CS4" s="495"/>
      <c r="CT4" s="495"/>
      <c r="CU4" s="495"/>
      <c r="CV4" s="496"/>
      <c r="CW4" s="498" t="s">
        <v>52</v>
      </c>
    </row>
    <row r="5" spans="2:101" ht="30" customHeight="1" thickBot="1" x14ac:dyDescent="0.25">
      <c r="B5" s="484"/>
      <c r="C5" s="177" t="s">
        <v>43</v>
      </c>
      <c r="D5" s="182" t="s">
        <v>44</v>
      </c>
      <c r="E5" s="205" t="s">
        <v>45</v>
      </c>
      <c r="F5" s="180" t="s">
        <v>83</v>
      </c>
      <c r="G5" s="178" t="s">
        <v>47</v>
      </c>
      <c r="H5" s="178" t="s">
        <v>48</v>
      </c>
      <c r="I5" s="178" t="s">
        <v>49</v>
      </c>
      <c r="J5" s="178" t="s">
        <v>50</v>
      </c>
      <c r="K5" s="178" t="s">
        <v>51</v>
      </c>
      <c r="L5" s="181" t="s">
        <v>45</v>
      </c>
      <c r="M5" s="474"/>
      <c r="N5" s="177" t="s">
        <v>43</v>
      </c>
      <c r="O5" s="178" t="s">
        <v>44</v>
      </c>
      <c r="P5" s="182" t="s">
        <v>45</v>
      </c>
      <c r="Q5" s="180" t="s">
        <v>83</v>
      </c>
      <c r="R5" s="178" t="s">
        <v>47</v>
      </c>
      <c r="S5" s="178" t="s">
        <v>48</v>
      </c>
      <c r="T5" s="178" t="s">
        <v>49</v>
      </c>
      <c r="U5" s="178" t="s">
        <v>50</v>
      </c>
      <c r="V5" s="178" t="s">
        <v>51</v>
      </c>
      <c r="W5" s="182" t="s">
        <v>45</v>
      </c>
      <c r="X5" s="474"/>
      <c r="Y5" s="177" t="s">
        <v>43</v>
      </c>
      <c r="Z5" s="178" t="s">
        <v>44</v>
      </c>
      <c r="AA5" s="182"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2" t="s">
        <v>45</v>
      </c>
      <c r="AX5" s="180" t="s">
        <v>83</v>
      </c>
      <c r="AY5" s="178" t="s">
        <v>47</v>
      </c>
      <c r="AZ5" s="178" t="s">
        <v>48</v>
      </c>
      <c r="BA5" s="178" t="s">
        <v>49</v>
      </c>
      <c r="BB5" s="178" t="s">
        <v>50</v>
      </c>
      <c r="BC5" s="178" t="s">
        <v>51</v>
      </c>
      <c r="BD5" s="182" t="s">
        <v>45</v>
      </c>
      <c r="BE5" s="499"/>
      <c r="BF5" s="177" t="s">
        <v>43</v>
      </c>
      <c r="BG5" s="178" t="s">
        <v>44</v>
      </c>
      <c r="BH5" s="182" t="s">
        <v>45</v>
      </c>
      <c r="BI5" s="180" t="s">
        <v>83</v>
      </c>
      <c r="BJ5" s="178" t="s">
        <v>47</v>
      </c>
      <c r="BK5" s="178" t="s">
        <v>48</v>
      </c>
      <c r="BL5" s="178" t="s">
        <v>49</v>
      </c>
      <c r="BM5" s="178" t="s">
        <v>50</v>
      </c>
      <c r="BN5" s="178" t="s">
        <v>51</v>
      </c>
      <c r="BO5" s="182" t="s">
        <v>45</v>
      </c>
      <c r="BP5" s="499"/>
      <c r="BQ5" s="177" t="s">
        <v>43</v>
      </c>
      <c r="BR5" s="178" t="s">
        <v>44</v>
      </c>
      <c r="BS5" s="182" t="s">
        <v>45</v>
      </c>
      <c r="BT5" s="180" t="s">
        <v>83</v>
      </c>
      <c r="BU5" s="178" t="s">
        <v>47</v>
      </c>
      <c r="BV5" s="178" t="s">
        <v>48</v>
      </c>
      <c r="BW5" s="178" t="s">
        <v>49</v>
      </c>
      <c r="BX5" s="178" t="s">
        <v>50</v>
      </c>
      <c r="BY5" s="178" t="s">
        <v>51</v>
      </c>
      <c r="BZ5" s="182" t="s">
        <v>45</v>
      </c>
      <c r="CA5" s="499"/>
      <c r="CB5" s="177" t="s">
        <v>43</v>
      </c>
      <c r="CC5" s="178" t="s">
        <v>44</v>
      </c>
      <c r="CD5" s="182" t="s">
        <v>45</v>
      </c>
      <c r="CE5" s="180" t="s">
        <v>83</v>
      </c>
      <c r="CF5" s="178" t="s">
        <v>47</v>
      </c>
      <c r="CG5" s="178" t="s">
        <v>48</v>
      </c>
      <c r="CH5" s="178" t="s">
        <v>49</v>
      </c>
      <c r="CI5" s="178" t="s">
        <v>50</v>
      </c>
      <c r="CJ5" s="178" t="s">
        <v>51</v>
      </c>
      <c r="CK5" s="182" t="s">
        <v>45</v>
      </c>
      <c r="CL5" s="499"/>
      <c r="CM5" s="177" t="s">
        <v>43</v>
      </c>
      <c r="CN5" s="178" t="s">
        <v>44</v>
      </c>
      <c r="CO5" s="182" t="s">
        <v>45</v>
      </c>
      <c r="CP5" s="180" t="s">
        <v>83</v>
      </c>
      <c r="CQ5" s="178" t="s">
        <v>47</v>
      </c>
      <c r="CR5" s="178" t="s">
        <v>48</v>
      </c>
      <c r="CS5" s="178" t="s">
        <v>49</v>
      </c>
      <c r="CT5" s="178" t="s">
        <v>50</v>
      </c>
      <c r="CU5" s="178" t="s">
        <v>51</v>
      </c>
      <c r="CV5" s="182" t="s">
        <v>45</v>
      </c>
      <c r="CW5" s="499"/>
    </row>
    <row r="6" spans="2:101" ht="21" customHeight="1" x14ac:dyDescent="0.2">
      <c r="B6" s="84" t="s">
        <v>4</v>
      </c>
      <c r="C6" s="183">
        <v>0</v>
      </c>
      <c r="D6" s="189">
        <v>0</v>
      </c>
      <c r="E6" s="206">
        <v>0</v>
      </c>
      <c r="F6" s="186">
        <v>0</v>
      </c>
      <c r="G6" s="184">
        <v>296</v>
      </c>
      <c r="H6" s="184">
        <v>387</v>
      </c>
      <c r="I6" s="184">
        <v>340</v>
      </c>
      <c r="J6" s="184">
        <v>433</v>
      </c>
      <c r="K6" s="184">
        <v>366</v>
      </c>
      <c r="L6" s="187">
        <v>1822</v>
      </c>
      <c r="M6" s="188">
        <v>1822</v>
      </c>
      <c r="N6" s="183">
        <v>0</v>
      </c>
      <c r="O6" s="184">
        <v>0</v>
      </c>
      <c r="P6" s="189">
        <v>0</v>
      </c>
      <c r="Q6" s="186">
        <v>0</v>
      </c>
      <c r="R6" s="184">
        <v>195</v>
      </c>
      <c r="S6" s="184">
        <v>512</v>
      </c>
      <c r="T6" s="184">
        <v>441</v>
      </c>
      <c r="U6" s="184">
        <v>446</v>
      </c>
      <c r="V6" s="184">
        <v>415</v>
      </c>
      <c r="W6" s="189">
        <v>2009</v>
      </c>
      <c r="X6" s="188">
        <v>2009</v>
      </c>
      <c r="Y6" s="183">
        <v>0</v>
      </c>
      <c r="Z6" s="184">
        <v>0</v>
      </c>
      <c r="AA6" s="189">
        <v>0</v>
      </c>
      <c r="AB6" s="186">
        <v>0</v>
      </c>
      <c r="AC6" s="184">
        <v>13934</v>
      </c>
      <c r="AD6" s="184">
        <v>13180</v>
      </c>
      <c r="AE6" s="184">
        <v>6043</v>
      </c>
      <c r="AF6" s="184">
        <v>2852</v>
      </c>
      <c r="AG6" s="184">
        <v>1261</v>
      </c>
      <c r="AH6" s="189">
        <v>37270</v>
      </c>
      <c r="AI6" s="188">
        <v>37270</v>
      </c>
      <c r="AJ6" s="183">
        <v>6</v>
      </c>
      <c r="AK6" s="184">
        <v>8</v>
      </c>
      <c r="AL6" s="189">
        <v>14</v>
      </c>
      <c r="AM6" s="186">
        <v>0</v>
      </c>
      <c r="AN6" s="184">
        <v>777</v>
      </c>
      <c r="AO6" s="184">
        <v>945</v>
      </c>
      <c r="AP6" s="184">
        <v>1030</v>
      </c>
      <c r="AQ6" s="184">
        <v>576</v>
      </c>
      <c r="AR6" s="184">
        <v>423</v>
      </c>
      <c r="AS6" s="189">
        <v>3751</v>
      </c>
      <c r="AT6" s="188">
        <v>3765</v>
      </c>
      <c r="AU6" s="183">
        <v>170</v>
      </c>
      <c r="AV6" s="184">
        <v>280</v>
      </c>
      <c r="AW6" s="189">
        <v>450</v>
      </c>
      <c r="AX6" s="186">
        <v>0</v>
      </c>
      <c r="AY6" s="184">
        <v>1503</v>
      </c>
      <c r="AZ6" s="184">
        <v>1640</v>
      </c>
      <c r="BA6" s="184">
        <v>1316</v>
      </c>
      <c r="BB6" s="184">
        <v>915</v>
      </c>
      <c r="BC6" s="184">
        <v>530</v>
      </c>
      <c r="BD6" s="189">
        <v>5904</v>
      </c>
      <c r="BE6" s="188">
        <v>6354</v>
      </c>
      <c r="BF6" s="183">
        <v>0</v>
      </c>
      <c r="BG6" s="184">
        <v>35</v>
      </c>
      <c r="BH6" s="189">
        <v>35</v>
      </c>
      <c r="BI6" s="186">
        <v>0</v>
      </c>
      <c r="BJ6" s="184">
        <v>2530</v>
      </c>
      <c r="BK6" s="184">
        <v>3267</v>
      </c>
      <c r="BL6" s="184">
        <v>3701</v>
      </c>
      <c r="BM6" s="184">
        <v>2431</v>
      </c>
      <c r="BN6" s="184">
        <v>1552</v>
      </c>
      <c r="BO6" s="187">
        <v>13481</v>
      </c>
      <c r="BP6" s="188">
        <v>13516</v>
      </c>
      <c r="BQ6" s="183">
        <v>0</v>
      </c>
      <c r="BR6" s="184">
        <v>0</v>
      </c>
      <c r="BS6" s="189">
        <v>0</v>
      </c>
      <c r="BT6" s="186">
        <v>0</v>
      </c>
      <c r="BU6" s="184">
        <v>47</v>
      </c>
      <c r="BV6" s="184">
        <v>43</v>
      </c>
      <c r="BW6" s="184">
        <v>60</v>
      </c>
      <c r="BX6" s="184">
        <v>69</v>
      </c>
      <c r="BY6" s="184">
        <v>48</v>
      </c>
      <c r="BZ6" s="189">
        <v>267</v>
      </c>
      <c r="CA6" s="188">
        <v>267</v>
      </c>
      <c r="CB6" s="183">
        <v>0</v>
      </c>
      <c r="CC6" s="184">
        <v>0</v>
      </c>
      <c r="CD6" s="189">
        <v>0</v>
      </c>
      <c r="CE6" s="186">
        <v>0</v>
      </c>
      <c r="CF6" s="184">
        <v>6</v>
      </c>
      <c r="CG6" s="184">
        <v>32</v>
      </c>
      <c r="CH6" s="184">
        <v>206</v>
      </c>
      <c r="CI6" s="184">
        <v>350</v>
      </c>
      <c r="CJ6" s="184">
        <v>223</v>
      </c>
      <c r="CK6" s="189">
        <v>817</v>
      </c>
      <c r="CL6" s="188">
        <v>817</v>
      </c>
      <c r="CM6" s="183">
        <v>0</v>
      </c>
      <c r="CN6" s="184">
        <v>0</v>
      </c>
      <c r="CO6" s="189">
        <v>0</v>
      </c>
      <c r="CP6" s="186">
        <v>0</v>
      </c>
      <c r="CQ6" s="184">
        <v>197</v>
      </c>
      <c r="CR6" s="184">
        <v>313</v>
      </c>
      <c r="CS6" s="184">
        <v>281</v>
      </c>
      <c r="CT6" s="184">
        <v>380</v>
      </c>
      <c r="CU6" s="184">
        <v>440</v>
      </c>
      <c r="CV6" s="189">
        <v>1611</v>
      </c>
      <c r="CW6" s="188">
        <v>1611</v>
      </c>
    </row>
    <row r="7" spans="2:101" ht="21" customHeight="1" x14ac:dyDescent="0.2">
      <c r="B7" s="95" t="s">
        <v>5</v>
      </c>
      <c r="C7" s="190">
        <v>0</v>
      </c>
      <c r="D7" s="196">
        <v>0</v>
      </c>
      <c r="E7" s="207">
        <v>0</v>
      </c>
      <c r="F7" s="193">
        <v>0</v>
      </c>
      <c r="G7" s="191">
        <v>126</v>
      </c>
      <c r="H7" s="191">
        <v>170</v>
      </c>
      <c r="I7" s="191">
        <v>175</v>
      </c>
      <c r="J7" s="191">
        <v>209</v>
      </c>
      <c r="K7" s="191">
        <v>170</v>
      </c>
      <c r="L7" s="194">
        <v>850</v>
      </c>
      <c r="M7" s="195">
        <v>850</v>
      </c>
      <c r="N7" s="190">
        <v>0</v>
      </c>
      <c r="O7" s="191">
        <v>0</v>
      </c>
      <c r="P7" s="196">
        <v>0</v>
      </c>
      <c r="Q7" s="193">
        <v>0</v>
      </c>
      <c r="R7" s="191">
        <v>102</v>
      </c>
      <c r="S7" s="191">
        <v>370</v>
      </c>
      <c r="T7" s="191">
        <v>316</v>
      </c>
      <c r="U7" s="191">
        <v>333</v>
      </c>
      <c r="V7" s="191">
        <v>316</v>
      </c>
      <c r="W7" s="196">
        <v>1437</v>
      </c>
      <c r="X7" s="195">
        <v>1437</v>
      </c>
      <c r="Y7" s="190">
        <v>0</v>
      </c>
      <c r="Z7" s="191">
        <v>0</v>
      </c>
      <c r="AA7" s="196">
        <v>0</v>
      </c>
      <c r="AB7" s="193">
        <v>0</v>
      </c>
      <c r="AC7" s="191">
        <v>5024</v>
      </c>
      <c r="AD7" s="191">
        <v>6489</v>
      </c>
      <c r="AE7" s="191">
        <v>2819</v>
      </c>
      <c r="AF7" s="191">
        <v>1293</v>
      </c>
      <c r="AG7" s="191">
        <v>579</v>
      </c>
      <c r="AH7" s="196">
        <v>16204</v>
      </c>
      <c r="AI7" s="195">
        <v>16204</v>
      </c>
      <c r="AJ7" s="190">
        <v>3</v>
      </c>
      <c r="AK7" s="191">
        <v>2</v>
      </c>
      <c r="AL7" s="196">
        <v>5</v>
      </c>
      <c r="AM7" s="193">
        <v>0</v>
      </c>
      <c r="AN7" s="191">
        <v>395</v>
      </c>
      <c r="AO7" s="191">
        <v>498</v>
      </c>
      <c r="AP7" s="191">
        <v>525</v>
      </c>
      <c r="AQ7" s="191">
        <v>319</v>
      </c>
      <c r="AR7" s="191">
        <v>225</v>
      </c>
      <c r="AS7" s="196">
        <v>1962</v>
      </c>
      <c r="AT7" s="195">
        <v>1967</v>
      </c>
      <c r="AU7" s="190">
        <v>70</v>
      </c>
      <c r="AV7" s="191">
        <v>111</v>
      </c>
      <c r="AW7" s="196">
        <v>181</v>
      </c>
      <c r="AX7" s="193">
        <v>0</v>
      </c>
      <c r="AY7" s="191">
        <v>563</v>
      </c>
      <c r="AZ7" s="191">
        <v>728</v>
      </c>
      <c r="BA7" s="191">
        <v>528</v>
      </c>
      <c r="BB7" s="191">
        <v>419</v>
      </c>
      <c r="BC7" s="191">
        <v>255</v>
      </c>
      <c r="BD7" s="196">
        <v>2493</v>
      </c>
      <c r="BE7" s="195">
        <v>2674</v>
      </c>
      <c r="BF7" s="190">
        <v>0</v>
      </c>
      <c r="BG7" s="191">
        <v>17</v>
      </c>
      <c r="BH7" s="196">
        <v>17</v>
      </c>
      <c r="BI7" s="193">
        <v>0</v>
      </c>
      <c r="BJ7" s="191">
        <v>1133</v>
      </c>
      <c r="BK7" s="191">
        <v>1400</v>
      </c>
      <c r="BL7" s="191">
        <v>1567</v>
      </c>
      <c r="BM7" s="191">
        <v>1047</v>
      </c>
      <c r="BN7" s="191">
        <v>703</v>
      </c>
      <c r="BO7" s="194">
        <v>5850</v>
      </c>
      <c r="BP7" s="195">
        <v>5867</v>
      </c>
      <c r="BQ7" s="190">
        <v>0</v>
      </c>
      <c r="BR7" s="191">
        <v>0</v>
      </c>
      <c r="BS7" s="196">
        <v>0</v>
      </c>
      <c r="BT7" s="193">
        <v>0</v>
      </c>
      <c r="BU7" s="191">
        <v>0</v>
      </c>
      <c r="BV7" s="191">
        <v>2</v>
      </c>
      <c r="BW7" s="191">
        <v>5</v>
      </c>
      <c r="BX7" s="191">
        <v>1</v>
      </c>
      <c r="BY7" s="191">
        <v>4</v>
      </c>
      <c r="BZ7" s="196">
        <v>12</v>
      </c>
      <c r="CA7" s="195">
        <v>12</v>
      </c>
      <c r="CB7" s="190">
        <v>0</v>
      </c>
      <c r="CC7" s="191">
        <v>0</v>
      </c>
      <c r="CD7" s="196">
        <v>0</v>
      </c>
      <c r="CE7" s="193">
        <v>0</v>
      </c>
      <c r="CF7" s="191">
        <v>3</v>
      </c>
      <c r="CG7" s="191">
        <v>12</v>
      </c>
      <c r="CH7" s="191">
        <v>21</v>
      </c>
      <c r="CI7" s="191">
        <v>43</v>
      </c>
      <c r="CJ7" s="191">
        <v>37</v>
      </c>
      <c r="CK7" s="196">
        <v>116</v>
      </c>
      <c r="CL7" s="195">
        <v>116</v>
      </c>
      <c r="CM7" s="190">
        <v>0</v>
      </c>
      <c r="CN7" s="191">
        <v>0</v>
      </c>
      <c r="CO7" s="196">
        <v>0</v>
      </c>
      <c r="CP7" s="193">
        <v>0</v>
      </c>
      <c r="CQ7" s="191">
        <v>21</v>
      </c>
      <c r="CR7" s="191">
        <v>65</v>
      </c>
      <c r="CS7" s="191">
        <v>55</v>
      </c>
      <c r="CT7" s="191">
        <v>95</v>
      </c>
      <c r="CU7" s="191">
        <v>171</v>
      </c>
      <c r="CV7" s="196">
        <v>407</v>
      </c>
      <c r="CW7" s="195">
        <v>407</v>
      </c>
    </row>
    <row r="8" spans="2:101" ht="21" customHeight="1" x14ac:dyDescent="0.2">
      <c r="B8" s="106" t="s">
        <v>6</v>
      </c>
      <c r="C8" s="190">
        <v>0</v>
      </c>
      <c r="D8" s="196">
        <v>0</v>
      </c>
      <c r="E8" s="207">
        <v>0</v>
      </c>
      <c r="F8" s="193">
        <v>0</v>
      </c>
      <c r="G8" s="191">
        <v>64</v>
      </c>
      <c r="H8" s="191">
        <v>72</v>
      </c>
      <c r="I8" s="191">
        <v>62</v>
      </c>
      <c r="J8" s="191">
        <v>114</v>
      </c>
      <c r="K8" s="191">
        <v>104</v>
      </c>
      <c r="L8" s="194">
        <v>416</v>
      </c>
      <c r="M8" s="195">
        <v>416</v>
      </c>
      <c r="N8" s="190">
        <v>0</v>
      </c>
      <c r="O8" s="191">
        <v>0</v>
      </c>
      <c r="P8" s="196">
        <v>0</v>
      </c>
      <c r="Q8" s="193">
        <v>0</v>
      </c>
      <c r="R8" s="191">
        <v>67</v>
      </c>
      <c r="S8" s="191">
        <v>117</v>
      </c>
      <c r="T8" s="191">
        <v>100</v>
      </c>
      <c r="U8" s="191">
        <v>81</v>
      </c>
      <c r="V8" s="191">
        <v>86</v>
      </c>
      <c r="W8" s="196">
        <v>451</v>
      </c>
      <c r="X8" s="195">
        <v>451</v>
      </c>
      <c r="Y8" s="190">
        <v>0</v>
      </c>
      <c r="Z8" s="191">
        <v>0</v>
      </c>
      <c r="AA8" s="196">
        <v>0</v>
      </c>
      <c r="AB8" s="193">
        <v>0</v>
      </c>
      <c r="AC8" s="191">
        <v>1906</v>
      </c>
      <c r="AD8" s="191">
        <v>1394</v>
      </c>
      <c r="AE8" s="191">
        <v>714</v>
      </c>
      <c r="AF8" s="191">
        <v>408</v>
      </c>
      <c r="AG8" s="191">
        <v>202</v>
      </c>
      <c r="AH8" s="196">
        <v>4624</v>
      </c>
      <c r="AI8" s="195">
        <v>4624</v>
      </c>
      <c r="AJ8" s="190">
        <v>1</v>
      </c>
      <c r="AK8" s="191">
        <v>0</v>
      </c>
      <c r="AL8" s="196">
        <v>1</v>
      </c>
      <c r="AM8" s="193">
        <v>0</v>
      </c>
      <c r="AN8" s="191">
        <v>158</v>
      </c>
      <c r="AO8" s="191">
        <v>213</v>
      </c>
      <c r="AP8" s="191">
        <v>235</v>
      </c>
      <c r="AQ8" s="191">
        <v>122</v>
      </c>
      <c r="AR8" s="191">
        <v>107</v>
      </c>
      <c r="AS8" s="196">
        <v>835</v>
      </c>
      <c r="AT8" s="195">
        <v>836</v>
      </c>
      <c r="AU8" s="190">
        <v>21</v>
      </c>
      <c r="AV8" s="191">
        <v>40</v>
      </c>
      <c r="AW8" s="196">
        <v>61</v>
      </c>
      <c r="AX8" s="193">
        <v>0</v>
      </c>
      <c r="AY8" s="191">
        <v>262</v>
      </c>
      <c r="AZ8" s="191">
        <v>233</v>
      </c>
      <c r="BA8" s="191">
        <v>187</v>
      </c>
      <c r="BB8" s="191">
        <v>115</v>
      </c>
      <c r="BC8" s="191">
        <v>67</v>
      </c>
      <c r="BD8" s="196">
        <v>864</v>
      </c>
      <c r="BE8" s="195">
        <v>925</v>
      </c>
      <c r="BF8" s="190">
        <v>0</v>
      </c>
      <c r="BG8" s="191">
        <v>4</v>
      </c>
      <c r="BH8" s="196">
        <v>4</v>
      </c>
      <c r="BI8" s="193">
        <v>0</v>
      </c>
      <c r="BJ8" s="191">
        <v>471</v>
      </c>
      <c r="BK8" s="191">
        <v>588</v>
      </c>
      <c r="BL8" s="191">
        <v>573</v>
      </c>
      <c r="BM8" s="191">
        <v>391</v>
      </c>
      <c r="BN8" s="191">
        <v>258</v>
      </c>
      <c r="BO8" s="194">
        <v>2281</v>
      </c>
      <c r="BP8" s="195">
        <v>2285</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11</v>
      </c>
      <c r="CH8" s="191">
        <v>66</v>
      </c>
      <c r="CI8" s="191">
        <v>96</v>
      </c>
      <c r="CJ8" s="191">
        <v>66</v>
      </c>
      <c r="CK8" s="196">
        <v>241</v>
      </c>
      <c r="CL8" s="195">
        <v>241</v>
      </c>
      <c r="CM8" s="190">
        <v>0</v>
      </c>
      <c r="CN8" s="191">
        <v>0</v>
      </c>
      <c r="CO8" s="196">
        <v>0</v>
      </c>
      <c r="CP8" s="193">
        <v>0</v>
      </c>
      <c r="CQ8" s="191">
        <v>68</v>
      </c>
      <c r="CR8" s="191">
        <v>97</v>
      </c>
      <c r="CS8" s="191">
        <v>69</v>
      </c>
      <c r="CT8" s="191">
        <v>84</v>
      </c>
      <c r="CU8" s="191">
        <v>106</v>
      </c>
      <c r="CV8" s="196">
        <v>424</v>
      </c>
      <c r="CW8" s="195">
        <v>424</v>
      </c>
    </row>
    <row r="9" spans="2:101" ht="21" customHeight="1" x14ac:dyDescent="0.2">
      <c r="B9" s="106" t="s">
        <v>14</v>
      </c>
      <c r="C9" s="190">
        <v>0</v>
      </c>
      <c r="D9" s="196">
        <v>0</v>
      </c>
      <c r="E9" s="207">
        <v>0</v>
      </c>
      <c r="F9" s="193">
        <v>0</v>
      </c>
      <c r="G9" s="191">
        <v>22</v>
      </c>
      <c r="H9" s="191">
        <v>40</v>
      </c>
      <c r="I9" s="191">
        <v>28</v>
      </c>
      <c r="J9" s="191">
        <v>33</v>
      </c>
      <c r="K9" s="191">
        <v>30</v>
      </c>
      <c r="L9" s="194">
        <v>153</v>
      </c>
      <c r="M9" s="195">
        <v>153</v>
      </c>
      <c r="N9" s="190">
        <v>0</v>
      </c>
      <c r="O9" s="191">
        <v>0</v>
      </c>
      <c r="P9" s="196">
        <v>0</v>
      </c>
      <c r="Q9" s="193">
        <v>0</v>
      </c>
      <c r="R9" s="191">
        <v>0</v>
      </c>
      <c r="S9" s="191">
        <v>0</v>
      </c>
      <c r="T9" s="191">
        <v>0</v>
      </c>
      <c r="U9" s="191">
        <v>0</v>
      </c>
      <c r="V9" s="191">
        <v>0</v>
      </c>
      <c r="W9" s="196">
        <v>0</v>
      </c>
      <c r="X9" s="195">
        <v>0</v>
      </c>
      <c r="Y9" s="190">
        <v>0</v>
      </c>
      <c r="Z9" s="191">
        <v>0</v>
      </c>
      <c r="AA9" s="196">
        <v>0</v>
      </c>
      <c r="AB9" s="193">
        <v>0</v>
      </c>
      <c r="AC9" s="191">
        <v>1102</v>
      </c>
      <c r="AD9" s="191">
        <v>1186</v>
      </c>
      <c r="AE9" s="191">
        <v>543</v>
      </c>
      <c r="AF9" s="191">
        <v>246</v>
      </c>
      <c r="AG9" s="191">
        <v>108</v>
      </c>
      <c r="AH9" s="196">
        <v>3185</v>
      </c>
      <c r="AI9" s="195">
        <v>3185</v>
      </c>
      <c r="AJ9" s="190">
        <v>0</v>
      </c>
      <c r="AK9" s="191">
        <v>0</v>
      </c>
      <c r="AL9" s="196">
        <v>0</v>
      </c>
      <c r="AM9" s="193">
        <v>0</v>
      </c>
      <c r="AN9" s="191">
        <v>17</v>
      </c>
      <c r="AO9" s="191">
        <v>26</v>
      </c>
      <c r="AP9" s="191">
        <v>34</v>
      </c>
      <c r="AQ9" s="191">
        <v>19</v>
      </c>
      <c r="AR9" s="191">
        <v>15</v>
      </c>
      <c r="AS9" s="196">
        <v>111</v>
      </c>
      <c r="AT9" s="195">
        <v>111</v>
      </c>
      <c r="AU9" s="190">
        <v>19</v>
      </c>
      <c r="AV9" s="191">
        <v>24</v>
      </c>
      <c r="AW9" s="196">
        <v>43</v>
      </c>
      <c r="AX9" s="193">
        <v>0</v>
      </c>
      <c r="AY9" s="191">
        <v>123</v>
      </c>
      <c r="AZ9" s="191">
        <v>149</v>
      </c>
      <c r="BA9" s="191">
        <v>122</v>
      </c>
      <c r="BB9" s="191">
        <v>82</v>
      </c>
      <c r="BC9" s="191">
        <v>34</v>
      </c>
      <c r="BD9" s="196">
        <v>510</v>
      </c>
      <c r="BE9" s="195">
        <v>553</v>
      </c>
      <c r="BF9" s="190">
        <v>0</v>
      </c>
      <c r="BG9" s="191">
        <v>2</v>
      </c>
      <c r="BH9" s="196">
        <v>2</v>
      </c>
      <c r="BI9" s="193">
        <v>0</v>
      </c>
      <c r="BJ9" s="191">
        <v>194</v>
      </c>
      <c r="BK9" s="191">
        <v>284</v>
      </c>
      <c r="BL9" s="191">
        <v>411</v>
      </c>
      <c r="BM9" s="191">
        <v>207</v>
      </c>
      <c r="BN9" s="191">
        <v>126</v>
      </c>
      <c r="BO9" s="194">
        <v>1222</v>
      </c>
      <c r="BP9" s="195">
        <v>1224</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0</v>
      </c>
      <c r="CI9" s="191">
        <v>31</v>
      </c>
      <c r="CJ9" s="191">
        <v>12</v>
      </c>
      <c r="CK9" s="196">
        <v>53</v>
      </c>
      <c r="CL9" s="195">
        <v>53</v>
      </c>
      <c r="CM9" s="190">
        <v>0</v>
      </c>
      <c r="CN9" s="191">
        <v>0</v>
      </c>
      <c r="CO9" s="196">
        <v>0</v>
      </c>
      <c r="CP9" s="193">
        <v>0</v>
      </c>
      <c r="CQ9" s="191">
        <v>14</v>
      </c>
      <c r="CR9" s="191">
        <v>24</v>
      </c>
      <c r="CS9" s="191">
        <v>32</v>
      </c>
      <c r="CT9" s="191">
        <v>45</v>
      </c>
      <c r="CU9" s="191">
        <v>30</v>
      </c>
      <c r="CV9" s="196">
        <v>145</v>
      </c>
      <c r="CW9" s="195">
        <v>145</v>
      </c>
    </row>
    <row r="10" spans="2:101" ht="21" customHeight="1" x14ac:dyDescent="0.2">
      <c r="B10" s="106" t="s">
        <v>7</v>
      </c>
      <c r="C10" s="190">
        <v>0</v>
      </c>
      <c r="D10" s="196">
        <v>0</v>
      </c>
      <c r="E10" s="207">
        <v>0</v>
      </c>
      <c r="F10" s="193">
        <v>0</v>
      </c>
      <c r="G10" s="191">
        <v>7</v>
      </c>
      <c r="H10" s="191">
        <v>10</v>
      </c>
      <c r="I10" s="191">
        <v>7</v>
      </c>
      <c r="J10" s="191">
        <v>7</v>
      </c>
      <c r="K10" s="191">
        <v>3</v>
      </c>
      <c r="L10" s="194">
        <v>34</v>
      </c>
      <c r="M10" s="195">
        <v>34</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148</v>
      </c>
      <c r="AD10" s="191">
        <v>680</v>
      </c>
      <c r="AE10" s="191">
        <v>258</v>
      </c>
      <c r="AF10" s="191">
        <v>106</v>
      </c>
      <c r="AG10" s="191">
        <v>54</v>
      </c>
      <c r="AH10" s="196">
        <v>2246</v>
      </c>
      <c r="AI10" s="195">
        <v>2246</v>
      </c>
      <c r="AJ10" s="190">
        <v>0</v>
      </c>
      <c r="AK10" s="191">
        <v>1</v>
      </c>
      <c r="AL10" s="196">
        <v>1</v>
      </c>
      <c r="AM10" s="193">
        <v>0</v>
      </c>
      <c r="AN10" s="191">
        <v>89</v>
      </c>
      <c r="AO10" s="191">
        <v>78</v>
      </c>
      <c r="AP10" s="191">
        <v>85</v>
      </c>
      <c r="AQ10" s="191">
        <v>39</v>
      </c>
      <c r="AR10" s="191">
        <v>19</v>
      </c>
      <c r="AS10" s="196">
        <v>310</v>
      </c>
      <c r="AT10" s="195">
        <v>311</v>
      </c>
      <c r="AU10" s="190">
        <v>3</v>
      </c>
      <c r="AV10" s="191">
        <v>3</v>
      </c>
      <c r="AW10" s="196">
        <v>6</v>
      </c>
      <c r="AX10" s="193">
        <v>0</v>
      </c>
      <c r="AY10" s="191">
        <v>46</v>
      </c>
      <c r="AZ10" s="191">
        <v>39</v>
      </c>
      <c r="BA10" s="191">
        <v>34</v>
      </c>
      <c r="BB10" s="191">
        <v>17</v>
      </c>
      <c r="BC10" s="191">
        <v>11</v>
      </c>
      <c r="BD10" s="196">
        <v>147</v>
      </c>
      <c r="BE10" s="195">
        <v>153</v>
      </c>
      <c r="BF10" s="190">
        <v>0</v>
      </c>
      <c r="BG10" s="191">
        <v>0</v>
      </c>
      <c r="BH10" s="196">
        <v>0</v>
      </c>
      <c r="BI10" s="193">
        <v>0</v>
      </c>
      <c r="BJ10" s="191">
        <v>124</v>
      </c>
      <c r="BK10" s="191">
        <v>149</v>
      </c>
      <c r="BL10" s="191">
        <v>154</v>
      </c>
      <c r="BM10" s="191">
        <v>126</v>
      </c>
      <c r="BN10" s="191">
        <v>65</v>
      </c>
      <c r="BO10" s="194">
        <v>618</v>
      </c>
      <c r="BP10" s="195">
        <v>61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6</v>
      </c>
      <c r="CR10" s="191">
        <v>11</v>
      </c>
      <c r="CS10" s="191">
        <v>11</v>
      </c>
      <c r="CT10" s="191">
        <v>13</v>
      </c>
      <c r="CU10" s="191">
        <v>19</v>
      </c>
      <c r="CV10" s="196">
        <v>70</v>
      </c>
      <c r="CW10" s="195">
        <v>70</v>
      </c>
    </row>
    <row r="11" spans="2:101" ht="21" customHeight="1" x14ac:dyDescent="0.2">
      <c r="B11" s="106" t="s">
        <v>8</v>
      </c>
      <c r="C11" s="190">
        <v>0</v>
      </c>
      <c r="D11" s="196">
        <v>0</v>
      </c>
      <c r="E11" s="207">
        <v>0</v>
      </c>
      <c r="F11" s="193">
        <v>0</v>
      </c>
      <c r="G11" s="191">
        <v>5</v>
      </c>
      <c r="H11" s="191">
        <v>3</v>
      </c>
      <c r="I11" s="191">
        <v>4</v>
      </c>
      <c r="J11" s="191">
        <v>4</v>
      </c>
      <c r="K11" s="191">
        <v>2</v>
      </c>
      <c r="L11" s="194">
        <v>18</v>
      </c>
      <c r="M11" s="195">
        <v>18</v>
      </c>
      <c r="N11" s="190">
        <v>0</v>
      </c>
      <c r="O11" s="191">
        <v>0</v>
      </c>
      <c r="P11" s="196">
        <v>0</v>
      </c>
      <c r="Q11" s="193">
        <v>0</v>
      </c>
      <c r="R11" s="191">
        <v>2</v>
      </c>
      <c r="S11" s="191">
        <v>3</v>
      </c>
      <c r="T11" s="191">
        <v>0</v>
      </c>
      <c r="U11" s="191">
        <v>1</v>
      </c>
      <c r="V11" s="191">
        <v>2</v>
      </c>
      <c r="W11" s="196">
        <v>8</v>
      </c>
      <c r="X11" s="195">
        <v>8</v>
      </c>
      <c r="Y11" s="190">
        <v>0</v>
      </c>
      <c r="Z11" s="191">
        <v>0</v>
      </c>
      <c r="AA11" s="196">
        <v>0</v>
      </c>
      <c r="AB11" s="193">
        <v>0</v>
      </c>
      <c r="AC11" s="191">
        <v>620</v>
      </c>
      <c r="AD11" s="191">
        <v>555</v>
      </c>
      <c r="AE11" s="191">
        <v>235</v>
      </c>
      <c r="AF11" s="191">
        <v>105</v>
      </c>
      <c r="AG11" s="191">
        <v>54</v>
      </c>
      <c r="AH11" s="196">
        <v>1569</v>
      </c>
      <c r="AI11" s="195">
        <v>1569</v>
      </c>
      <c r="AJ11" s="190">
        <v>0</v>
      </c>
      <c r="AK11" s="191">
        <v>0</v>
      </c>
      <c r="AL11" s="196">
        <v>0</v>
      </c>
      <c r="AM11" s="193">
        <v>0</v>
      </c>
      <c r="AN11" s="191">
        <v>6</v>
      </c>
      <c r="AO11" s="191">
        <v>11</v>
      </c>
      <c r="AP11" s="191">
        <v>7</v>
      </c>
      <c r="AQ11" s="191">
        <v>11</v>
      </c>
      <c r="AR11" s="191">
        <v>5</v>
      </c>
      <c r="AS11" s="196">
        <v>40</v>
      </c>
      <c r="AT11" s="195">
        <v>40</v>
      </c>
      <c r="AU11" s="190">
        <v>10</v>
      </c>
      <c r="AV11" s="191">
        <v>13</v>
      </c>
      <c r="AW11" s="196">
        <v>23</v>
      </c>
      <c r="AX11" s="193">
        <v>0</v>
      </c>
      <c r="AY11" s="191">
        <v>67</v>
      </c>
      <c r="AZ11" s="191">
        <v>49</v>
      </c>
      <c r="BA11" s="191">
        <v>43</v>
      </c>
      <c r="BB11" s="191">
        <v>25</v>
      </c>
      <c r="BC11" s="191">
        <v>12</v>
      </c>
      <c r="BD11" s="196">
        <v>196</v>
      </c>
      <c r="BE11" s="195">
        <v>219</v>
      </c>
      <c r="BF11" s="190">
        <v>0</v>
      </c>
      <c r="BG11" s="191">
        <v>0</v>
      </c>
      <c r="BH11" s="196">
        <v>0</v>
      </c>
      <c r="BI11" s="193">
        <v>0</v>
      </c>
      <c r="BJ11" s="191">
        <v>61</v>
      </c>
      <c r="BK11" s="191">
        <v>65</v>
      </c>
      <c r="BL11" s="191">
        <v>85</v>
      </c>
      <c r="BM11" s="191">
        <v>66</v>
      </c>
      <c r="BN11" s="191">
        <v>35</v>
      </c>
      <c r="BO11" s="194">
        <v>312</v>
      </c>
      <c r="BP11" s="195">
        <v>312</v>
      </c>
      <c r="BQ11" s="190">
        <v>0</v>
      </c>
      <c r="BR11" s="191">
        <v>0</v>
      </c>
      <c r="BS11" s="196">
        <v>0</v>
      </c>
      <c r="BT11" s="193">
        <v>0</v>
      </c>
      <c r="BU11" s="191">
        <v>3</v>
      </c>
      <c r="BV11" s="191">
        <v>6</v>
      </c>
      <c r="BW11" s="191">
        <v>14</v>
      </c>
      <c r="BX11" s="191">
        <v>12</v>
      </c>
      <c r="BY11" s="191">
        <v>8</v>
      </c>
      <c r="BZ11" s="196">
        <v>43</v>
      </c>
      <c r="CA11" s="195">
        <v>43</v>
      </c>
      <c r="CB11" s="190">
        <v>0</v>
      </c>
      <c r="CC11" s="191">
        <v>0</v>
      </c>
      <c r="CD11" s="196">
        <v>0</v>
      </c>
      <c r="CE11" s="193">
        <v>0</v>
      </c>
      <c r="CF11" s="191">
        <v>0</v>
      </c>
      <c r="CG11" s="191">
        <v>1</v>
      </c>
      <c r="CH11" s="191">
        <v>11</v>
      </c>
      <c r="CI11" s="191">
        <v>24</v>
      </c>
      <c r="CJ11" s="191">
        <v>6</v>
      </c>
      <c r="CK11" s="196">
        <v>42</v>
      </c>
      <c r="CL11" s="195">
        <v>42</v>
      </c>
      <c r="CM11" s="190">
        <v>0</v>
      </c>
      <c r="CN11" s="191">
        <v>0</v>
      </c>
      <c r="CO11" s="196">
        <v>0</v>
      </c>
      <c r="CP11" s="193">
        <v>0</v>
      </c>
      <c r="CQ11" s="191">
        <v>12</v>
      </c>
      <c r="CR11" s="191">
        <v>14</v>
      </c>
      <c r="CS11" s="191">
        <v>19</v>
      </c>
      <c r="CT11" s="191">
        <v>12</v>
      </c>
      <c r="CU11" s="191">
        <v>8</v>
      </c>
      <c r="CV11" s="196">
        <v>65</v>
      </c>
      <c r="CW11" s="195">
        <v>65</v>
      </c>
    </row>
    <row r="12" spans="2:101" ht="21" customHeight="1" x14ac:dyDescent="0.2">
      <c r="B12" s="106" t="s">
        <v>9</v>
      </c>
      <c r="C12" s="190">
        <v>0</v>
      </c>
      <c r="D12" s="196">
        <v>0</v>
      </c>
      <c r="E12" s="207">
        <v>0</v>
      </c>
      <c r="F12" s="193">
        <v>0</v>
      </c>
      <c r="G12" s="191">
        <v>0</v>
      </c>
      <c r="H12" s="191">
        <v>4</v>
      </c>
      <c r="I12" s="191">
        <v>5</v>
      </c>
      <c r="J12" s="191">
        <v>9</v>
      </c>
      <c r="K12" s="191">
        <v>5</v>
      </c>
      <c r="L12" s="194">
        <v>23</v>
      </c>
      <c r="M12" s="195">
        <v>2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71</v>
      </c>
      <c r="AD12" s="191">
        <v>270</v>
      </c>
      <c r="AE12" s="191">
        <v>156</v>
      </c>
      <c r="AF12" s="191">
        <v>95</v>
      </c>
      <c r="AG12" s="191">
        <v>34</v>
      </c>
      <c r="AH12" s="196">
        <v>1026</v>
      </c>
      <c r="AI12" s="195">
        <v>1026</v>
      </c>
      <c r="AJ12" s="190">
        <v>0</v>
      </c>
      <c r="AK12" s="191">
        <v>0</v>
      </c>
      <c r="AL12" s="196">
        <v>0</v>
      </c>
      <c r="AM12" s="193">
        <v>0</v>
      </c>
      <c r="AN12" s="191">
        <v>6</v>
      </c>
      <c r="AO12" s="191">
        <v>7</v>
      </c>
      <c r="AP12" s="191">
        <v>9</v>
      </c>
      <c r="AQ12" s="191">
        <v>0</v>
      </c>
      <c r="AR12" s="191">
        <v>7</v>
      </c>
      <c r="AS12" s="196">
        <v>29</v>
      </c>
      <c r="AT12" s="195">
        <v>29</v>
      </c>
      <c r="AU12" s="190">
        <v>5</v>
      </c>
      <c r="AV12" s="191">
        <v>5</v>
      </c>
      <c r="AW12" s="196">
        <v>10</v>
      </c>
      <c r="AX12" s="193">
        <v>0</v>
      </c>
      <c r="AY12" s="191">
        <v>24</v>
      </c>
      <c r="AZ12" s="191">
        <v>22</v>
      </c>
      <c r="BA12" s="191">
        <v>18</v>
      </c>
      <c r="BB12" s="191">
        <v>23</v>
      </c>
      <c r="BC12" s="191">
        <v>11</v>
      </c>
      <c r="BD12" s="196">
        <v>98</v>
      </c>
      <c r="BE12" s="195">
        <v>108</v>
      </c>
      <c r="BF12" s="190">
        <v>0</v>
      </c>
      <c r="BG12" s="191">
        <v>0</v>
      </c>
      <c r="BH12" s="196">
        <v>0</v>
      </c>
      <c r="BI12" s="193">
        <v>0</v>
      </c>
      <c r="BJ12" s="191">
        <v>32</v>
      </c>
      <c r="BK12" s="191">
        <v>69</v>
      </c>
      <c r="BL12" s="191">
        <v>83</v>
      </c>
      <c r="BM12" s="191">
        <v>65</v>
      </c>
      <c r="BN12" s="191">
        <v>29</v>
      </c>
      <c r="BO12" s="194">
        <v>278</v>
      </c>
      <c r="BP12" s="195">
        <v>278</v>
      </c>
      <c r="BQ12" s="190">
        <v>0</v>
      </c>
      <c r="BR12" s="191">
        <v>0</v>
      </c>
      <c r="BS12" s="196">
        <v>0</v>
      </c>
      <c r="BT12" s="193">
        <v>0</v>
      </c>
      <c r="BU12" s="191">
        <v>2</v>
      </c>
      <c r="BV12" s="191">
        <v>3</v>
      </c>
      <c r="BW12" s="191">
        <v>6</v>
      </c>
      <c r="BX12" s="191">
        <v>7</v>
      </c>
      <c r="BY12" s="191">
        <v>4</v>
      </c>
      <c r="BZ12" s="196">
        <v>22</v>
      </c>
      <c r="CA12" s="195">
        <v>22</v>
      </c>
      <c r="CB12" s="190">
        <v>0</v>
      </c>
      <c r="CC12" s="191">
        <v>0</v>
      </c>
      <c r="CD12" s="196">
        <v>0</v>
      </c>
      <c r="CE12" s="193">
        <v>0</v>
      </c>
      <c r="CF12" s="191">
        <v>0</v>
      </c>
      <c r="CG12" s="191">
        <v>0</v>
      </c>
      <c r="CH12" s="191">
        <v>0</v>
      </c>
      <c r="CI12" s="191">
        <v>1</v>
      </c>
      <c r="CJ12" s="191">
        <v>0</v>
      </c>
      <c r="CK12" s="196">
        <v>1</v>
      </c>
      <c r="CL12" s="195">
        <v>1</v>
      </c>
      <c r="CM12" s="190">
        <v>0</v>
      </c>
      <c r="CN12" s="191">
        <v>0</v>
      </c>
      <c r="CO12" s="196">
        <v>0</v>
      </c>
      <c r="CP12" s="193">
        <v>0</v>
      </c>
      <c r="CQ12" s="191">
        <v>1</v>
      </c>
      <c r="CR12" s="191">
        <v>2</v>
      </c>
      <c r="CS12" s="191">
        <v>3</v>
      </c>
      <c r="CT12" s="191">
        <v>4</v>
      </c>
      <c r="CU12" s="191">
        <v>8</v>
      </c>
      <c r="CV12" s="196">
        <v>18</v>
      </c>
      <c r="CW12" s="195">
        <v>18</v>
      </c>
    </row>
    <row r="13" spans="2:101" ht="21" customHeight="1" x14ac:dyDescent="0.2">
      <c r="B13" s="106" t="s">
        <v>10</v>
      </c>
      <c r="C13" s="190">
        <v>0</v>
      </c>
      <c r="D13" s="196">
        <v>0</v>
      </c>
      <c r="E13" s="207">
        <v>0</v>
      </c>
      <c r="F13" s="193">
        <v>0</v>
      </c>
      <c r="G13" s="191">
        <v>18</v>
      </c>
      <c r="H13" s="191">
        <v>16</v>
      </c>
      <c r="I13" s="191">
        <v>12</v>
      </c>
      <c r="J13" s="191">
        <v>16</v>
      </c>
      <c r="K13" s="191">
        <v>14</v>
      </c>
      <c r="L13" s="194">
        <v>76</v>
      </c>
      <c r="M13" s="195">
        <v>76</v>
      </c>
      <c r="N13" s="190">
        <v>0</v>
      </c>
      <c r="O13" s="191">
        <v>0</v>
      </c>
      <c r="P13" s="196">
        <v>0</v>
      </c>
      <c r="Q13" s="193">
        <v>0</v>
      </c>
      <c r="R13" s="191">
        <v>9</v>
      </c>
      <c r="S13" s="191">
        <v>4</v>
      </c>
      <c r="T13" s="191">
        <v>7</v>
      </c>
      <c r="U13" s="191">
        <v>8</v>
      </c>
      <c r="V13" s="191">
        <v>4</v>
      </c>
      <c r="W13" s="196">
        <v>32</v>
      </c>
      <c r="X13" s="195">
        <v>32</v>
      </c>
      <c r="Y13" s="190">
        <v>0</v>
      </c>
      <c r="Z13" s="191">
        <v>0</v>
      </c>
      <c r="AA13" s="196">
        <v>0</v>
      </c>
      <c r="AB13" s="193">
        <v>0</v>
      </c>
      <c r="AC13" s="191">
        <v>571</v>
      </c>
      <c r="AD13" s="191">
        <v>247</v>
      </c>
      <c r="AE13" s="191">
        <v>128</v>
      </c>
      <c r="AF13" s="191">
        <v>59</v>
      </c>
      <c r="AG13" s="191">
        <v>22</v>
      </c>
      <c r="AH13" s="196">
        <v>1027</v>
      </c>
      <c r="AI13" s="195">
        <v>1027</v>
      </c>
      <c r="AJ13" s="190">
        <v>0</v>
      </c>
      <c r="AK13" s="191">
        <v>1</v>
      </c>
      <c r="AL13" s="196">
        <v>1</v>
      </c>
      <c r="AM13" s="193">
        <v>0</v>
      </c>
      <c r="AN13" s="191">
        <v>10</v>
      </c>
      <c r="AO13" s="191">
        <v>11</v>
      </c>
      <c r="AP13" s="191">
        <v>24</v>
      </c>
      <c r="AQ13" s="191">
        <v>14</v>
      </c>
      <c r="AR13" s="191">
        <v>7</v>
      </c>
      <c r="AS13" s="196">
        <v>66</v>
      </c>
      <c r="AT13" s="195">
        <v>67</v>
      </c>
      <c r="AU13" s="190">
        <v>12</v>
      </c>
      <c r="AV13" s="191">
        <v>16</v>
      </c>
      <c r="AW13" s="196">
        <v>28</v>
      </c>
      <c r="AX13" s="193">
        <v>0</v>
      </c>
      <c r="AY13" s="191">
        <v>95</v>
      </c>
      <c r="AZ13" s="191">
        <v>67</v>
      </c>
      <c r="BA13" s="191">
        <v>67</v>
      </c>
      <c r="BB13" s="191">
        <v>53</v>
      </c>
      <c r="BC13" s="191">
        <v>42</v>
      </c>
      <c r="BD13" s="196">
        <v>324</v>
      </c>
      <c r="BE13" s="195">
        <v>352</v>
      </c>
      <c r="BF13" s="190">
        <v>0</v>
      </c>
      <c r="BG13" s="191">
        <v>2</v>
      </c>
      <c r="BH13" s="196">
        <v>2</v>
      </c>
      <c r="BI13" s="193">
        <v>0</v>
      </c>
      <c r="BJ13" s="191">
        <v>109</v>
      </c>
      <c r="BK13" s="191">
        <v>118</v>
      </c>
      <c r="BL13" s="191">
        <v>125</v>
      </c>
      <c r="BM13" s="191">
        <v>91</v>
      </c>
      <c r="BN13" s="191">
        <v>75</v>
      </c>
      <c r="BO13" s="194">
        <v>518</v>
      </c>
      <c r="BP13" s="195">
        <v>520</v>
      </c>
      <c r="BQ13" s="190">
        <v>0</v>
      </c>
      <c r="BR13" s="191">
        <v>0</v>
      </c>
      <c r="BS13" s="196">
        <v>0</v>
      </c>
      <c r="BT13" s="193">
        <v>0</v>
      </c>
      <c r="BU13" s="191">
        <v>38</v>
      </c>
      <c r="BV13" s="191">
        <v>24</v>
      </c>
      <c r="BW13" s="191">
        <v>26</v>
      </c>
      <c r="BX13" s="191">
        <v>33</v>
      </c>
      <c r="BY13" s="191">
        <v>28</v>
      </c>
      <c r="BZ13" s="196">
        <v>149</v>
      </c>
      <c r="CA13" s="195">
        <v>149</v>
      </c>
      <c r="CB13" s="190">
        <v>0</v>
      </c>
      <c r="CC13" s="191">
        <v>0</v>
      </c>
      <c r="CD13" s="196">
        <v>0</v>
      </c>
      <c r="CE13" s="193">
        <v>0</v>
      </c>
      <c r="CF13" s="191">
        <v>0</v>
      </c>
      <c r="CG13" s="191">
        <v>1</v>
      </c>
      <c r="CH13" s="191">
        <v>3</v>
      </c>
      <c r="CI13" s="191">
        <v>18</v>
      </c>
      <c r="CJ13" s="191">
        <v>21</v>
      </c>
      <c r="CK13" s="196">
        <v>43</v>
      </c>
      <c r="CL13" s="195">
        <v>43</v>
      </c>
      <c r="CM13" s="190">
        <v>0</v>
      </c>
      <c r="CN13" s="191">
        <v>0</v>
      </c>
      <c r="CO13" s="196">
        <v>0</v>
      </c>
      <c r="CP13" s="193">
        <v>0</v>
      </c>
      <c r="CQ13" s="191">
        <v>19</v>
      </c>
      <c r="CR13" s="191">
        <v>37</v>
      </c>
      <c r="CS13" s="191">
        <v>27</v>
      </c>
      <c r="CT13" s="191">
        <v>49</v>
      </c>
      <c r="CU13" s="191">
        <v>25</v>
      </c>
      <c r="CV13" s="196">
        <v>157</v>
      </c>
      <c r="CW13" s="195">
        <v>157</v>
      </c>
    </row>
    <row r="14" spans="2:101" ht="21" customHeight="1" x14ac:dyDescent="0.2">
      <c r="B14" s="106" t="s">
        <v>11</v>
      </c>
      <c r="C14" s="190">
        <v>0</v>
      </c>
      <c r="D14" s="196">
        <v>0</v>
      </c>
      <c r="E14" s="207">
        <v>0</v>
      </c>
      <c r="F14" s="193">
        <v>0</v>
      </c>
      <c r="G14" s="191">
        <v>8</v>
      </c>
      <c r="H14" s="191">
        <v>7</v>
      </c>
      <c r="I14" s="191">
        <v>5</v>
      </c>
      <c r="J14" s="191">
        <v>4</v>
      </c>
      <c r="K14" s="191">
        <v>6</v>
      </c>
      <c r="L14" s="194">
        <v>30</v>
      </c>
      <c r="M14" s="195">
        <v>30</v>
      </c>
      <c r="N14" s="190">
        <v>0</v>
      </c>
      <c r="O14" s="191">
        <v>0</v>
      </c>
      <c r="P14" s="196">
        <v>0</v>
      </c>
      <c r="Q14" s="193">
        <v>0</v>
      </c>
      <c r="R14" s="191">
        <v>14</v>
      </c>
      <c r="S14" s="191">
        <v>15</v>
      </c>
      <c r="T14" s="191">
        <v>12</v>
      </c>
      <c r="U14" s="191">
        <v>16</v>
      </c>
      <c r="V14" s="191">
        <v>5</v>
      </c>
      <c r="W14" s="196">
        <v>62</v>
      </c>
      <c r="X14" s="195">
        <v>62</v>
      </c>
      <c r="Y14" s="190">
        <v>0</v>
      </c>
      <c r="Z14" s="191">
        <v>0</v>
      </c>
      <c r="AA14" s="196">
        <v>0</v>
      </c>
      <c r="AB14" s="193">
        <v>0</v>
      </c>
      <c r="AC14" s="191">
        <v>496</v>
      </c>
      <c r="AD14" s="191">
        <v>255</v>
      </c>
      <c r="AE14" s="191">
        <v>156</v>
      </c>
      <c r="AF14" s="191">
        <v>69</v>
      </c>
      <c r="AG14" s="191">
        <v>36</v>
      </c>
      <c r="AH14" s="196">
        <v>1012</v>
      </c>
      <c r="AI14" s="195">
        <v>1012</v>
      </c>
      <c r="AJ14" s="190">
        <v>0</v>
      </c>
      <c r="AK14" s="191">
        <v>0</v>
      </c>
      <c r="AL14" s="196">
        <v>0</v>
      </c>
      <c r="AM14" s="193">
        <v>0</v>
      </c>
      <c r="AN14" s="191">
        <v>22</v>
      </c>
      <c r="AO14" s="191">
        <v>20</v>
      </c>
      <c r="AP14" s="191">
        <v>13</v>
      </c>
      <c r="AQ14" s="191">
        <v>3</v>
      </c>
      <c r="AR14" s="191">
        <v>1</v>
      </c>
      <c r="AS14" s="196">
        <v>59</v>
      </c>
      <c r="AT14" s="195">
        <v>59</v>
      </c>
      <c r="AU14" s="190">
        <v>2</v>
      </c>
      <c r="AV14" s="191">
        <v>5</v>
      </c>
      <c r="AW14" s="196">
        <v>7</v>
      </c>
      <c r="AX14" s="193">
        <v>0</v>
      </c>
      <c r="AY14" s="191">
        <v>44</v>
      </c>
      <c r="AZ14" s="191">
        <v>37</v>
      </c>
      <c r="BA14" s="191">
        <v>45</v>
      </c>
      <c r="BB14" s="191">
        <v>21</v>
      </c>
      <c r="BC14" s="191">
        <v>8</v>
      </c>
      <c r="BD14" s="196">
        <v>155</v>
      </c>
      <c r="BE14" s="195">
        <v>162</v>
      </c>
      <c r="BF14" s="190">
        <v>0</v>
      </c>
      <c r="BG14" s="191">
        <v>3</v>
      </c>
      <c r="BH14" s="196">
        <v>3</v>
      </c>
      <c r="BI14" s="193">
        <v>0</v>
      </c>
      <c r="BJ14" s="191">
        <v>55</v>
      </c>
      <c r="BK14" s="191">
        <v>76</v>
      </c>
      <c r="BL14" s="191">
        <v>87</v>
      </c>
      <c r="BM14" s="191">
        <v>55</v>
      </c>
      <c r="BN14" s="191">
        <v>29</v>
      </c>
      <c r="BO14" s="194">
        <v>302</v>
      </c>
      <c r="BP14" s="195">
        <v>305</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1</v>
      </c>
      <c r="CI14" s="191">
        <v>0</v>
      </c>
      <c r="CJ14" s="191">
        <v>0</v>
      </c>
      <c r="CK14" s="196">
        <v>2</v>
      </c>
      <c r="CL14" s="195">
        <v>2</v>
      </c>
      <c r="CM14" s="190">
        <v>0</v>
      </c>
      <c r="CN14" s="191">
        <v>0</v>
      </c>
      <c r="CO14" s="196">
        <v>0</v>
      </c>
      <c r="CP14" s="193">
        <v>0</v>
      </c>
      <c r="CQ14" s="191">
        <v>11</v>
      </c>
      <c r="CR14" s="191">
        <v>4</v>
      </c>
      <c r="CS14" s="191">
        <v>4</v>
      </c>
      <c r="CT14" s="191">
        <v>9</v>
      </c>
      <c r="CU14" s="191">
        <v>2</v>
      </c>
      <c r="CV14" s="196">
        <v>30</v>
      </c>
      <c r="CW14" s="195">
        <v>30</v>
      </c>
    </row>
    <row r="15" spans="2:101" ht="21" customHeight="1" x14ac:dyDescent="0.2">
      <c r="B15" s="106" t="s">
        <v>12</v>
      </c>
      <c r="C15" s="190">
        <v>0</v>
      </c>
      <c r="D15" s="196">
        <v>0</v>
      </c>
      <c r="E15" s="207">
        <v>0</v>
      </c>
      <c r="F15" s="193">
        <v>0</v>
      </c>
      <c r="G15" s="191">
        <v>9</v>
      </c>
      <c r="H15" s="191">
        <v>5</v>
      </c>
      <c r="I15" s="191">
        <v>2</v>
      </c>
      <c r="J15" s="191">
        <v>2</v>
      </c>
      <c r="K15" s="191">
        <v>4</v>
      </c>
      <c r="L15" s="194">
        <v>22</v>
      </c>
      <c r="M15" s="195">
        <v>22</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78</v>
      </c>
      <c r="AD15" s="191">
        <v>269</v>
      </c>
      <c r="AE15" s="191">
        <v>147</v>
      </c>
      <c r="AF15" s="191">
        <v>64</v>
      </c>
      <c r="AG15" s="191">
        <v>31</v>
      </c>
      <c r="AH15" s="196">
        <v>889</v>
      </c>
      <c r="AI15" s="195">
        <v>889</v>
      </c>
      <c r="AJ15" s="190">
        <v>0</v>
      </c>
      <c r="AK15" s="191">
        <v>0</v>
      </c>
      <c r="AL15" s="196">
        <v>0</v>
      </c>
      <c r="AM15" s="193">
        <v>0</v>
      </c>
      <c r="AN15" s="191">
        <v>4</v>
      </c>
      <c r="AO15" s="191">
        <v>1</v>
      </c>
      <c r="AP15" s="191">
        <v>1</v>
      </c>
      <c r="AQ15" s="191">
        <v>2</v>
      </c>
      <c r="AR15" s="191">
        <v>2</v>
      </c>
      <c r="AS15" s="196">
        <v>10</v>
      </c>
      <c r="AT15" s="195">
        <v>10</v>
      </c>
      <c r="AU15" s="190">
        <v>1</v>
      </c>
      <c r="AV15" s="191">
        <v>0</v>
      </c>
      <c r="AW15" s="196">
        <v>1</v>
      </c>
      <c r="AX15" s="193">
        <v>0</v>
      </c>
      <c r="AY15" s="191">
        <v>25</v>
      </c>
      <c r="AZ15" s="191">
        <v>38</v>
      </c>
      <c r="BA15" s="191">
        <v>48</v>
      </c>
      <c r="BB15" s="191">
        <v>38</v>
      </c>
      <c r="BC15" s="191">
        <v>29</v>
      </c>
      <c r="BD15" s="196">
        <v>178</v>
      </c>
      <c r="BE15" s="195">
        <v>179</v>
      </c>
      <c r="BF15" s="190">
        <v>0</v>
      </c>
      <c r="BG15" s="191">
        <v>0</v>
      </c>
      <c r="BH15" s="196">
        <v>0</v>
      </c>
      <c r="BI15" s="193">
        <v>0</v>
      </c>
      <c r="BJ15" s="191">
        <v>33</v>
      </c>
      <c r="BK15" s="191">
        <v>50</v>
      </c>
      <c r="BL15" s="191">
        <v>49</v>
      </c>
      <c r="BM15" s="191">
        <v>34</v>
      </c>
      <c r="BN15" s="191">
        <v>37</v>
      </c>
      <c r="BO15" s="194">
        <v>203</v>
      </c>
      <c r="BP15" s="195">
        <v>203</v>
      </c>
      <c r="BQ15" s="190">
        <v>0</v>
      </c>
      <c r="BR15" s="191">
        <v>0</v>
      </c>
      <c r="BS15" s="196">
        <v>0</v>
      </c>
      <c r="BT15" s="193">
        <v>0</v>
      </c>
      <c r="BU15" s="191">
        <v>0</v>
      </c>
      <c r="BV15" s="191">
        <v>6</v>
      </c>
      <c r="BW15" s="191">
        <v>8</v>
      </c>
      <c r="BX15" s="191">
        <v>11</v>
      </c>
      <c r="BY15" s="191">
        <v>3</v>
      </c>
      <c r="BZ15" s="196">
        <v>28</v>
      </c>
      <c r="CA15" s="195">
        <v>28</v>
      </c>
      <c r="CB15" s="190">
        <v>0</v>
      </c>
      <c r="CC15" s="191">
        <v>0</v>
      </c>
      <c r="CD15" s="196">
        <v>0</v>
      </c>
      <c r="CE15" s="193">
        <v>0</v>
      </c>
      <c r="CF15" s="191">
        <v>0</v>
      </c>
      <c r="CG15" s="191">
        <v>0</v>
      </c>
      <c r="CH15" s="191">
        <v>10</v>
      </c>
      <c r="CI15" s="191">
        <v>13</v>
      </c>
      <c r="CJ15" s="191">
        <v>4</v>
      </c>
      <c r="CK15" s="196">
        <v>27</v>
      </c>
      <c r="CL15" s="195">
        <v>27</v>
      </c>
      <c r="CM15" s="190">
        <v>0</v>
      </c>
      <c r="CN15" s="191">
        <v>0</v>
      </c>
      <c r="CO15" s="196">
        <v>0</v>
      </c>
      <c r="CP15" s="193">
        <v>0</v>
      </c>
      <c r="CQ15" s="191">
        <v>7</v>
      </c>
      <c r="CR15" s="191">
        <v>15</v>
      </c>
      <c r="CS15" s="191">
        <v>20</v>
      </c>
      <c r="CT15" s="191">
        <v>22</v>
      </c>
      <c r="CU15" s="191">
        <v>12</v>
      </c>
      <c r="CV15" s="196">
        <v>76</v>
      </c>
      <c r="CW15" s="195">
        <v>76</v>
      </c>
    </row>
    <row r="16" spans="2:101" ht="21" customHeight="1" x14ac:dyDescent="0.2">
      <c r="B16" s="106" t="s">
        <v>13</v>
      </c>
      <c r="C16" s="190">
        <v>0</v>
      </c>
      <c r="D16" s="196">
        <v>0</v>
      </c>
      <c r="E16" s="207">
        <v>0</v>
      </c>
      <c r="F16" s="193">
        <v>0</v>
      </c>
      <c r="G16" s="191">
        <v>2</v>
      </c>
      <c r="H16" s="191">
        <v>1</v>
      </c>
      <c r="I16" s="191">
        <v>1</v>
      </c>
      <c r="J16" s="191">
        <v>0</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7</v>
      </c>
      <c r="AD16" s="191">
        <v>165</v>
      </c>
      <c r="AE16" s="191">
        <v>77</v>
      </c>
      <c r="AF16" s="191">
        <v>34</v>
      </c>
      <c r="AG16" s="191">
        <v>12</v>
      </c>
      <c r="AH16" s="196">
        <v>455</v>
      </c>
      <c r="AI16" s="195">
        <v>455</v>
      </c>
      <c r="AJ16" s="190">
        <v>0</v>
      </c>
      <c r="AK16" s="191">
        <v>0</v>
      </c>
      <c r="AL16" s="196">
        <v>0</v>
      </c>
      <c r="AM16" s="193">
        <v>0</v>
      </c>
      <c r="AN16" s="191">
        <v>1</v>
      </c>
      <c r="AO16" s="191">
        <v>10</v>
      </c>
      <c r="AP16" s="191">
        <v>9</v>
      </c>
      <c r="AQ16" s="191">
        <v>3</v>
      </c>
      <c r="AR16" s="191">
        <v>6</v>
      </c>
      <c r="AS16" s="196">
        <v>29</v>
      </c>
      <c r="AT16" s="195">
        <v>29</v>
      </c>
      <c r="AU16" s="190">
        <v>1</v>
      </c>
      <c r="AV16" s="191">
        <v>2</v>
      </c>
      <c r="AW16" s="196">
        <v>3</v>
      </c>
      <c r="AX16" s="193">
        <v>0</v>
      </c>
      <c r="AY16" s="191">
        <v>11</v>
      </c>
      <c r="AZ16" s="191">
        <v>12</v>
      </c>
      <c r="BA16" s="191">
        <v>7</v>
      </c>
      <c r="BB16" s="191">
        <v>0</v>
      </c>
      <c r="BC16" s="191">
        <v>3</v>
      </c>
      <c r="BD16" s="196">
        <v>33</v>
      </c>
      <c r="BE16" s="195">
        <v>36</v>
      </c>
      <c r="BF16" s="190">
        <v>0</v>
      </c>
      <c r="BG16" s="191">
        <v>0</v>
      </c>
      <c r="BH16" s="196">
        <v>0</v>
      </c>
      <c r="BI16" s="193">
        <v>0</v>
      </c>
      <c r="BJ16" s="191">
        <v>13</v>
      </c>
      <c r="BK16" s="191">
        <v>11</v>
      </c>
      <c r="BL16" s="191">
        <v>17</v>
      </c>
      <c r="BM16" s="191">
        <v>21</v>
      </c>
      <c r="BN16" s="191">
        <v>12</v>
      </c>
      <c r="BO16" s="194">
        <v>74</v>
      </c>
      <c r="BP16" s="195">
        <v>74</v>
      </c>
      <c r="BQ16" s="190">
        <v>0</v>
      </c>
      <c r="BR16" s="191">
        <v>0</v>
      </c>
      <c r="BS16" s="196">
        <v>0</v>
      </c>
      <c r="BT16" s="193">
        <v>0</v>
      </c>
      <c r="BU16" s="191">
        <v>4</v>
      </c>
      <c r="BV16" s="191">
        <v>2</v>
      </c>
      <c r="BW16" s="191">
        <v>1</v>
      </c>
      <c r="BX16" s="191">
        <v>5</v>
      </c>
      <c r="BY16" s="191">
        <v>1</v>
      </c>
      <c r="BZ16" s="196">
        <v>13</v>
      </c>
      <c r="CA16" s="195">
        <v>13</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2</v>
      </c>
      <c r="H17" s="191">
        <v>2</v>
      </c>
      <c r="I17" s="191">
        <v>1</v>
      </c>
      <c r="J17" s="191">
        <v>6</v>
      </c>
      <c r="K17" s="191">
        <v>4</v>
      </c>
      <c r="L17" s="194">
        <v>15</v>
      </c>
      <c r="M17" s="195">
        <v>15</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79</v>
      </c>
      <c r="AD17" s="191">
        <v>177</v>
      </c>
      <c r="AE17" s="191">
        <v>80</v>
      </c>
      <c r="AF17" s="191">
        <v>36</v>
      </c>
      <c r="AG17" s="191">
        <v>14</v>
      </c>
      <c r="AH17" s="196">
        <v>486</v>
      </c>
      <c r="AI17" s="195">
        <v>486</v>
      </c>
      <c r="AJ17" s="190">
        <v>0</v>
      </c>
      <c r="AK17" s="191">
        <v>1</v>
      </c>
      <c r="AL17" s="196">
        <v>1</v>
      </c>
      <c r="AM17" s="193">
        <v>0</v>
      </c>
      <c r="AN17" s="191">
        <v>2</v>
      </c>
      <c r="AO17" s="191">
        <v>3</v>
      </c>
      <c r="AP17" s="191">
        <v>6</v>
      </c>
      <c r="AQ17" s="191">
        <v>3</v>
      </c>
      <c r="AR17" s="191">
        <v>2</v>
      </c>
      <c r="AS17" s="196">
        <v>16</v>
      </c>
      <c r="AT17" s="195">
        <v>17</v>
      </c>
      <c r="AU17" s="190">
        <v>2</v>
      </c>
      <c r="AV17" s="191">
        <v>14</v>
      </c>
      <c r="AW17" s="196">
        <v>16</v>
      </c>
      <c r="AX17" s="193">
        <v>0</v>
      </c>
      <c r="AY17" s="191">
        <v>15</v>
      </c>
      <c r="AZ17" s="191">
        <v>11</v>
      </c>
      <c r="BA17" s="191">
        <v>5</v>
      </c>
      <c r="BB17" s="191">
        <v>8</v>
      </c>
      <c r="BC17" s="191">
        <v>3</v>
      </c>
      <c r="BD17" s="196">
        <v>42</v>
      </c>
      <c r="BE17" s="195">
        <v>58</v>
      </c>
      <c r="BF17" s="190">
        <v>0</v>
      </c>
      <c r="BG17" s="191">
        <v>2</v>
      </c>
      <c r="BH17" s="196">
        <v>2</v>
      </c>
      <c r="BI17" s="193">
        <v>0</v>
      </c>
      <c r="BJ17" s="191">
        <v>34</v>
      </c>
      <c r="BK17" s="191">
        <v>45</v>
      </c>
      <c r="BL17" s="191">
        <v>39</v>
      </c>
      <c r="BM17" s="191">
        <v>24</v>
      </c>
      <c r="BN17" s="191">
        <v>15</v>
      </c>
      <c r="BO17" s="194">
        <v>157</v>
      </c>
      <c r="BP17" s="195">
        <v>159</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8</v>
      </c>
      <c r="CI17" s="191">
        <v>12</v>
      </c>
      <c r="CJ17" s="191">
        <v>8</v>
      </c>
      <c r="CK17" s="196">
        <v>28</v>
      </c>
      <c r="CL17" s="195">
        <v>28</v>
      </c>
      <c r="CM17" s="190">
        <v>0</v>
      </c>
      <c r="CN17" s="191">
        <v>0</v>
      </c>
      <c r="CO17" s="196">
        <v>0</v>
      </c>
      <c r="CP17" s="193">
        <v>0</v>
      </c>
      <c r="CQ17" s="191">
        <v>5</v>
      </c>
      <c r="CR17" s="191">
        <v>10</v>
      </c>
      <c r="CS17" s="191">
        <v>6</v>
      </c>
      <c r="CT17" s="191">
        <v>0</v>
      </c>
      <c r="CU17" s="191">
        <v>2</v>
      </c>
      <c r="CV17" s="196">
        <v>23</v>
      </c>
      <c r="CW17" s="195">
        <v>23</v>
      </c>
    </row>
    <row r="18" spans="2:101" ht="21" customHeight="1" x14ac:dyDescent="0.2">
      <c r="B18" s="106" t="s">
        <v>16</v>
      </c>
      <c r="C18" s="190">
        <v>0</v>
      </c>
      <c r="D18" s="196">
        <v>0</v>
      </c>
      <c r="E18" s="207">
        <v>0</v>
      </c>
      <c r="F18" s="193">
        <v>0</v>
      </c>
      <c r="G18" s="191">
        <v>6</v>
      </c>
      <c r="H18" s="191">
        <v>16</v>
      </c>
      <c r="I18" s="191">
        <v>13</v>
      </c>
      <c r="J18" s="191">
        <v>10</v>
      </c>
      <c r="K18" s="191">
        <v>8</v>
      </c>
      <c r="L18" s="194">
        <v>53</v>
      </c>
      <c r="M18" s="195">
        <v>53</v>
      </c>
      <c r="N18" s="190">
        <v>0</v>
      </c>
      <c r="O18" s="191">
        <v>0</v>
      </c>
      <c r="P18" s="196">
        <v>0</v>
      </c>
      <c r="Q18" s="193">
        <v>0</v>
      </c>
      <c r="R18" s="191">
        <v>0</v>
      </c>
      <c r="S18" s="191">
        <v>1</v>
      </c>
      <c r="T18" s="191">
        <v>2</v>
      </c>
      <c r="U18" s="191">
        <v>3</v>
      </c>
      <c r="V18" s="191">
        <v>1</v>
      </c>
      <c r="W18" s="196">
        <v>7</v>
      </c>
      <c r="X18" s="195">
        <v>7</v>
      </c>
      <c r="Y18" s="190">
        <v>0</v>
      </c>
      <c r="Z18" s="191">
        <v>0</v>
      </c>
      <c r="AA18" s="196">
        <v>0</v>
      </c>
      <c r="AB18" s="193">
        <v>0</v>
      </c>
      <c r="AC18" s="191">
        <v>148</v>
      </c>
      <c r="AD18" s="191">
        <v>187</v>
      </c>
      <c r="AE18" s="191">
        <v>90</v>
      </c>
      <c r="AF18" s="191">
        <v>43</v>
      </c>
      <c r="AG18" s="191">
        <v>12</v>
      </c>
      <c r="AH18" s="196">
        <v>480</v>
      </c>
      <c r="AI18" s="195">
        <v>480</v>
      </c>
      <c r="AJ18" s="190">
        <v>0</v>
      </c>
      <c r="AK18" s="191">
        <v>0</v>
      </c>
      <c r="AL18" s="196">
        <v>0</v>
      </c>
      <c r="AM18" s="193">
        <v>0</v>
      </c>
      <c r="AN18" s="191">
        <v>9</v>
      </c>
      <c r="AO18" s="191">
        <v>10</v>
      </c>
      <c r="AP18" s="191">
        <v>6</v>
      </c>
      <c r="AQ18" s="191">
        <v>5</v>
      </c>
      <c r="AR18" s="191">
        <v>3</v>
      </c>
      <c r="AS18" s="196">
        <v>33</v>
      </c>
      <c r="AT18" s="195">
        <v>33</v>
      </c>
      <c r="AU18" s="190">
        <v>3</v>
      </c>
      <c r="AV18" s="191">
        <v>4</v>
      </c>
      <c r="AW18" s="196">
        <v>7</v>
      </c>
      <c r="AX18" s="193">
        <v>0</v>
      </c>
      <c r="AY18" s="191">
        <v>16</v>
      </c>
      <c r="AZ18" s="191">
        <v>24</v>
      </c>
      <c r="BA18" s="191">
        <v>14</v>
      </c>
      <c r="BB18" s="191">
        <v>17</v>
      </c>
      <c r="BC18" s="191">
        <v>8</v>
      </c>
      <c r="BD18" s="196">
        <v>79</v>
      </c>
      <c r="BE18" s="195">
        <v>86</v>
      </c>
      <c r="BF18" s="190">
        <v>0</v>
      </c>
      <c r="BG18" s="191">
        <v>1</v>
      </c>
      <c r="BH18" s="196">
        <v>1</v>
      </c>
      <c r="BI18" s="193">
        <v>0</v>
      </c>
      <c r="BJ18" s="191">
        <v>21</v>
      </c>
      <c r="BK18" s="191">
        <v>47</v>
      </c>
      <c r="BL18" s="191">
        <v>52</v>
      </c>
      <c r="BM18" s="191">
        <v>30</v>
      </c>
      <c r="BN18" s="191">
        <v>28</v>
      </c>
      <c r="BO18" s="194">
        <v>178</v>
      </c>
      <c r="BP18" s="195">
        <v>179</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2</v>
      </c>
      <c r="CH18" s="191">
        <v>7</v>
      </c>
      <c r="CI18" s="191">
        <v>13</v>
      </c>
      <c r="CJ18" s="191">
        <v>8</v>
      </c>
      <c r="CK18" s="196">
        <v>30</v>
      </c>
      <c r="CL18" s="195">
        <v>30</v>
      </c>
      <c r="CM18" s="190">
        <v>0</v>
      </c>
      <c r="CN18" s="191">
        <v>0</v>
      </c>
      <c r="CO18" s="196">
        <v>0</v>
      </c>
      <c r="CP18" s="193">
        <v>0</v>
      </c>
      <c r="CQ18" s="191">
        <v>1</v>
      </c>
      <c r="CR18" s="191">
        <v>6</v>
      </c>
      <c r="CS18" s="191">
        <v>6</v>
      </c>
      <c r="CT18" s="191">
        <v>4</v>
      </c>
      <c r="CU18" s="191">
        <v>6</v>
      </c>
      <c r="CV18" s="196">
        <v>23</v>
      </c>
      <c r="CW18" s="195">
        <v>23</v>
      </c>
    </row>
    <row r="19" spans="2:101" ht="21" customHeight="1" x14ac:dyDescent="0.2">
      <c r="B19" s="106" t="s">
        <v>17</v>
      </c>
      <c r="C19" s="190">
        <v>0</v>
      </c>
      <c r="D19" s="196">
        <v>0</v>
      </c>
      <c r="E19" s="207">
        <v>0</v>
      </c>
      <c r="F19" s="193">
        <v>0</v>
      </c>
      <c r="G19" s="191">
        <v>1</v>
      </c>
      <c r="H19" s="191">
        <v>3</v>
      </c>
      <c r="I19" s="191">
        <v>2</v>
      </c>
      <c r="J19" s="191">
        <v>2</v>
      </c>
      <c r="K19" s="191">
        <v>1</v>
      </c>
      <c r="L19" s="194">
        <v>9</v>
      </c>
      <c r="M19" s="195">
        <v>9</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45</v>
      </c>
      <c r="AD19" s="191">
        <v>303</v>
      </c>
      <c r="AE19" s="191">
        <v>146</v>
      </c>
      <c r="AF19" s="191">
        <v>86</v>
      </c>
      <c r="AG19" s="191">
        <v>24</v>
      </c>
      <c r="AH19" s="196">
        <v>804</v>
      </c>
      <c r="AI19" s="195">
        <v>804</v>
      </c>
      <c r="AJ19" s="190">
        <v>2</v>
      </c>
      <c r="AK19" s="191">
        <v>3</v>
      </c>
      <c r="AL19" s="196">
        <v>5</v>
      </c>
      <c r="AM19" s="193">
        <v>0</v>
      </c>
      <c r="AN19" s="191">
        <v>11</v>
      </c>
      <c r="AO19" s="191">
        <v>8</v>
      </c>
      <c r="AP19" s="191">
        <v>7</v>
      </c>
      <c r="AQ19" s="191">
        <v>7</v>
      </c>
      <c r="AR19" s="191">
        <v>3</v>
      </c>
      <c r="AS19" s="196">
        <v>36</v>
      </c>
      <c r="AT19" s="195">
        <v>41</v>
      </c>
      <c r="AU19" s="190">
        <v>2</v>
      </c>
      <c r="AV19" s="191">
        <v>4</v>
      </c>
      <c r="AW19" s="196">
        <v>6</v>
      </c>
      <c r="AX19" s="193">
        <v>0</v>
      </c>
      <c r="AY19" s="191">
        <v>7</v>
      </c>
      <c r="AZ19" s="191">
        <v>27</v>
      </c>
      <c r="BA19" s="191">
        <v>26</v>
      </c>
      <c r="BB19" s="191">
        <v>18</v>
      </c>
      <c r="BC19" s="191">
        <v>10</v>
      </c>
      <c r="BD19" s="196">
        <v>88</v>
      </c>
      <c r="BE19" s="195">
        <v>94</v>
      </c>
      <c r="BF19" s="190">
        <v>0</v>
      </c>
      <c r="BG19" s="191">
        <v>0</v>
      </c>
      <c r="BH19" s="196">
        <v>0</v>
      </c>
      <c r="BI19" s="193">
        <v>0</v>
      </c>
      <c r="BJ19" s="191">
        <v>36</v>
      </c>
      <c r="BK19" s="191">
        <v>60</v>
      </c>
      <c r="BL19" s="191">
        <v>80</v>
      </c>
      <c r="BM19" s="191">
        <v>49</v>
      </c>
      <c r="BN19" s="191">
        <v>25</v>
      </c>
      <c r="BO19" s="194">
        <v>250</v>
      </c>
      <c r="BP19" s="195">
        <v>25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25</v>
      </c>
      <c r="CI19" s="191">
        <v>46</v>
      </c>
      <c r="CJ19" s="191">
        <v>30</v>
      </c>
      <c r="CK19" s="196">
        <v>102</v>
      </c>
      <c r="CL19" s="195">
        <v>102</v>
      </c>
      <c r="CM19" s="190">
        <v>0</v>
      </c>
      <c r="CN19" s="191">
        <v>0</v>
      </c>
      <c r="CO19" s="196">
        <v>0</v>
      </c>
      <c r="CP19" s="193">
        <v>0</v>
      </c>
      <c r="CQ19" s="191">
        <v>0</v>
      </c>
      <c r="CR19" s="191">
        <v>3</v>
      </c>
      <c r="CS19" s="191">
        <v>3</v>
      </c>
      <c r="CT19" s="191">
        <v>5</v>
      </c>
      <c r="CU19" s="191">
        <v>6</v>
      </c>
      <c r="CV19" s="196">
        <v>17</v>
      </c>
      <c r="CW19" s="195">
        <v>17</v>
      </c>
    </row>
    <row r="20" spans="2:101" ht="21" customHeight="1" x14ac:dyDescent="0.2">
      <c r="B20" s="106" t="s">
        <v>18</v>
      </c>
      <c r="C20" s="190">
        <v>0</v>
      </c>
      <c r="D20" s="196">
        <v>0</v>
      </c>
      <c r="E20" s="207">
        <v>0</v>
      </c>
      <c r="F20" s="193">
        <v>0</v>
      </c>
      <c r="G20" s="191">
        <v>8</v>
      </c>
      <c r="H20" s="191">
        <v>6</v>
      </c>
      <c r="I20" s="191">
        <v>1</v>
      </c>
      <c r="J20" s="191">
        <v>1</v>
      </c>
      <c r="K20" s="191">
        <v>5</v>
      </c>
      <c r="L20" s="194">
        <v>21</v>
      </c>
      <c r="M20" s="195">
        <v>21</v>
      </c>
      <c r="N20" s="190">
        <v>0</v>
      </c>
      <c r="O20" s="191">
        <v>0</v>
      </c>
      <c r="P20" s="196">
        <v>0</v>
      </c>
      <c r="Q20" s="193">
        <v>0</v>
      </c>
      <c r="R20" s="191">
        <v>0</v>
      </c>
      <c r="S20" s="191">
        <v>0</v>
      </c>
      <c r="T20" s="191">
        <v>0</v>
      </c>
      <c r="U20" s="191">
        <v>1</v>
      </c>
      <c r="V20" s="191">
        <v>0</v>
      </c>
      <c r="W20" s="196">
        <v>1</v>
      </c>
      <c r="X20" s="195">
        <v>1</v>
      </c>
      <c r="Y20" s="190">
        <v>0</v>
      </c>
      <c r="Z20" s="191">
        <v>0</v>
      </c>
      <c r="AA20" s="196">
        <v>0</v>
      </c>
      <c r="AB20" s="193">
        <v>0</v>
      </c>
      <c r="AC20" s="191">
        <v>306</v>
      </c>
      <c r="AD20" s="191">
        <v>198</v>
      </c>
      <c r="AE20" s="191">
        <v>94</v>
      </c>
      <c r="AF20" s="191">
        <v>35</v>
      </c>
      <c r="AG20" s="191">
        <v>12</v>
      </c>
      <c r="AH20" s="196">
        <v>645</v>
      </c>
      <c r="AI20" s="195">
        <v>645</v>
      </c>
      <c r="AJ20" s="190">
        <v>0</v>
      </c>
      <c r="AK20" s="191">
        <v>0</v>
      </c>
      <c r="AL20" s="196">
        <v>0</v>
      </c>
      <c r="AM20" s="193">
        <v>0</v>
      </c>
      <c r="AN20" s="191">
        <v>9</v>
      </c>
      <c r="AO20" s="191">
        <v>12</v>
      </c>
      <c r="AP20" s="191">
        <v>23</v>
      </c>
      <c r="AQ20" s="191">
        <v>14</v>
      </c>
      <c r="AR20" s="191">
        <v>6</v>
      </c>
      <c r="AS20" s="196">
        <v>64</v>
      </c>
      <c r="AT20" s="195">
        <v>64</v>
      </c>
      <c r="AU20" s="190">
        <v>6</v>
      </c>
      <c r="AV20" s="191">
        <v>17</v>
      </c>
      <c r="AW20" s="196">
        <v>23</v>
      </c>
      <c r="AX20" s="193">
        <v>0</v>
      </c>
      <c r="AY20" s="191">
        <v>44</v>
      </c>
      <c r="AZ20" s="191">
        <v>45</v>
      </c>
      <c r="BA20" s="191">
        <v>45</v>
      </c>
      <c r="BB20" s="191">
        <v>17</v>
      </c>
      <c r="BC20" s="191">
        <v>8</v>
      </c>
      <c r="BD20" s="196">
        <v>159</v>
      </c>
      <c r="BE20" s="195">
        <v>182</v>
      </c>
      <c r="BF20" s="190">
        <v>0</v>
      </c>
      <c r="BG20" s="191">
        <v>3</v>
      </c>
      <c r="BH20" s="196">
        <v>3</v>
      </c>
      <c r="BI20" s="193">
        <v>0</v>
      </c>
      <c r="BJ20" s="191">
        <v>53</v>
      </c>
      <c r="BK20" s="191">
        <v>79</v>
      </c>
      <c r="BL20" s="191">
        <v>97</v>
      </c>
      <c r="BM20" s="191">
        <v>59</v>
      </c>
      <c r="BN20" s="191">
        <v>20</v>
      </c>
      <c r="BO20" s="194">
        <v>308</v>
      </c>
      <c r="BP20" s="195">
        <v>311</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2</v>
      </c>
      <c r="CH20" s="191">
        <v>7</v>
      </c>
      <c r="CI20" s="191">
        <v>15</v>
      </c>
      <c r="CJ20" s="191">
        <v>5</v>
      </c>
      <c r="CK20" s="196">
        <v>29</v>
      </c>
      <c r="CL20" s="195">
        <v>29</v>
      </c>
      <c r="CM20" s="190">
        <v>0</v>
      </c>
      <c r="CN20" s="191">
        <v>0</v>
      </c>
      <c r="CO20" s="196">
        <v>0</v>
      </c>
      <c r="CP20" s="193">
        <v>0</v>
      </c>
      <c r="CQ20" s="191">
        <v>6</v>
      </c>
      <c r="CR20" s="191">
        <v>10</v>
      </c>
      <c r="CS20" s="191">
        <v>13</v>
      </c>
      <c r="CT20" s="191">
        <v>25</v>
      </c>
      <c r="CU20" s="191">
        <v>22</v>
      </c>
      <c r="CV20" s="196">
        <v>76</v>
      </c>
      <c r="CW20" s="195">
        <v>76</v>
      </c>
    </row>
    <row r="21" spans="2:101" ht="21" customHeight="1" x14ac:dyDescent="0.2">
      <c r="B21" s="106" t="s">
        <v>19</v>
      </c>
      <c r="C21" s="190">
        <v>0</v>
      </c>
      <c r="D21" s="196">
        <v>0</v>
      </c>
      <c r="E21" s="207">
        <v>0</v>
      </c>
      <c r="F21" s="193">
        <v>0</v>
      </c>
      <c r="G21" s="191">
        <v>11</v>
      </c>
      <c r="H21" s="191">
        <v>14</v>
      </c>
      <c r="I21" s="191">
        <v>6</v>
      </c>
      <c r="J21" s="191">
        <v>6</v>
      </c>
      <c r="K21" s="191">
        <v>4</v>
      </c>
      <c r="L21" s="194">
        <v>41</v>
      </c>
      <c r="M21" s="195">
        <v>41</v>
      </c>
      <c r="N21" s="190">
        <v>0</v>
      </c>
      <c r="O21" s="191">
        <v>0</v>
      </c>
      <c r="P21" s="196">
        <v>0</v>
      </c>
      <c r="Q21" s="193">
        <v>0</v>
      </c>
      <c r="R21" s="191">
        <v>1</v>
      </c>
      <c r="S21" s="191">
        <v>2</v>
      </c>
      <c r="T21" s="191">
        <v>4</v>
      </c>
      <c r="U21" s="191">
        <v>3</v>
      </c>
      <c r="V21" s="191">
        <v>1</v>
      </c>
      <c r="W21" s="196">
        <v>11</v>
      </c>
      <c r="X21" s="195">
        <v>11</v>
      </c>
      <c r="Y21" s="190">
        <v>0</v>
      </c>
      <c r="Z21" s="191">
        <v>0</v>
      </c>
      <c r="AA21" s="196">
        <v>0</v>
      </c>
      <c r="AB21" s="193">
        <v>0</v>
      </c>
      <c r="AC21" s="191">
        <v>137</v>
      </c>
      <c r="AD21" s="191">
        <v>99</v>
      </c>
      <c r="AE21" s="191">
        <v>48</v>
      </c>
      <c r="AF21" s="191">
        <v>17</v>
      </c>
      <c r="AG21" s="191">
        <v>8</v>
      </c>
      <c r="AH21" s="196">
        <v>309</v>
      </c>
      <c r="AI21" s="195">
        <v>309</v>
      </c>
      <c r="AJ21" s="190">
        <v>0</v>
      </c>
      <c r="AK21" s="191">
        <v>0</v>
      </c>
      <c r="AL21" s="196">
        <v>0</v>
      </c>
      <c r="AM21" s="193">
        <v>0</v>
      </c>
      <c r="AN21" s="191">
        <v>13</v>
      </c>
      <c r="AO21" s="191">
        <v>19</v>
      </c>
      <c r="AP21" s="191">
        <v>18</v>
      </c>
      <c r="AQ21" s="191">
        <v>4</v>
      </c>
      <c r="AR21" s="191">
        <v>5</v>
      </c>
      <c r="AS21" s="196">
        <v>59</v>
      </c>
      <c r="AT21" s="195">
        <v>59</v>
      </c>
      <c r="AU21" s="190">
        <v>0</v>
      </c>
      <c r="AV21" s="191">
        <v>2</v>
      </c>
      <c r="AW21" s="196">
        <v>2</v>
      </c>
      <c r="AX21" s="193">
        <v>0</v>
      </c>
      <c r="AY21" s="191">
        <v>22</v>
      </c>
      <c r="AZ21" s="191">
        <v>42</v>
      </c>
      <c r="BA21" s="191">
        <v>29</v>
      </c>
      <c r="BB21" s="191">
        <v>12</v>
      </c>
      <c r="BC21" s="191">
        <v>8</v>
      </c>
      <c r="BD21" s="196">
        <v>113</v>
      </c>
      <c r="BE21" s="195">
        <v>115</v>
      </c>
      <c r="BF21" s="190">
        <v>0</v>
      </c>
      <c r="BG21" s="191">
        <v>0</v>
      </c>
      <c r="BH21" s="196">
        <v>0</v>
      </c>
      <c r="BI21" s="193">
        <v>0</v>
      </c>
      <c r="BJ21" s="191">
        <v>12</v>
      </c>
      <c r="BK21" s="191">
        <v>26</v>
      </c>
      <c r="BL21" s="191">
        <v>26</v>
      </c>
      <c r="BM21" s="191">
        <v>17</v>
      </c>
      <c r="BN21" s="191">
        <v>14</v>
      </c>
      <c r="BO21" s="194">
        <v>95</v>
      </c>
      <c r="BP21" s="195">
        <v>95</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1</v>
      </c>
      <c r="CR21" s="191">
        <v>1</v>
      </c>
      <c r="CS21" s="191">
        <v>1</v>
      </c>
      <c r="CT21" s="191">
        <v>3</v>
      </c>
      <c r="CU21" s="191">
        <v>12</v>
      </c>
      <c r="CV21" s="196">
        <v>18</v>
      </c>
      <c r="CW21" s="195">
        <v>18</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96</v>
      </c>
      <c r="AD22" s="191">
        <v>101</v>
      </c>
      <c r="AE22" s="191">
        <v>49</v>
      </c>
      <c r="AF22" s="191">
        <v>22</v>
      </c>
      <c r="AG22" s="191">
        <v>7</v>
      </c>
      <c r="AH22" s="196">
        <v>375</v>
      </c>
      <c r="AI22" s="195">
        <v>375</v>
      </c>
      <c r="AJ22" s="190">
        <v>0</v>
      </c>
      <c r="AK22" s="191">
        <v>0</v>
      </c>
      <c r="AL22" s="196">
        <v>0</v>
      </c>
      <c r="AM22" s="193">
        <v>0</v>
      </c>
      <c r="AN22" s="191">
        <v>4</v>
      </c>
      <c r="AO22" s="191">
        <v>0</v>
      </c>
      <c r="AP22" s="191">
        <v>7</v>
      </c>
      <c r="AQ22" s="191">
        <v>1</v>
      </c>
      <c r="AR22" s="191">
        <v>2</v>
      </c>
      <c r="AS22" s="196">
        <v>14</v>
      </c>
      <c r="AT22" s="195">
        <v>14</v>
      </c>
      <c r="AU22" s="190">
        <v>0</v>
      </c>
      <c r="AV22" s="191">
        <v>1</v>
      </c>
      <c r="AW22" s="196">
        <v>1</v>
      </c>
      <c r="AX22" s="193">
        <v>0</v>
      </c>
      <c r="AY22" s="191">
        <v>19</v>
      </c>
      <c r="AZ22" s="191">
        <v>11</v>
      </c>
      <c r="BA22" s="191">
        <v>11</v>
      </c>
      <c r="BB22" s="191">
        <v>3</v>
      </c>
      <c r="BC22" s="191">
        <v>3</v>
      </c>
      <c r="BD22" s="196">
        <v>47</v>
      </c>
      <c r="BE22" s="195">
        <v>48</v>
      </c>
      <c r="BF22" s="190">
        <v>0</v>
      </c>
      <c r="BG22" s="191">
        <v>0</v>
      </c>
      <c r="BH22" s="196">
        <v>0</v>
      </c>
      <c r="BI22" s="193">
        <v>0</v>
      </c>
      <c r="BJ22" s="191">
        <v>14</v>
      </c>
      <c r="BK22" s="191">
        <v>30</v>
      </c>
      <c r="BL22" s="191">
        <v>56</v>
      </c>
      <c r="BM22" s="191">
        <v>17</v>
      </c>
      <c r="BN22" s="191">
        <v>19</v>
      </c>
      <c r="BO22" s="194">
        <v>136</v>
      </c>
      <c r="BP22" s="195">
        <v>136</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3</v>
      </c>
      <c r="I23" s="191">
        <v>1</v>
      </c>
      <c r="J23" s="191">
        <v>0</v>
      </c>
      <c r="K23" s="191">
        <v>2</v>
      </c>
      <c r="L23" s="194">
        <v>7</v>
      </c>
      <c r="M23" s="195">
        <v>7</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03</v>
      </c>
      <c r="AD23" s="191">
        <v>173</v>
      </c>
      <c r="AE23" s="191">
        <v>78</v>
      </c>
      <c r="AF23" s="191">
        <v>31</v>
      </c>
      <c r="AG23" s="191">
        <v>11</v>
      </c>
      <c r="AH23" s="196">
        <v>496</v>
      </c>
      <c r="AI23" s="195">
        <v>496</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9</v>
      </c>
      <c r="AZ23" s="191">
        <v>6</v>
      </c>
      <c r="BA23" s="191">
        <v>19</v>
      </c>
      <c r="BB23" s="191">
        <v>6</v>
      </c>
      <c r="BC23" s="191">
        <v>2</v>
      </c>
      <c r="BD23" s="196">
        <v>42</v>
      </c>
      <c r="BE23" s="195">
        <v>42</v>
      </c>
      <c r="BF23" s="190">
        <v>0</v>
      </c>
      <c r="BG23" s="191">
        <v>0</v>
      </c>
      <c r="BH23" s="196">
        <v>0</v>
      </c>
      <c r="BI23" s="193">
        <v>0</v>
      </c>
      <c r="BJ23" s="191">
        <v>16</v>
      </c>
      <c r="BK23" s="191">
        <v>37</v>
      </c>
      <c r="BL23" s="191">
        <v>37</v>
      </c>
      <c r="BM23" s="191">
        <v>15</v>
      </c>
      <c r="BN23" s="191">
        <v>11</v>
      </c>
      <c r="BO23" s="194">
        <v>116</v>
      </c>
      <c r="BP23" s="195">
        <v>11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2</v>
      </c>
      <c r="CR23" s="191">
        <v>3</v>
      </c>
      <c r="CS23" s="191">
        <v>3</v>
      </c>
      <c r="CT23" s="191">
        <v>2</v>
      </c>
      <c r="CU23" s="191">
        <v>5</v>
      </c>
      <c r="CV23" s="196">
        <v>15</v>
      </c>
      <c r="CW23" s="195">
        <v>15</v>
      </c>
    </row>
    <row r="24" spans="2:101" ht="21" customHeight="1" x14ac:dyDescent="0.2">
      <c r="B24" s="106" t="s">
        <v>22</v>
      </c>
      <c r="C24" s="190">
        <v>0</v>
      </c>
      <c r="D24" s="196">
        <v>0</v>
      </c>
      <c r="E24" s="207">
        <v>0</v>
      </c>
      <c r="F24" s="193">
        <v>0</v>
      </c>
      <c r="G24" s="191">
        <v>0</v>
      </c>
      <c r="H24" s="191">
        <v>6</v>
      </c>
      <c r="I24" s="191">
        <v>6</v>
      </c>
      <c r="J24" s="191">
        <v>3</v>
      </c>
      <c r="K24" s="191">
        <v>0</v>
      </c>
      <c r="L24" s="194">
        <v>15</v>
      </c>
      <c r="M24" s="195">
        <v>15</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11</v>
      </c>
      <c r="AD24" s="191">
        <v>100</v>
      </c>
      <c r="AE24" s="191">
        <v>48</v>
      </c>
      <c r="AF24" s="191">
        <v>23</v>
      </c>
      <c r="AG24" s="191">
        <v>3</v>
      </c>
      <c r="AH24" s="196">
        <v>285</v>
      </c>
      <c r="AI24" s="195">
        <v>285</v>
      </c>
      <c r="AJ24" s="190">
        <v>0</v>
      </c>
      <c r="AK24" s="191">
        <v>0</v>
      </c>
      <c r="AL24" s="196">
        <v>0</v>
      </c>
      <c r="AM24" s="193">
        <v>0</v>
      </c>
      <c r="AN24" s="191">
        <v>2</v>
      </c>
      <c r="AO24" s="191">
        <v>1</v>
      </c>
      <c r="AP24" s="191">
        <v>7</v>
      </c>
      <c r="AQ24" s="191">
        <v>2</v>
      </c>
      <c r="AR24" s="191">
        <v>1</v>
      </c>
      <c r="AS24" s="196">
        <v>13</v>
      </c>
      <c r="AT24" s="195">
        <v>13</v>
      </c>
      <c r="AU24" s="190">
        <v>4</v>
      </c>
      <c r="AV24" s="191">
        <v>4</v>
      </c>
      <c r="AW24" s="196">
        <v>8</v>
      </c>
      <c r="AX24" s="193">
        <v>0</v>
      </c>
      <c r="AY24" s="191">
        <v>20</v>
      </c>
      <c r="AZ24" s="191">
        <v>25</v>
      </c>
      <c r="BA24" s="191">
        <v>9</v>
      </c>
      <c r="BB24" s="191">
        <v>10</v>
      </c>
      <c r="BC24" s="191">
        <v>5</v>
      </c>
      <c r="BD24" s="196">
        <v>69</v>
      </c>
      <c r="BE24" s="195">
        <v>77</v>
      </c>
      <c r="BF24" s="190">
        <v>0</v>
      </c>
      <c r="BG24" s="191">
        <v>0</v>
      </c>
      <c r="BH24" s="196">
        <v>0</v>
      </c>
      <c r="BI24" s="193">
        <v>0</v>
      </c>
      <c r="BJ24" s="191">
        <v>9</v>
      </c>
      <c r="BK24" s="191">
        <v>17</v>
      </c>
      <c r="BL24" s="191">
        <v>18</v>
      </c>
      <c r="BM24" s="191">
        <v>13</v>
      </c>
      <c r="BN24" s="191">
        <v>4</v>
      </c>
      <c r="BO24" s="194">
        <v>61</v>
      </c>
      <c r="BP24" s="195">
        <v>61</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6</v>
      </c>
      <c r="CI24" s="191">
        <v>12</v>
      </c>
      <c r="CJ24" s="191">
        <v>11</v>
      </c>
      <c r="CK24" s="196">
        <v>30</v>
      </c>
      <c r="CL24" s="195">
        <v>3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68</v>
      </c>
      <c r="AD25" s="191">
        <v>56</v>
      </c>
      <c r="AE25" s="191">
        <v>26</v>
      </c>
      <c r="AF25" s="191">
        <v>17</v>
      </c>
      <c r="AG25" s="191">
        <v>5</v>
      </c>
      <c r="AH25" s="196">
        <v>172</v>
      </c>
      <c r="AI25" s="195">
        <v>172</v>
      </c>
      <c r="AJ25" s="190">
        <v>0</v>
      </c>
      <c r="AK25" s="191">
        <v>0</v>
      </c>
      <c r="AL25" s="196">
        <v>0</v>
      </c>
      <c r="AM25" s="193">
        <v>0</v>
      </c>
      <c r="AN25" s="191">
        <v>0</v>
      </c>
      <c r="AO25" s="191">
        <v>0</v>
      </c>
      <c r="AP25" s="191">
        <v>3</v>
      </c>
      <c r="AQ25" s="191">
        <v>1</v>
      </c>
      <c r="AR25" s="191">
        <v>0</v>
      </c>
      <c r="AS25" s="196">
        <v>4</v>
      </c>
      <c r="AT25" s="195">
        <v>4</v>
      </c>
      <c r="AU25" s="190">
        <v>0</v>
      </c>
      <c r="AV25" s="191">
        <v>0</v>
      </c>
      <c r="AW25" s="196">
        <v>0</v>
      </c>
      <c r="AX25" s="193">
        <v>0</v>
      </c>
      <c r="AY25" s="191">
        <v>6</v>
      </c>
      <c r="AZ25" s="191">
        <v>5</v>
      </c>
      <c r="BA25" s="191">
        <v>5</v>
      </c>
      <c r="BB25" s="191">
        <v>1</v>
      </c>
      <c r="BC25" s="191">
        <v>0</v>
      </c>
      <c r="BD25" s="196">
        <v>17</v>
      </c>
      <c r="BE25" s="195">
        <v>17</v>
      </c>
      <c r="BF25" s="190">
        <v>0</v>
      </c>
      <c r="BG25" s="191">
        <v>0</v>
      </c>
      <c r="BH25" s="196">
        <v>0</v>
      </c>
      <c r="BI25" s="193">
        <v>0</v>
      </c>
      <c r="BJ25" s="191">
        <v>39</v>
      </c>
      <c r="BK25" s="191">
        <v>24</v>
      </c>
      <c r="BL25" s="191">
        <v>23</v>
      </c>
      <c r="BM25" s="191">
        <v>20</v>
      </c>
      <c r="BN25" s="191">
        <v>5</v>
      </c>
      <c r="BO25" s="194">
        <v>111</v>
      </c>
      <c r="BP25" s="195">
        <v>111</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0</v>
      </c>
      <c r="CV25" s="196">
        <v>1</v>
      </c>
      <c r="CW25" s="195">
        <v>1</v>
      </c>
    </row>
    <row r="26" spans="2:101" ht="21" customHeight="1" x14ac:dyDescent="0.2">
      <c r="B26" s="106" t="s">
        <v>24</v>
      </c>
      <c r="C26" s="190">
        <v>0</v>
      </c>
      <c r="D26" s="196">
        <v>0</v>
      </c>
      <c r="E26" s="207">
        <v>0</v>
      </c>
      <c r="F26" s="193">
        <v>0</v>
      </c>
      <c r="G26" s="191">
        <v>1</v>
      </c>
      <c r="H26" s="191">
        <v>1</v>
      </c>
      <c r="I26" s="191">
        <v>2</v>
      </c>
      <c r="J26" s="191">
        <v>5</v>
      </c>
      <c r="K26" s="191">
        <v>0</v>
      </c>
      <c r="L26" s="194">
        <v>9</v>
      </c>
      <c r="M26" s="195">
        <v>9</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4</v>
      </c>
      <c r="AD26" s="191">
        <v>15</v>
      </c>
      <c r="AE26" s="191">
        <v>14</v>
      </c>
      <c r="AF26" s="191">
        <v>6</v>
      </c>
      <c r="AG26" s="191">
        <v>1</v>
      </c>
      <c r="AH26" s="196">
        <v>60</v>
      </c>
      <c r="AI26" s="195">
        <v>60</v>
      </c>
      <c r="AJ26" s="190">
        <v>0</v>
      </c>
      <c r="AK26" s="191">
        <v>0</v>
      </c>
      <c r="AL26" s="196">
        <v>0</v>
      </c>
      <c r="AM26" s="193">
        <v>0</v>
      </c>
      <c r="AN26" s="191">
        <v>4</v>
      </c>
      <c r="AO26" s="191">
        <v>5</v>
      </c>
      <c r="AP26" s="191">
        <v>3</v>
      </c>
      <c r="AQ26" s="191">
        <v>3</v>
      </c>
      <c r="AR26" s="191">
        <v>1</v>
      </c>
      <c r="AS26" s="196">
        <v>16</v>
      </c>
      <c r="AT26" s="195">
        <v>16</v>
      </c>
      <c r="AU26" s="190">
        <v>2</v>
      </c>
      <c r="AV26" s="191">
        <v>3</v>
      </c>
      <c r="AW26" s="196">
        <v>5</v>
      </c>
      <c r="AX26" s="193">
        <v>0</v>
      </c>
      <c r="AY26" s="191">
        <v>12</v>
      </c>
      <c r="AZ26" s="191">
        <v>13</v>
      </c>
      <c r="BA26" s="191">
        <v>5</v>
      </c>
      <c r="BB26" s="191">
        <v>7</v>
      </c>
      <c r="BC26" s="191">
        <v>2</v>
      </c>
      <c r="BD26" s="196">
        <v>39</v>
      </c>
      <c r="BE26" s="195">
        <v>44</v>
      </c>
      <c r="BF26" s="190">
        <v>0</v>
      </c>
      <c r="BG26" s="191">
        <v>0</v>
      </c>
      <c r="BH26" s="196">
        <v>0</v>
      </c>
      <c r="BI26" s="193">
        <v>0</v>
      </c>
      <c r="BJ26" s="191">
        <v>2</v>
      </c>
      <c r="BK26" s="191">
        <v>5</v>
      </c>
      <c r="BL26" s="191">
        <v>6</v>
      </c>
      <c r="BM26" s="191">
        <v>4</v>
      </c>
      <c r="BN26" s="191">
        <v>1</v>
      </c>
      <c r="BO26" s="194">
        <v>18</v>
      </c>
      <c r="BP26" s="195">
        <v>18</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80</v>
      </c>
      <c r="AD27" s="191">
        <v>37</v>
      </c>
      <c r="AE27" s="191">
        <v>16</v>
      </c>
      <c r="AF27" s="191">
        <v>5</v>
      </c>
      <c r="AG27" s="191">
        <v>1</v>
      </c>
      <c r="AH27" s="196">
        <v>139</v>
      </c>
      <c r="AI27" s="195">
        <v>139</v>
      </c>
      <c r="AJ27" s="190">
        <v>0</v>
      </c>
      <c r="AK27" s="191">
        <v>0</v>
      </c>
      <c r="AL27" s="196">
        <v>0</v>
      </c>
      <c r="AM27" s="193">
        <v>0</v>
      </c>
      <c r="AN27" s="191">
        <v>0</v>
      </c>
      <c r="AO27" s="191">
        <v>0</v>
      </c>
      <c r="AP27" s="191">
        <v>0</v>
      </c>
      <c r="AQ27" s="191">
        <v>0</v>
      </c>
      <c r="AR27" s="191">
        <v>0</v>
      </c>
      <c r="AS27" s="196">
        <v>0</v>
      </c>
      <c r="AT27" s="195">
        <v>0</v>
      </c>
      <c r="AU27" s="190">
        <v>2</v>
      </c>
      <c r="AV27" s="191">
        <v>2</v>
      </c>
      <c r="AW27" s="196">
        <v>4</v>
      </c>
      <c r="AX27" s="193">
        <v>0</v>
      </c>
      <c r="AY27" s="191">
        <v>4</v>
      </c>
      <c r="AZ27" s="191">
        <v>4</v>
      </c>
      <c r="BA27" s="191">
        <v>2</v>
      </c>
      <c r="BB27" s="191">
        <v>1</v>
      </c>
      <c r="BC27" s="191">
        <v>1</v>
      </c>
      <c r="BD27" s="196">
        <v>12</v>
      </c>
      <c r="BE27" s="195">
        <v>16</v>
      </c>
      <c r="BF27" s="190">
        <v>0</v>
      </c>
      <c r="BG27" s="191">
        <v>0</v>
      </c>
      <c r="BH27" s="196">
        <v>0</v>
      </c>
      <c r="BI27" s="193">
        <v>0</v>
      </c>
      <c r="BJ27" s="191">
        <v>11</v>
      </c>
      <c r="BK27" s="191">
        <v>4</v>
      </c>
      <c r="BL27" s="191">
        <v>11</v>
      </c>
      <c r="BM27" s="191">
        <v>6</v>
      </c>
      <c r="BN27" s="191">
        <v>2</v>
      </c>
      <c r="BO27" s="194">
        <v>34</v>
      </c>
      <c r="BP27" s="195">
        <v>34</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46</v>
      </c>
      <c r="AD28" s="191">
        <v>43</v>
      </c>
      <c r="AE28" s="191">
        <v>29</v>
      </c>
      <c r="AF28" s="191">
        <v>10</v>
      </c>
      <c r="AG28" s="191">
        <v>8</v>
      </c>
      <c r="AH28" s="196">
        <v>136</v>
      </c>
      <c r="AI28" s="195">
        <v>136</v>
      </c>
      <c r="AJ28" s="190">
        <v>0</v>
      </c>
      <c r="AK28" s="191">
        <v>0</v>
      </c>
      <c r="AL28" s="196">
        <v>0</v>
      </c>
      <c r="AM28" s="193">
        <v>0</v>
      </c>
      <c r="AN28" s="191">
        <v>0</v>
      </c>
      <c r="AO28" s="191">
        <v>3</v>
      </c>
      <c r="AP28" s="191">
        <v>2</v>
      </c>
      <c r="AQ28" s="191">
        <v>0</v>
      </c>
      <c r="AR28" s="191">
        <v>3</v>
      </c>
      <c r="AS28" s="196">
        <v>8</v>
      </c>
      <c r="AT28" s="195">
        <v>8</v>
      </c>
      <c r="AU28" s="190">
        <v>0</v>
      </c>
      <c r="AV28" s="191">
        <v>0</v>
      </c>
      <c r="AW28" s="196">
        <v>0</v>
      </c>
      <c r="AX28" s="193">
        <v>0</v>
      </c>
      <c r="AY28" s="191">
        <v>5</v>
      </c>
      <c r="AZ28" s="191">
        <v>7</v>
      </c>
      <c r="BA28" s="191">
        <v>5</v>
      </c>
      <c r="BB28" s="191">
        <v>2</v>
      </c>
      <c r="BC28" s="191">
        <v>1</v>
      </c>
      <c r="BD28" s="196">
        <v>20</v>
      </c>
      <c r="BE28" s="195">
        <v>20</v>
      </c>
      <c r="BF28" s="190">
        <v>0</v>
      </c>
      <c r="BG28" s="191">
        <v>0</v>
      </c>
      <c r="BH28" s="196">
        <v>0</v>
      </c>
      <c r="BI28" s="193">
        <v>0</v>
      </c>
      <c r="BJ28" s="191">
        <v>6</v>
      </c>
      <c r="BK28" s="191">
        <v>14</v>
      </c>
      <c r="BL28" s="191">
        <v>25</v>
      </c>
      <c r="BM28" s="191">
        <v>9</v>
      </c>
      <c r="BN28" s="191">
        <v>2</v>
      </c>
      <c r="BO28" s="194">
        <v>56</v>
      </c>
      <c r="BP28" s="195">
        <v>56</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5</v>
      </c>
      <c r="AD29" s="191">
        <v>17</v>
      </c>
      <c r="AE29" s="191">
        <v>5</v>
      </c>
      <c r="AF29" s="191">
        <v>2</v>
      </c>
      <c r="AG29" s="191">
        <v>0</v>
      </c>
      <c r="AH29" s="196">
        <v>59</v>
      </c>
      <c r="AI29" s="195">
        <v>59</v>
      </c>
      <c r="AJ29" s="190">
        <v>0</v>
      </c>
      <c r="AK29" s="191">
        <v>0</v>
      </c>
      <c r="AL29" s="196">
        <v>0</v>
      </c>
      <c r="AM29" s="193">
        <v>0</v>
      </c>
      <c r="AN29" s="191">
        <v>2</v>
      </c>
      <c r="AO29" s="191">
        <v>1</v>
      </c>
      <c r="AP29" s="191">
        <v>2</v>
      </c>
      <c r="AQ29" s="191">
        <v>1</v>
      </c>
      <c r="AR29" s="191">
        <v>1</v>
      </c>
      <c r="AS29" s="196">
        <v>7</v>
      </c>
      <c r="AT29" s="195">
        <v>7</v>
      </c>
      <c r="AU29" s="190">
        <v>0</v>
      </c>
      <c r="AV29" s="191">
        <v>0</v>
      </c>
      <c r="AW29" s="196">
        <v>0</v>
      </c>
      <c r="AX29" s="193">
        <v>0</v>
      </c>
      <c r="AY29" s="191">
        <v>10</v>
      </c>
      <c r="AZ29" s="191">
        <v>5</v>
      </c>
      <c r="BA29" s="191">
        <v>5</v>
      </c>
      <c r="BB29" s="191">
        <v>2</v>
      </c>
      <c r="BC29" s="191">
        <v>1</v>
      </c>
      <c r="BD29" s="196">
        <v>23</v>
      </c>
      <c r="BE29" s="195">
        <v>23</v>
      </c>
      <c r="BF29" s="190">
        <v>0</v>
      </c>
      <c r="BG29" s="191">
        <v>0</v>
      </c>
      <c r="BH29" s="196">
        <v>0</v>
      </c>
      <c r="BI29" s="193">
        <v>0</v>
      </c>
      <c r="BJ29" s="191">
        <v>6</v>
      </c>
      <c r="BK29" s="191">
        <v>4</v>
      </c>
      <c r="BL29" s="191">
        <v>10</v>
      </c>
      <c r="BM29" s="191">
        <v>4</v>
      </c>
      <c r="BN29" s="191">
        <v>7</v>
      </c>
      <c r="BO29" s="194">
        <v>31</v>
      </c>
      <c r="BP29" s="195">
        <v>3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6</v>
      </c>
      <c r="CI29" s="191">
        <v>9</v>
      </c>
      <c r="CJ29" s="191">
        <v>4</v>
      </c>
      <c r="CK29" s="196">
        <v>19</v>
      </c>
      <c r="CL29" s="195">
        <v>19</v>
      </c>
      <c r="CM29" s="190">
        <v>0</v>
      </c>
      <c r="CN29" s="191">
        <v>0</v>
      </c>
      <c r="CO29" s="196">
        <v>0</v>
      </c>
      <c r="CP29" s="193">
        <v>0</v>
      </c>
      <c r="CQ29" s="191">
        <v>0</v>
      </c>
      <c r="CR29" s="191">
        <v>0</v>
      </c>
      <c r="CS29" s="191">
        <v>0</v>
      </c>
      <c r="CT29" s="191">
        <v>1</v>
      </c>
      <c r="CU29" s="191">
        <v>0</v>
      </c>
      <c r="CV29" s="196">
        <v>1</v>
      </c>
      <c r="CW29" s="195">
        <v>1</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8</v>
      </c>
      <c r="AD30" s="191">
        <v>14</v>
      </c>
      <c r="AE30" s="191">
        <v>3</v>
      </c>
      <c r="AF30" s="191">
        <v>1</v>
      </c>
      <c r="AG30" s="191">
        <v>1</v>
      </c>
      <c r="AH30" s="196">
        <v>47</v>
      </c>
      <c r="AI30" s="195">
        <v>47</v>
      </c>
      <c r="AJ30" s="190">
        <v>0</v>
      </c>
      <c r="AK30" s="191">
        <v>0</v>
      </c>
      <c r="AL30" s="196">
        <v>0</v>
      </c>
      <c r="AM30" s="193">
        <v>0</v>
      </c>
      <c r="AN30" s="191">
        <v>4</v>
      </c>
      <c r="AO30" s="191">
        <v>2</v>
      </c>
      <c r="AP30" s="191">
        <v>1</v>
      </c>
      <c r="AQ30" s="191">
        <v>1</v>
      </c>
      <c r="AR30" s="191">
        <v>0</v>
      </c>
      <c r="AS30" s="196">
        <v>8</v>
      </c>
      <c r="AT30" s="195">
        <v>8</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2</v>
      </c>
      <c r="BK30" s="191">
        <v>4</v>
      </c>
      <c r="BL30" s="191">
        <v>3</v>
      </c>
      <c r="BM30" s="191">
        <v>4</v>
      </c>
      <c r="BN30" s="191">
        <v>4</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18</v>
      </c>
      <c r="AE31" s="191">
        <v>10</v>
      </c>
      <c r="AF31" s="191">
        <v>3</v>
      </c>
      <c r="AG31" s="191">
        <v>0</v>
      </c>
      <c r="AH31" s="196">
        <v>42</v>
      </c>
      <c r="AI31" s="195">
        <v>42</v>
      </c>
      <c r="AJ31" s="190">
        <v>0</v>
      </c>
      <c r="AK31" s="191">
        <v>0</v>
      </c>
      <c r="AL31" s="196">
        <v>0</v>
      </c>
      <c r="AM31" s="193">
        <v>0</v>
      </c>
      <c r="AN31" s="191">
        <v>2</v>
      </c>
      <c r="AO31" s="191">
        <v>1</v>
      </c>
      <c r="AP31" s="191">
        <v>1</v>
      </c>
      <c r="AQ31" s="191">
        <v>0</v>
      </c>
      <c r="AR31" s="191">
        <v>0</v>
      </c>
      <c r="AS31" s="196">
        <v>4</v>
      </c>
      <c r="AT31" s="195">
        <v>4</v>
      </c>
      <c r="AU31" s="190">
        <v>0</v>
      </c>
      <c r="AV31" s="191">
        <v>1</v>
      </c>
      <c r="AW31" s="196">
        <v>1</v>
      </c>
      <c r="AX31" s="193">
        <v>0</v>
      </c>
      <c r="AY31" s="191">
        <v>6</v>
      </c>
      <c r="AZ31" s="191">
        <v>5</v>
      </c>
      <c r="BA31" s="191">
        <v>5</v>
      </c>
      <c r="BB31" s="191">
        <v>5</v>
      </c>
      <c r="BC31" s="191">
        <v>1</v>
      </c>
      <c r="BD31" s="196">
        <v>22</v>
      </c>
      <c r="BE31" s="195">
        <v>23</v>
      </c>
      <c r="BF31" s="190">
        <v>0</v>
      </c>
      <c r="BG31" s="191">
        <v>0</v>
      </c>
      <c r="BH31" s="196">
        <v>0</v>
      </c>
      <c r="BI31" s="193">
        <v>0</v>
      </c>
      <c r="BJ31" s="191">
        <v>7</v>
      </c>
      <c r="BK31" s="191">
        <v>9</v>
      </c>
      <c r="BL31" s="191">
        <v>9</v>
      </c>
      <c r="BM31" s="191">
        <v>4</v>
      </c>
      <c r="BN31" s="191">
        <v>1</v>
      </c>
      <c r="BO31" s="194">
        <v>30</v>
      </c>
      <c r="BP31" s="195">
        <v>3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3</v>
      </c>
      <c r="CI31" s="191">
        <v>8</v>
      </c>
      <c r="CJ31" s="191">
        <v>6</v>
      </c>
      <c r="CK31" s="196">
        <v>27</v>
      </c>
      <c r="CL31" s="195">
        <v>27</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0</v>
      </c>
      <c r="L32" s="194">
        <v>3</v>
      </c>
      <c r="M32" s="195">
        <v>3</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5</v>
      </c>
      <c r="AD32" s="191">
        <v>7</v>
      </c>
      <c r="AE32" s="191">
        <v>9</v>
      </c>
      <c r="AF32" s="191">
        <v>5</v>
      </c>
      <c r="AG32" s="191">
        <v>1</v>
      </c>
      <c r="AH32" s="196">
        <v>47</v>
      </c>
      <c r="AI32" s="195">
        <v>47</v>
      </c>
      <c r="AJ32" s="190">
        <v>0</v>
      </c>
      <c r="AK32" s="191">
        <v>0</v>
      </c>
      <c r="AL32" s="196">
        <v>0</v>
      </c>
      <c r="AM32" s="193">
        <v>0</v>
      </c>
      <c r="AN32" s="191">
        <v>1</v>
      </c>
      <c r="AO32" s="191">
        <v>3</v>
      </c>
      <c r="AP32" s="191">
        <v>0</v>
      </c>
      <c r="AQ32" s="191">
        <v>0</v>
      </c>
      <c r="AR32" s="191">
        <v>0</v>
      </c>
      <c r="AS32" s="196">
        <v>4</v>
      </c>
      <c r="AT32" s="195">
        <v>4</v>
      </c>
      <c r="AU32" s="190">
        <v>0</v>
      </c>
      <c r="AV32" s="191">
        <v>0</v>
      </c>
      <c r="AW32" s="196">
        <v>0</v>
      </c>
      <c r="AX32" s="193">
        <v>0</v>
      </c>
      <c r="AY32" s="191">
        <v>0</v>
      </c>
      <c r="AZ32" s="191">
        <v>0</v>
      </c>
      <c r="BA32" s="191">
        <v>0</v>
      </c>
      <c r="BB32" s="191">
        <v>1</v>
      </c>
      <c r="BC32" s="191">
        <v>0</v>
      </c>
      <c r="BD32" s="196">
        <v>1</v>
      </c>
      <c r="BE32" s="195">
        <v>1</v>
      </c>
      <c r="BF32" s="190">
        <v>0</v>
      </c>
      <c r="BG32" s="191">
        <v>0</v>
      </c>
      <c r="BH32" s="196">
        <v>0</v>
      </c>
      <c r="BI32" s="193">
        <v>0</v>
      </c>
      <c r="BJ32" s="191">
        <v>3</v>
      </c>
      <c r="BK32" s="191">
        <v>4</v>
      </c>
      <c r="BL32" s="191">
        <v>2</v>
      </c>
      <c r="BM32" s="191">
        <v>7</v>
      </c>
      <c r="BN32" s="191">
        <v>2</v>
      </c>
      <c r="BO32" s="194">
        <v>18</v>
      </c>
      <c r="BP32" s="195">
        <v>18</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0</v>
      </c>
      <c r="J33" s="191">
        <v>0</v>
      </c>
      <c r="K33" s="191">
        <v>0</v>
      </c>
      <c r="L33" s="194">
        <v>1</v>
      </c>
      <c r="M33" s="195">
        <v>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8</v>
      </c>
      <c r="AD33" s="191">
        <v>19</v>
      </c>
      <c r="AE33" s="191">
        <v>6</v>
      </c>
      <c r="AF33" s="191">
        <v>1</v>
      </c>
      <c r="AG33" s="191">
        <v>0</v>
      </c>
      <c r="AH33" s="196">
        <v>54</v>
      </c>
      <c r="AI33" s="195">
        <v>54</v>
      </c>
      <c r="AJ33" s="190">
        <v>0</v>
      </c>
      <c r="AK33" s="191">
        <v>0</v>
      </c>
      <c r="AL33" s="196">
        <v>0</v>
      </c>
      <c r="AM33" s="193">
        <v>0</v>
      </c>
      <c r="AN33" s="191">
        <v>0</v>
      </c>
      <c r="AO33" s="191">
        <v>1</v>
      </c>
      <c r="AP33" s="191">
        <v>1</v>
      </c>
      <c r="AQ33" s="191">
        <v>1</v>
      </c>
      <c r="AR33" s="191">
        <v>0</v>
      </c>
      <c r="AS33" s="196">
        <v>3</v>
      </c>
      <c r="AT33" s="195">
        <v>3</v>
      </c>
      <c r="AU33" s="190">
        <v>0</v>
      </c>
      <c r="AV33" s="191">
        <v>1</v>
      </c>
      <c r="AW33" s="196">
        <v>1</v>
      </c>
      <c r="AX33" s="193">
        <v>0</v>
      </c>
      <c r="AY33" s="191">
        <v>7</v>
      </c>
      <c r="AZ33" s="191">
        <v>5</v>
      </c>
      <c r="BA33" s="191">
        <v>7</v>
      </c>
      <c r="BB33" s="191">
        <v>1</v>
      </c>
      <c r="BC33" s="191">
        <v>0</v>
      </c>
      <c r="BD33" s="196">
        <v>20</v>
      </c>
      <c r="BE33" s="195">
        <v>21</v>
      </c>
      <c r="BF33" s="190">
        <v>0</v>
      </c>
      <c r="BG33" s="191">
        <v>0</v>
      </c>
      <c r="BH33" s="196">
        <v>0</v>
      </c>
      <c r="BI33" s="193">
        <v>0</v>
      </c>
      <c r="BJ33" s="191">
        <v>8</v>
      </c>
      <c r="BK33" s="191">
        <v>11</v>
      </c>
      <c r="BL33" s="191">
        <v>9</v>
      </c>
      <c r="BM33" s="191">
        <v>11</v>
      </c>
      <c r="BN33" s="191">
        <v>5</v>
      </c>
      <c r="BO33" s="194">
        <v>44</v>
      </c>
      <c r="BP33" s="195">
        <v>4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4</v>
      </c>
      <c r="I34" s="191">
        <v>1</v>
      </c>
      <c r="J34" s="191">
        <v>0</v>
      </c>
      <c r="K34" s="191">
        <v>0</v>
      </c>
      <c r="L34" s="194">
        <v>6</v>
      </c>
      <c r="M34" s="195">
        <v>6</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2</v>
      </c>
      <c r="AD34" s="191">
        <v>30</v>
      </c>
      <c r="AE34" s="191">
        <v>4</v>
      </c>
      <c r="AF34" s="191">
        <v>3</v>
      </c>
      <c r="AG34" s="191">
        <v>2</v>
      </c>
      <c r="AH34" s="196">
        <v>81</v>
      </c>
      <c r="AI34" s="195">
        <v>81</v>
      </c>
      <c r="AJ34" s="190">
        <v>0</v>
      </c>
      <c r="AK34" s="191">
        <v>0</v>
      </c>
      <c r="AL34" s="196">
        <v>0</v>
      </c>
      <c r="AM34" s="193">
        <v>0</v>
      </c>
      <c r="AN34" s="191">
        <v>5</v>
      </c>
      <c r="AO34" s="191">
        <v>1</v>
      </c>
      <c r="AP34" s="191">
        <v>1</v>
      </c>
      <c r="AQ34" s="191">
        <v>0</v>
      </c>
      <c r="AR34" s="191">
        <v>1</v>
      </c>
      <c r="AS34" s="196">
        <v>8</v>
      </c>
      <c r="AT34" s="195">
        <v>8</v>
      </c>
      <c r="AU34" s="190">
        <v>0</v>
      </c>
      <c r="AV34" s="191">
        <v>4</v>
      </c>
      <c r="AW34" s="196">
        <v>4</v>
      </c>
      <c r="AX34" s="193">
        <v>0</v>
      </c>
      <c r="AY34" s="191">
        <v>9</v>
      </c>
      <c r="AZ34" s="191">
        <v>1</v>
      </c>
      <c r="BA34" s="191">
        <v>3</v>
      </c>
      <c r="BB34" s="191">
        <v>2</v>
      </c>
      <c r="BC34" s="191">
        <v>0</v>
      </c>
      <c r="BD34" s="196">
        <v>15</v>
      </c>
      <c r="BE34" s="195">
        <v>19</v>
      </c>
      <c r="BF34" s="190">
        <v>0</v>
      </c>
      <c r="BG34" s="191">
        <v>0</v>
      </c>
      <c r="BH34" s="196">
        <v>0</v>
      </c>
      <c r="BI34" s="193">
        <v>0</v>
      </c>
      <c r="BJ34" s="191">
        <v>3</v>
      </c>
      <c r="BK34" s="191">
        <v>3</v>
      </c>
      <c r="BL34" s="191">
        <v>7</v>
      </c>
      <c r="BM34" s="191">
        <v>8</v>
      </c>
      <c r="BN34" s="191">
        <v>4</v>
      </c>
      <c r="BO34" s="194">
        <v>25</v>
      </c>
      <c r="BP34" s="195">
        <v>25</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2</v>
      </c>
      <c r="CI34" s="191">
        <v>8</v>
      </c>
      <c r="CJ34" s="191">
        <v>5</v>
      </c>
      <c r="CK34" s="196">
        <v>26</v>
      </c>
      <c r="CL34" s="195">
        <v>26</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3</v>
      </c>
      <c r="AD35" s="191">
        <v>13</v>
      </c>
      <c r="AE35" s="191">
        <v>5</v>
      </c>
      <c r="AF35" s="191">
        <v>4</v>
      </c>
      <c r="AG35" s="191">
        <v>1</v>
      </c>
      <c r="AH35" s="196">
        <v>46</v>
      </c>
      <c r="AI35" s="195">
        <v>46</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3</v>
      </c>
      <c r="BK35" s="191">
        <v>3</v>
      </c>
      <c r="BL35" s="191">
        <v>8</v>
      </c>
      <c r="BM35" s="191">
        <v>2</v>
      </c>
      <c r="BN35" s="191">
        <v>1</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4</v>
      </c>
      <c r="CR35" s="191">
        <v>2</v>
      </c>
      <c r="CS35" s="191">
        <v>4</v>
      </c>
      <c r="CT35" s="191">
        <v>3</v>
      </c>
      <c r="CU35" s="191">
        <v>4</v>
      </c>
      <c r="CV35" s="196">
        <v>17</v>
      </c>
      <c r="CW35" s="195">
        <v>17</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1</v>
      </c>
      <c r="AD36" s="191">
        <v>4</v>
      </c>
      <c r="AE36" s="191">
        <v>2</v>
      </c>
      <c r="AF36" s="191">
        <v>2</v>
      </c>
      <c r="AG36" s="191">
        <v>0</v>
      </c>
      <c r="AH36" s="196">
        <v>19</v>
      </c>
      <c r="AI36" s="195">
        <v>19</v>
      </c>
      <c r="AJ36" s="190">
        <v>0</v>
      </c>
      <c r="AK36" s="191">
        <v>0</v>
      </c>
      <c r="AL36" s="196">
        <v>0</v>
      </c>
      <c r="AM36" s="193">
        <v>0</v>
      </c>
      <c r="AN36" s="191">
        <v>0</v>
      </c>
      <c r="AO36" s="191">
        <v>0</v>
      </c>
      <c r="AP36" s="191">
        <v>0</v>
      </c>
      <c r="AQ36" s="191">
        <v>0</v>
      </c>
      <c r="AR36" s="191">
        <v>1</v>
      </c>
      <c r="AS36" s="196">
        <v>1</v>
      </c>
      <c r="AT36" s="195">
        <v>1</v>
      </c>
      <c r="AU36" s="190">
        <v>1</v>
      </c>
      <c r="AV36" s="191">
        <v>1</v>
      </c>
      <c r="AW36" s="196">
        <v>2</v>
      </c>
      <c r="AX36" s="193">
        <v>0</v>
      </c>
      <c r="AY36" s="191">
        <v>8</v>
      </c>
      <c r="AZ36" s="191">
        <v>8</v>
      </c>
      <c r="BA36" s="191">
        <v>4</v>
      </c>
      <c r="BB36" s="191">
        <v>2</v>
      </c>
      <c r="BC36" s="191">
        <v>0</v>
      </c>
      <c r="BD36" s="196">
        <v>22</v>
      </c>
      <c r="BE36" s="195">
        <v>24</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9</v>
      </c>
      <c r="CR36" s="191">
        <v>9</v>
      </c>
      <c r="CS36" s="191">
        <v>5</v>
      </c>
      <c r="CT36" s="191">
        <v>2</v>
      </c>
      <c r="CU36" s="191">
        <v>2</v>
      </c>
      <c r="CV36" s="196">
        <v>27</v>
      </c>
      <c r="CW36" s="195">
        <v>27</v>
      </c>
    </row>
    <row r="37" spans="2:101" ht="21" customHeight="1" x14ac:dyDescent="0.2">
      <c r="B37" s="106" t="s">
        <v>35</v>
      </c>
      <c r="C37" s="190">
        <v>0</v>
      </c>
      <c r="D37" s="196">
        <v>0</v>
      </c>
      <c r="E37" s="207">
        <v>0</v>
      </c>
      <c r="F37" s="193">
        <v>0</v>
      </c>
      <c r="G37" s="191">
        <v>1</v>
      </c>
      <c r="H37" s="191">
        <v>0</v>
      </c>
      <c r="I37" s="191">
        <v>2</v>
      </c>
      <c r="J37" s="191">
        <v>1</v>
      </c>
      <c r="K37" s="191">
        <v>0</v>
      </c>
      <c r="L37" s="194">
        <v>4</v>
      </c>
      <c r="M37" s="195">
        <v>4</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7</v>
      </c>
      <c r="AD37" s="191">
        <v>10</v>
      </c>
      <c r="AE37" s="191">
        <v>8</v>
      </c>
      <c r="AF37" s="191">
        <v>8</v>
      </c>
      <c r="AG37" s="191">
        <v>2</v>
      </c>
      <c r="AH37" s="196">
        <v>45</v>
      </c>
      <c r="AI37" s="195">
        <v>45</v>
      </c>
      <c r="AJ37" s="190">
        <v>0</v>
      </c>
      <c r="AK37" s="191">
        <v>0</v>
      </c>
      <c r="AL37" s="196">
        <v>0</v>
      </c>
      <c r="AM37" s="193">
        <v>0</v>
      </c>
      <c r="AN37" s="191">
        <v>0</v>
      </c>
      <c r="AO37" s="191">
        <v>0</v>
      </c>
      <c r="AP37" s="191">
        <v>0</v>
      </c>
      <c r="AQ37" s="191">
        <v>0</v>
      </c>
      <c r="AR37" s="191">
        <v>0</v>
      </c>
      <c r="AS37" s="196">
        <v>0</v>
      </c>
      <c r="AT37" s="195">
        <v>0</v>
      </c>
      <c r="AU37" s="190">
        <v>4</v>
      </c>
      <c r="AV37" s="191">
        <v>2</v>
      </c>
      <c r="AW37" s="196">
        <v>6</v>
      </c>
      <c r="AX37" s="193">
        <v>0</v>
      </c>
      <c r="AY37" s="191">
        <v>10</v>
      </c>
      <c r="AZ37" s="191">
        <v>8</v>
      </c>
      <c r="BA37" s="191">
        <v>11</v>
      </c>
      <c r="BB37" s="191">
        <v>4</v>
      </c>
      <c r="BC37" s="191">
        <v>2</v>
      </c>
      <c r="BD37" s="196">
        <v>35</v>
      </c>
      <c r="BE37" s="195">
        <v>41</v>
      </c>
      <c r="BF37" s="190">
        <v>0</v>
      </c>
      <c r="BG37" s="191">
        <v>0</v>
      </c>
      <c r="BH37" s="196">
        <v>0</v>
      </c>
      <c r="BI37" s="193">
        <v>0</v>
      </c>
      <c r="BJ37" s="191">
        <v>12</v>
      </c>
      <c r="BK37" s="191">
        <v>14</v>
      </c>
      <c r="BL37" s="191">
        <v>17</v>
      </c>
      <c r="BM37" s="191">
        <v>12</v>
      </c>
      <c r="BN37" s="191">
        <v>6</v>
      </c>
      <c r="BO37" s="194">
        <v>61</v>
      </c>
      <c r="BP37" s="195">
        <v>6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0</v>
      </c>
      <c r="J38" s="191">
        <v>0</v>
      </c>
      <c r="K38" s="191">
        <v>0</v>
      </c>
      <c r="L38" s="194">
        <v>1</v>
      </c>
      <c r="M38" s="195">
        <v>1</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6</v>
      </c>
      <c r="AD38" s="191">
        <v>43</v>
      </c>
      <c r="AE38" s="191">
        <v>34</v>
      </c>
      <c r="AF38" s="191">
        <v>13</v>
      </c>
      <c r="AG38" s="191">
        <v>14</v>
      </c>
      <c r="AH38" s="196">
        <v>180</v>
      </c>
      <c r="AI38" s="195">
        <v>180</v>
      </c>
      <c r="AJ38" s="190">
        <v>0</v>
      </c>
      <c r="AK38" s="191">
        <v>0</v>
      </c>
      <c r="AL38" s="196">
        <v>0</v>
      </c>
      <c r="AM38" s="193">
        <v>0</v>
      </c>
      <c r="AN38" s="191">
        <v>0</v>
      </c>
      <c r="AO38" s="191">
        <v>0</v>
      </c>
      <c r="AP38" s="191">
        <v>0</v>
      </c>
      <c r="AQ38" s="191">
        <v>0</v>
      </c>
      <c r="AR38" s="191">
        <v>0</v>
      </c>
      <c r="AS38" s="196">
        <v>0</v>
      </c>
      <c r="AT38" s="195">
        <v>0</v>
      </c>
      <c r="AU38" s="190">
        <v>0</v>
      </c>
      <c r="AV38" s="191">
        <v>1</v>
      </c>
      <c r="AW38" s="196">
        <v>1</v>
      </c>
      <c r="AX38" s="193">
        <v>0</v>
      </c>
      <c r="AY38" s="191">
        <v>14</v>
      </c>
      <c r="AZ38" s="191">
        <v>14</v>
      </c>
      <c r="BA38" s="191">
        <v>7</v>
      </c>
      <c r="BB38" s="191">
        <v>3</v>
      </c>
      <c r="BC38" s="191">
        <v>3</v>
      </c>
      <c r="BD38" s="196">
        <v>41</v>
      </c>
      <c r="BE38" s="195">
        <v>42</v>
      </c>
      <c r="BF38" s="190">
        <v>0</v>
      </c>
      <c r="BG38" s="191">
        <v>0</v>
      </c>
      <c r="BH38" s="196">
        <v>0</v>
      </c>
      <c r="BI38" s="193">
        <v>0</v>
      </c>
      <c r="BJ38" s="191">
        <v>5</v>
      </c>
      <c r="BK38" s="191">
        <v>17</v>
      </c>
      <c r="BL38" s="191">
        <v>12</v>
      </c>
      <c r="BM38" s="191">
        <v>9</v>
      </c>
      <c r="BN38" s="191">
        <v>5</v>
      </c>
      <c r="BO38" s="194">
        <v>48</v>
      </c>
      <c r="BP38" s="195">
        <v>48</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1</v>
      </c>
      <c r="CU38" s="191">
        <v>0</v>
      </c>
      <c r="CV38" s="196">
        <v>1</v>
      </c>
      <c r="CW38" s="195">
        <v>1</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2</v>
      </c>
      <c r="AD39" s="198">
        <v>6</v>
      </c>
      <c r="AE39" s="198">
        <v>6</v>
      </c>
      <c r="AF39" s="198">
        <v>0</v>
      </c>
      <c r="AG39" s="198">
        <v>2</v>
      </c>
      <c r="AH39" s="203">
        <v>26</v>
      </c>
      <c r="AI39" s="202">
        <v>26</v>
      </c>
      <c r="AJ39" s="197">
        <v>0</v>
      </c>
      <c r="AK39" s="198">
        <v>0</v>
      </c>
      <c r="AL39" s="203">
        <v>0</v>
      </c>
      <c r="AM39" s="200">
        <v>0</v>
      </c>
      <c r="AN39" s="198">
        <v>1</v>
      </c>
      <c r="AO39" s="198">
        <v>0</v>
      </c>
      <c r="AP39" s="198">
        <v>0</v>
      </c>
      <c r="AQ39" s="198">
        <v>1</v>
      </c>
      <c r="AR39" s="198">
        <v>0</v>
      </c>
      <c r="AS39" s="203">
        <v>2</v>
      </c>
      <c r="AT39" s="202">
        <v>2</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0</v>
      </c>
      <c r="BL39" s="198">
        <v>3</v>
      </c>
      <c r="BM39" s="198">
        <v>4</v>
      </c>
      <c r="BN39" s="198">
        <v>2</v>
      </c>
      <c r="BO39" s="201">
        <v>12</v>
      </c>
      <c r="BP39" s="202">
        <v>12</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6">
        <f>第１表!F2</f>
        <v>6</v>
      </c>
      <c r="J1" s="446"/>
      <c r="K1" s="18">
        <f>第１表!G2</f>
        <v>5</v>
      </c>
      <c r="L1" s="451">
        <f>IF(K1&lt;3,K1+12-2,K1-2)</f>
        <v>3</v>
      </c>
      <c r="M1" s="451"/>
    </row>
    <row r="2" spans="2:101" s="71" customFormat="1" ht="24" customHeight="1" thickBot="1" x14ac:dyDescent="0.25">
      <c r="B2" s="142" t="s">
        <v>128</v>
      </c>
    </row>
    <row r="3" spans="2:101" ht="21" customHeight="1" thickBot="1" x14ac:dyDescent="0.25">
      <c r="B3" s="482"/>
      <c r="C3" s="476" t="s">
        <v>94</v>
      </c>
      <c r="D3" s="477"/>
      <c r="E3" s="477"/>
      <c r="F3" s="477"/>
      <c r="G3" s="477"/>
      <c r="H3" s="477"/>
      <c r="I3" s="477"/>
      <c r="J3" s="477"/>
      <c r="K3" s="477"/>
      <c r="L3" s="477"/>
      <c r="M3" s="478"/>
      <c r="N3" s="476" t="s">
        <v>88</v>
      </c>
      <c r="O3" s="477"/>
      <c r="P3" s="477"/>
      <c r="Q3" s="477"/>
      <c r="R3" s="477"/>
      <c r="S3" s="477"/>
      <c r="T3" s="477"/>
      <c r="U3" s="477"/>
      <c r="V3" s="477"/>
      <c r="W3" s="477"/>
      <c r="X3" s="478"/>
      <c r="Y3" s="476" t="s">
        <v>139</v>
      </c>
      <c r="Z3" s="477"/>
      <c r="AA3" s="477"/>
      <c r="AB3" s="477"/>
      <c r="AC3" s="477"/>
      <c r="AD3" s="477"/>
      <c r="AE3" s="477"/>
      <c r="AF3" s="477"/>
      <c r="AG3" s="477"/>
      <c r="AH3" s="477"/>
      <c r="AI3" s="478"/>
      <c r="AJ3" s="476" t="s">
        <v>90</v>
      </c>
      <c r="AK3" s="477"/>
      <c r="AL3" s="477"/>
      <c r="AM3" s="477"/>
      <c r="AN3" s="477"/>
      <c r="AO3" s="477"/>
      <c r="AP3" s="477"/>
      <c r="AQ3" s="477"/>
      <c r="AR3" s="477"/>
      <c r="AS3" s="477"/>
      <c r="AT3" s="478"/>
      <c r="AU3" s="485" t="s">
        <v>89</v>
      </c>
      <c r="AV3" s="486"/>
      <c r="AW3" s="486"/>
      <c r="AX3" s="486"/>
      <c r="AY3" s="486"/>
      <c r="AZ3" s="486"/>
      <c r="BA3" s="486"/>
      <c r="BB3" s="486"/>
      <c r="BC3" s="486"/>
      <c r="BD3" s="486"/>
      <c r="BE3" s="487"/>
      <c r="BF3" s="485" t="s">
        <v>91</v>
      </c>
      <c r="BG3" s="486"/>
      <c r="BH3" s="486"/>
      <c r="BI3" s="486"/>
      <c r="BJ3" s="486"/>
      <c r="BK3" s="486"/>
      <c r="BL3" s="486"/>
      <c r="BM3" s="486"/>
      <c r="BN3" s="486"/>
      <c r="BO3" s="486"/>
      <c r="BP3" s="487"/>
      <c r="BQ3" s="485" t="s">
        <v>92</v>
      </c>
      <c r="BR3" s="486"/>
      <c r="BS3" s="486"/>
      <c r="BT3" s="486"/>
      <c r="BU3" s="486"/>
      <c r="BV3" s="486"/>
      <c r="BW3" s="486"/>
      <c r="BX3" s="486"/>
      <c r="BY3" s="486"/>
      <c r="BZ3" s="486"/>
      <c r="CA3" s="487"/>
      <c r="CB3" s="485" t="s">
        <v>93</v>
      </c>
      <c r="CC3" s="486"/>
      <c r="CD3" s="486"/>
      <c r="CE3" s="486"/>
      <c r="CF3" s="486"/>
      <c r="CG3" s="486"/>
      <c r="CH3" s="486"/>
      <c r="CI3" s="486"/>
      <c r="CJ3" s="486"/>
      <c r="CK3" s="486"/>
      <c r="CL3" s="487"/>
      <c r="CM3" s="486" t="s">
        <v>138</v>
      </c>
      <c r="CN3" s="486"/>
      <c r="CO3" s="486"/>
      <c r="CP3" s="486"/>
      <c r="CQ3" s="486"/>
      <c r="CR3" s="486"/>
      <c r="CS3" s="486"/>
      <c r="CT3" s="486"/>
      <c r="CU3" s="486"/>
      <c r="CV3" s="486"/>
      <c r="CW3" s="487"/>
    </row>
    <row r="4" spans="2:101" ht="21" customHeight="1" x14ac:dyDescent="0.2">
      <c r="B4" s="483"/>
      <c r="C4" s="469" t="s">
        <v>61</v>
      </c>
      <c r="D4" s="470"/>
      <c r="E4" s="471"/>
      <c r="F4" s="472" t="s">
        <v>62</v>
      </c>
      <c r="G4" s="470"/>
      <c r="H4" s="470"/>
      <c r="I4" s="470"/>
      <c r="J4" s="470"/>
      <c r="K4" s="470"/>
      <c r="L4" s="475"/>
      <c r="M4" s="473" t="s">
        <v>52</v>
      </c>
      <c r="N4" s="469" t="s">
        <v>61</v>
      </c>
      <c r="O4" s="470"/>
      <c r="P4" s="471"/>
      <c r="Q4" s="472" t="s">
        <v>62</v>
      </c>
      <c r="R4" s="470"/>
      <c r="S4" s="470"/>
      <c r="T4" s="470"/>
      <c r="U4" s="470"/>
      <c r="V4" s="470"/>
      <c r="W4" s="471"/>
      <c r="X4" s="473" t="s">
        <v>52</v>
      </c>
      <c r="Y4" s="469" t="s">
        <v>61</v>
      </c>
      <c r="Z4" s="470"/>
      <c r="AA4" s="471"/>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97" t="s">
        <v>61</v>
      </c>
      <c r="AV4" s="495"/>
      <c r="AW4" s="496"/>
      <c r="AX4" s="494" t="s">
        <v>62</v>
      </c>
      <c r="AY4" s="495"/>
      <c r="AZ4" s="495"/>
      <c r="BA4" s="495"/>
      <c r="BB4" s="495"/>
      <c r="BC4" s="495"/>
      <c r="BD4" s="496"/>
      <c r="BE4" s="498" t="s">
        <v>52</v>
      </c>
      <c r="BF4" s="497" t="s">
        <v>61</v>
      </c>
      <c r="BG4" s="495"/>
      <c r="BH4" s="496"/>
      <c r="BI4" s="494" t="s">
        <v>62</v>
      </c>
      <c r="BJ4" s="495"/>
      <c r="BK4" s="495"/>
      <c r="BL4" s="495"/>
      <c r="BM4" s="495"/>
      <c r="BN4" s="495"/>
      <c r="BO4" s="496"/>
      <c r="BP4" s="498" t="s">
        <v>52</v>
      </c>
      <c r="BQ4" s="497" t="s">
        <v>61</v>
      </c>
      <c r="BR4" s="495"/>
      <c r="BS4" s="496"/>
      <c r="BT4" s="494" t="s">
        <v>62</v>
      </c>
      <c r="BU4" s="495"/>
      <c r="BV4" s="495"/>
      <c r="BW4" s="495"/>
      <c r="BX4" s="495"/>
      <c r="BY4" s="495"/>
      <c r="BZ4" s="496"/>
      <c r="CA4" s="498" t="s">
        <v>52</v>
      </c>
      <c r="CB4" s="497" t="s">
        <v>61</v>
      </c>
      <c r="CC4" s="495"/>
      <c r="CD4" s="496"/>
      <c r="CE4" s="494" t="s">
        <v>62</v>
      </c>
      <c r="CF4" s="495"/>
      <c r="CG4" s="495"/>
      <c r="CH4" s="495"/>
      <c r="CI4" s="495"/>
      <c r="CJ4" s="495"/>
      <c r="CK4" s="496"/>
      <c r="CL4" s="498" t="s">
        <v>52</v>
      </c>
      <c r="CM4" s="497" t="s">
        <v>61</v>
      </c>
      <c r="CN4" s="495"/>
      <c r="CO4" s="496"/>
      <c r="CP4" s="494" t="s">
        <v>62</v>
      </c>
      <c r="CQ4" s="495"/>
      <c r="CR4" s="495"/>
      <c r="CS4" s="495"/>
      <c r="CT4" s="495"/>
      <c r="CU4" s="495"/>
      <c r="CV4" s="496"/>
      <c r="CW4" s="498" t="s">
        <v>52</v>
      </c>
    </row>
    <row r="5" spans="2:101" ht="30" customHeight="1" thickBot="1" x14ac:dyDescent="0.25">
      <c r="B5" s="484"/>
      <c r="C5" s="177" t="s">
        <v>43</v>
      </c>
      <c r="D5" s="182" t="s">
        <v>44</v>
      </c>
      <c r="E5" s="205" t="s">
        <v>45</v>
      </c>
      <c r="F5" s="180" t="s">
        <v>83</v>
      </c>
      <c r="G5" s="178" t="s">
        <v>47</v>
      </c>
      <c r="H5" s="178" t="s">
        <v>48</v>
      </c>
      <c r="I5" s="178" t="s">
        <v>49</v>
      </c>
      <c r="J5" s="178" t="s">
        <v>50</v>
      </c>
      <c r="K5" s="178" t="s">
        <v>51</v>
      </c>
      <c r="L5" s="181" t="s">
        <v>45</v>
      </c>
      <c r="M5" s="474"/>
      <c r="N5" s="177" t="s">
        <v>43</v>
      </c>
      <c r="O5" s="178" t="s">
        <v>44</v>
      </c>
      <c r="P5" s="182" t="s">
        <v>45</v>
      </c>
      <c r="Q5" s="180" t="s">
        <v>83</v>
      </c>
      <c r="R5" s="178" t="s">
        <v>47</v>
      </c>
      <c r="S5" s="178" t="s">
        <v>48</v>
      </c>
      <c r="T5" s="178" t="s">
        <v>49</v>
      </c>
      <c r="U5" s="178" t="s">
        <v>50</v>
      </c>
      <c r="V5" s="178" t="s">
        <v>51</v>
      </c>
      <c r="W5" s="182" t="s">
        <v>45</v>
      </c>
      <c r="X5" s="474"/>
      <c r="Y5" s="177" t="s">
        <v>43</v>
      </c>
      <c r="Z5" s="178" t="s">
        <v>44</v>
      </c>
      <c r="AA5" s="182"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2" t="s">
        <v>45</v>
      </c>
      <c r="AX5" s="180" t="s">
        <v>83</v>
      </c>
      <c r="AY5" s="178" t="s">
        <v>47</v>
      </c>
      <c r="AZ5" s="178" t="s">
        <v>48</v>
      </c>
      <c r="BA5" s="178" t="s">
        <v>49</v>
      </c>
      <c r="BB5" s="178" t="s">
        <v>50</v>
      </c>
      <c r="BC5" s="178" t="s">
        <v>51</v>
      </c>
      <c r="BD5" s="182" t="s">
        <v>45</v>
      </c>
      <c r="BE5" s="499"/>
      <c r="BF5" s="177" t="s">
        <v>43</v>
      </c>
      <c r="BG5" s="178" t="s">
        <v>44</v>
      </c>
      <c r="BH5" s="182" t="s">
        <v>45</v>
      </c>
      <c r="BI5" s="180" t="s">
        <v>83</v>
      </c>
      <c r="BJ5" s="178" t="s">
        <v>47</v>
      </c>
      <c r="BK5" s="178" t="s">
        <v>48</v>
      </c>
      <c r="BL5" s="178" t="s">
        <v>49</v>
      </c>
      <c r="BM5" s="178" t="s">
        <v>50</v>
      </c>
      <c r="BN5" s="178" t="s">
        <v>51</v>
      </c>
      <c r="BO5" s="182" t="s">
        <v>45</v>
      </c>
      <c r="BP5" s="499"/>
      <c r="BQ5" s="177" t="s">
        <v>43</v>
      </c>
      <c r="BR5" s="178" t="s">
        <v>44</v>
      </c>
      <c r="BS5" s="182" t="s">
        <v>45</v>
      </c>
      <c r="BT5" s="180" t="s">
        <v>83</v>
      </c>
      <c r="BU5" s="178" t="s">
        <v>47</v>
      </c>
      <c r="BV5" s="178" t="s">
        <v>48</v>
      </c>
      <c r="BW5" s="178" t="s">
        <v>49</v>
      </c>
      <c r="BX5" s="178" t="s">
        <v>50</v>
      </c>
      <c r="BY5" s="178" t="s">
        <v>51</v>
      </c>
      <c r="BZ5" s="182" t="s">
        <v>45</v>
      </c>
      <c r="CA5" s="499"/>
      <c r="CB5" s="177" t="s">
        <v>43</v>
      </c>
      <c r="CC5" s="178" t="s">
        <v>44</v>
      </c>
      <c r="CD5" s="182" t="s">
        <v>45</v>
      </c>
      <c r="CE5" s="180" t="s">
        <v>83</v>
      </c>
      <c r="CF5" s="178" t="s">
        <v>47</v>
      </c>
      <c r="CG5" s="178" t="s">
        <v>48</v>
      </c>
      <c r="CH5" s="178" t="s">
        <v>49</v>
      </c>
      <c r="CI5" s="178" t="s">
        <v>50</v>
      </c>
      <c r="CJ5" s="178" t="s">
        <v>51</v>
      </c>
      <c r="CK5" s="182" t="s">
        <v>45</v>
      </c>
      <c r="CL5" s="499"/>
      <c r="CM5" s="177" t="s">
        <v>43</v>
      </c>
      <c r="CN5" s="178" t="s">
        <v>44</v>
      </c>
      <c r="CO5" s="182" t="s">
        <v>45</v>
      </c>
      <c r="CP5" s="180" t="s">
        <v>83</v>
      </c>
      <c r="CQ5" s="178" t="s">
        <v>47</v>
      </c>
      <c r="CR5" s="178" t="s">
        <v>48</v>
      </c>
      <c r="CS5" s="178" t="s">
        <v>49</v>
      </c>
      <c r="CT5" s="178" t="s">
        <v>50</v>
      </c>
      <c r="CU5" s="178" t="s">
        <v>51</v>
      </c>
      <c r="CV5" s="182" t="s">
        <v>45</v>
      </c>
      <c r="CW5" s="499"/>
    </row>
    <row r="6" spans="2:101" ht="21" customHeight="1" x14ac:dyDescent="0.2">
      <c r="B6" s="84" t="s">
        <v>4</v>
      </c>
      <c r="C6" s="183">
        <v>0</v>
      </c>
      <c r="D6" s="189">
        <v>0</v>
      </c>
      <c r="E6" s="206">
        <v>0</v>
      </c>
      <c r="F6" s="186">
        <v>0</v>
      </c>
      <c r="G6" s="184">
        <v>15</v>
      </c>
      <c r="H6" s="184">
        <v>20</v>
      </c>
      <c r="I6" s="184">
        <v>20</v>
      </c>
      <c r="J6" s="184">
        <v>26</v>
      </c>
      <c r="K6" s="184">
        <v>14</v>
      </c>
      <c r="L6" s="187">
        <v>95</v>
      </c>
      <c r="M6" s="188">
        <v>95</v>
      </c>
      <c r="N6" s="183">
        <v>0</v>
      </c>
      <c r="O6" s="184">
        <v>0</v>
      </c>
      <c r="P6" s="189">
        <v>0</v>
      </c>
      <c r="Q6" s="186">
        <v>0</v>
      </c>
      <c r="R6" s="184">
        <v>8</v>
      </c>
      <c r="S6" s="184">
        <v>33</v>
      </c>
      <c r="T6" s="184">
        <v>26</v>
      </c>
      <c r="U6" s="184">
        <v>29</v>
      </c>
      <c r="V6" s="184">
        <v>28</v>
      </c>
      <c r="W6" s="189">
        <v>124</v>
      </c>
      <c r="X6" s="188">
        <v>124</v>
      </c>
      <c r="Y6" s="183">
        <v>0</v>
      </c>
      <c r="Z6" s="184">
        <v>0</v>
      </c>
      <c r="AA6" s="189">
        <v>0</v>
      </c>
      <c r="AB6" s="186">
        <v>0</v>
      </c>
      <c r="AC6" s="184">
        <v>935</v>
      </c>
      <c r="AD6" s="184">
        <v>856</v>
      </c>
      <c r="AE6" s="184">
        <v>360</v>
      </c>
      <c r="AF6" s="184">
        <v>147</v>
      </c>
      <c r="AG6" s="184">
        <v>64</v>
      </c>
      <c r="AH6" s="189">
        <v>2362</v>
      </c>
      <c r="AI6" s="188">
        <v>2362</v>
      </c>
      <c r="AJ6" s="183">
        <v>1</v>
      </c>
      <c r="AK6" s="184">
        <v>1</v>
      </c>
      <c r="AL6" s="189">
        <v>2</v>
      </c>
      <c r="AM6" s="186">
        <v>0</v>
      </c>
      <c r="AN6" s="184">
        <v>58</v>
      </c>
      <c r="AO6" s="184">
        <v>74</v>
      </c>
      <c r="AP6" s="184">
        <v>78</v>
      </c>
      <c r="AQ6" s="184">
        <v>36</v>
      </c>
      <c r="AR6" s="184">
        <v>17</v>
      </c>
      <c r="AS6" s="189">
        <v>263</v>
      </c>
      <c r="AT6" s="188">
        <v>265</v>
      </c>
      <c r="AU6" s="183">
        <v>12</v>
      </c>
      <c r="AV6" s="184">
        <v>12</v>
      </c>
      <c r="AW6" s="189">
        <v>24</v>
      </c>
      <c r="AX6" s="186">
        <v>0</v>
      </c>
      <c r="AY6" s="184">
        <v>87</v>
      </c>
      <c r="AZ6" s="184">
        <v>74</v>
      </c>
      <c r="BA6" s="184">
        <v>71</v>
      </c>
      <c r="BB6" s="184">
        <v>44</v>
      </c>
      <c r="BC6" s="184">
        <v>19</v>
      </c>
      <c r="BD6" s="189">
        <v>295</v>
      </c>
      <c r="BE6" s="188">
        <v>319</v>
      </c>
      <c r="BF6" s="183">
        <v>0</v>
      </c>
      <c r="BG6" s="184">
        <v>0</v>
      </c>
      <c r="BH6" s="189">
        <v>0</v>
      </c>
      <c r="BI6" s="186">
        <v>0</v>
      </c>
      <c r="BJ6" s="184">
        <v>100</v>
      </c>
      <c r="BK6" s="184">
        <v>142</v>
      </c>
      <c r="BL6" s="184">
        <v>152</v>
      </c>
      <c r="BM6" s="184">
        <v>106</v>
      </c>
      <c r="BN6" s="184">
        <v>57</v>
      </c>
      <c r="BO6" s="187">
        <v>557</v>
      </c>
      <c r="BP6" s="188">
        <v>557</v>
      </c>
      <c r="BQ6" s="183">
        <v>0</v>
      </c>
      <c r="BR6" s="184">
        <v>0</v>
      </c>
      <c r="BS6" s="189">
        <v>0</v>
      </c>
      <c r="BT6" s="186">
        <v>0</v>
      </c>
      <c r="BU6" s="184">
        <v>3</v>
      </c>
      <c r="BV6" s="184">
        <v>6</v>
      </c>
      <c r="BW6" s="184">
        <v>5</v>
      </c>
      <c r="BX6" s="184">
        <v>4</v>
      </c>
      <c r="BY6" s="184">
        <v>2</v>
      </c>
      <c r="BZ6" s="189">
        <v>20</v>
      </c>
      <c r="CA6" s="188">
        <v>20</v>
      </c>
      <c r="CB6" s="183">
        <v>0</v>
      </c>
      <c r="CC6" s="184">
        <v>0</v>
      </c>
      <c r="CD6" s="189">
        <v>0</v>
      </c>
      <c r="CE6" s="186">
        <v>0</v>
      </c>
      <c r="CF6" s="184">
        <v>1</v>
      </c>
      <c r="CG6" s="184">
        <v>2</v>
      </c>
      <c r="CH6" s="184">
        <v>16</v>
      </c>
      <c r="CI6" s="184">
        <v>26</v>
      </c>
      <c r="CJ6" s="184">
        <v>12</v>
      </c>
      <c r="CK6" s="189">
        <v>57</v>
      </c>
      <c r="CL6" s="188">
        <v>57</v>
      </c>
      <c r="CM6" s="183">
        <v>0</v>
      </c>
      <c r="CN6" s="184">
        <v>0</v>
      </c>
      <c r="CO6" s="189">
        <v>0</v>
      </c>
      <c r="CP6" s="186">
        <v>0</v>
      </c>
      <c r="CQ6" s="184">
        <v>20</v>
      </c>
      <c r="CR6" s="184">
        <v>17</v>
      </c>
      <c r="CS6" s="184">
        <v>21</v>
      </c>
      <c r="CT6" s="184">
        <v>28</v>
      </c>
      <c r="CU6" s="184">
        <v>29</v>
      </c>
      <c r="CV6" s="189">
        <v>115</v>
      </c>
      <c r="CW6" s="188">
        <v>115</v>
      </c>
    </row>
    <row r="7" spans="2:101" ht="21" customHeight="1" x14ac:dyDescent="0.2">
      <c r="B7" s="95" t="s">
        <v>5</v>
      </c>
      <c r="C7" s="190">
        <v>0</v>
      </c>
      <c r="D7" s="196">
        <v>0</v>
      </c>
      <c r="E7" s="207">
        <v>0</v>
      </c>
      <c r="F7" s="193">
        <v>0</v>
      </c>
      <c r="G7" s="191">
        <v>5</v>
      </c>
      <c r="H7" s="191">
        <v>11</v>
      </c>
      <c r="I7" s="191">
        <v>9</v>
      </c>
      <c r="J7" s="191">
        <v>15</v>
      </c>
      <c r="K7" s="191">
        <v>7</v>
      </c>
      <c r="L7" s="194">
        <v>47</v>
      </c>
      <c r="M7" s="195">
        <v>47</v>
      </c>
      <c r="N7" s="190">
        <v>0</v>
      </c>
      <c r="O7" s="191">
        <v>0</v>
      </c>
      <c r="P7" s="196">
        <v>0</v>
      </c>
      <c r="Q7" s="193">
        <v>0</v>
      </c>
      <c r="R7" s="191">
        <v>4</v>
      </c>
      <c r="S7" s="191">
        <v>24</v>
      </c>
      <c r="T7" s="191">
        <v>18</v>
      </c>
      <c r="U7" s="191">
        <v>27</v>
      </c>
      <c r="V7" s="191">
        <v>23</v>
      </c>
      <c r="W7" s="196">
        <v>96</v>
      </c>
      <c r="X7" s="195">
        <v>96</v>
      </c>
      <c r="Y7" s="190">
        <v>0</v>
      </c>
      <c r="Z7" s="191">
        <v>0</v>
      </c>
      <c r="AA7" s="196">
        <v>0</v>
      </c>
      <c r="AB7" s="193">
        <v>0</v>
      </c>
      <c r="AC7" s="191">
        <v>377</v>
      </c>
      <c r="AD7" s="191">
        <v>432</v>
      </c>
      <c r="AE7" s="191">
        <v>179</v>
      </c>
      <c r="AF7" s="191">
        <v>65</v>
      </c>
      <c r="AG7" s="191">
        <v>34</v>
      </c>
      <c r="AH7" s="196">
        <v>1087</v>
      </c>
      <c r="AI7" s="195">
        <v>1087</v>
      </c>
      <c r="AJ7" s="190">
        <v>0</v>
      </c>
      <c r="AK7" s="191">
        <v>0</v>
      </c>
      <c r="AL7" s="196">
        <v>0</v>
      </c>
      <c r="AM7" s="193">
        <v>0</v>
      </c>
      <c r="AN7" s="191">
        <v>29</v>
      </c>
      <c r="AO7" s="191">
        <v>40</v>
      </c>
      <c r="AP7" s="191">
        <v>41</v>
      </c>
      <c r="AQ7" s="191">
        <v>17</v>
      </c>
      <c r="AR7" s="191">
        <v>9</v>
      </c>
      <c r="AS7" s="196">
        <v>136</v>
      </c>
      <c r="AT7" s="195">
        <v>136</v>
      </c>
      <c r="AU7" s="190">
        <v>5</v>
      </c>
      <c r="AV7" s="191">
        <v>7</v>
      </c>
      <c r="AW7" s="196">
        <v>12</v>
      </c>
      <c r="AX7" s="193">
        <v>0</v>
      </c>
      <c r="AY7" s="191">
        <v>32</v>
      </c>
      <c r="AZ7" s="191">
        <v>31</v>
      </c>
      <c r="BA7" s="191">
        <v>31</v>
      </c>
      <c r="BB7" s="191">
        <v>17</v>
      </c>
      <c r="BC7" s="191">
        <v>10</v>
      </c>
      <c r="BD7" s="196">
        <v>121</v>
      </c>
      <c r="BE7" s="195">
        <v>133</v>
      </c>
      <c r="BF7" s="190">
        <v>0</v>
      </c>
      <c r="BG7" s="191">
        <v>0</v>
      </c>
      <c r="BH7" s="196">
        <v>0</v>
      </c>
      <c r="BI7" s="193">
        <v>0</v>
      </c>
      <c r="BJ7" s="191">
        <v>37</v>
      </c>
      <c r="BK7" s="191">
        <v>61</v>
      </c>
      <c r="BL7" s="191">
        <v>52</v>
      </c>
      <c r="BM7" s="191">
        <v>35</v>
      </c>
      <c r="BN7" s="191">
        <v>21</v>
      </c>
      <c r="BO7" s="194">
        <v>206</v>
      </c>
      <c r="BP7" s="195">
        <v>206</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2</v>
      </c>
      <c r="CI7" s="191">
        <v>4</v>
      </c>
      <c r="CJ7" s="191">
        <v>2</v>
      </c>
      <c r="CK7" s="196">
        <v>10</v>
      </c>
      <c r="CL7" s="195">
        <v>10</v>
      </c>
      <c r="CM7" s="190">
        <v>0</v>
      </c>
      <c r="CN7" s="191">
        <v>0</v>
      </c>
      <c r="CO7" s="196">
        <v>0</v>
      </c>
      <c r="CP7" s="193">
        <v>0</v>
      </c>
      <c r="CQ7" s="191">
        <v>2</v>
      </c>
      <c r="CR7" s="191">
        <v>4</v>
      </c>
      <c r="CS7" s="191">
        <v>6</v>
      </c>
      <c r="CT7" s="191">
        <v>8</v>
      </c>
      <c r="CU7" s="191">
        <v>15</v>
      </c>
      <c r="CV7" s="196">
        <v>35</v>
      </c>
      <c r="CW7" s="195">
        <v>35</v>
      </c>
    </row>
    <row r="8" spans="2:101" ht="21" customHeight="1" x14ac:dyDescent="0.2">
      <c r="B8" s="106" t="s">
        <v>6</v>
      </c>
      <c r="C8" s="190">
        <v>0</v>
      </c>
      <c r="D8" s="196">
        <v>0</v>
      </c>
      <c r="E8" s="207">
        <v>0</v>
      </c>
      <c r="F8" s="193">
        <v>0</v>
      </c>
      <c r="G8" s="191">
        <v>3</v>
      </c>
      <c r="H8" s="191">
        <v>2</v>
      </c>
      <c r="I8" s="191">
        <v>3</v>
      </c>
      <c r="J8" s="191">
        <v>7</v>
      </c>
      <c r="K8" s="191">
        <v>2</v>
      </c>
      <c r="L8" s="194">
        <v>17</v>
      </c>
      <c r="M8" s="195">
        <v>17</v>
      </c>
      <c r="N8" s="190">
        <v>0</v>
      </c>
      <c r="O8" s="191">
        <v>0</v>
      </c>
      <c r="P8" s="196">
        <v>0</v>
      </c>
      <c r="Q8" s="193">
        <v>0</v>
      </c>
      <c r="R8" s="191">
        <v>4</v>
      </c>
      <c r="S8" s="191">
        <v>7</v>
      </c>
      <c r="T8" s="191">
        <v>7</v>
      </c>
      <c r="U8" s="191">
        <v>2</v>
      </c>
      <c r="V8" s="191">
        <v>4</v>
      </c>
      <c r="W8" s="196">
        <v>24</v>
      </c>
      <c r="X8" s="195">
        <v>24</v>
      </c>
      <c r="Y8" s="190">
        <v>0</v>
      </c>
      <c r="Z8" s="191">
        <v>0</v>
      </c>
      <c r="AA8" s="196">
        <v>0</v>
      </c>
      <c r="AB8" s="193">
        <v>0</v>
      </c>
      <c r="AC8" s="191">
        <v>105</v>
      </c>
      <c r="AD8" s="191">
        <v>78</v>
      </c>
      <c r="AE8" s="191">
        <v>34</v>
      </c>
      <c r="AF8" s="191">
        <v>21</v>
      </c>
      <c r="AG8" s="191">
        <v>7</v>
      </c>
      <c r="AH8" s="196">
        <v>245</v>
      </c>
      <c r="AI8" s="195">
        <v>245</v>
      </c>
      <c r="AJ8" s="190">
        <v>0</v>
      </c>
      <c r="AK8" s="191">
        <v>0</v>
      </c>
      <c r="AL8" s="196">
        <v>0</v>
      </c>
      <c r="AM8" s="193">
        <v>0</v>
      </c>
      <c r="AN8" s="191">
        <v>12</v>
      </c>
      <c r="AO8" s="191">
        <v>15</v>
      </c>
      <c r="AP8" s="191">
        <v>13</v>
      </c>
      <c r="AQ8" s="191">
        <v>8</v>
      </c>
      <c r="AR8" s="191">
        <v>4</v>
      </c>
      <c r="AS8" s="196">
        <v>52</v>
      </c>
      <c r="AT8" s="195">
        <v>52</v>
      </c>
      <c r="AU8" s="190">
        <v>3</v>
      </c>
      <c r="AV8" s="191">
        <v>2</v>
      </c>
      <c r="AW8" s="196">
        <v>5</v>
      </c>
      <c r="AX8" s="193">
        <v>0</v>
      </c>
      <c r="AY8" s="191">
        <v>14</v>
      </c>
      <c r="AZ8" s="191">
        <v>12</v>
      </c>
      <c r="BA8" s="191">
        <v>2</v>
      </c>
      <c r="BB8" s="191">
        <v>9</v>
      </c>
      <c r="BC8" s="191">
        <v>1</v>
      </c>
      <c r="BD8" s="196">
        <v>38</v>
      </c>
      <c r="BE8" s="195">
        <v>43</v>
      </c>
      <c r="BF8" s="190">
        <v>0</v>
      </c>
      <c r="BG8" s="191">
        <v>0</v>
      </c>
      <c r="BH8" s="196">
        <v>0</v>
      </c>
      <c r="BI8" s="193">
        <v>0</v>
      </c>
      <c r="BJ8" s="191">
        <v>21</v>
      </c>
      <c r="BK8" s="191">
        <v>29</v>
      </c>
      <c r="BL8" s="191">
        <v>21</v>
      </c>
      <c r="BM8" s="191">
        <v>20</v>
      </c>
      <c r="BN8" s="191">
        <v>9</v>
      </c>
      <c r="BO8" s="194">
        <v>100</v>
      </c>
      <c r="BP8" s="195">
        <v>10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3</v>
      </c>
      <c r="CI8" s="191">
        <v>8</v>
      </c>
      <c r="CJ8" s="191">
        <v>2</v>
      </c>
      <c r="CK8" s="196">
        <v>13</v>
      </c>
      <c r="CL8" s="195">
        <v>13</v>
      </c>
      <c r="CM8" s="190">
        <v>0</v>
      </c>
      <c r="CN8" s="191">
        <v>0</v>
      </c>
      <c r="CO8" s="196">
        <v>0</v>
      </c>
      <c r="CP8" s="193">
        <v>0</v>
      </c>
      <c r="CQ8" s="191">
        <v>9</v>
      </c>
      <c r="CR8" s="191">
        <v>3</v>
      </c>
      <c r="CS8" s="191">
        <v>4</v>
      </c>
      <c r="CT8" s="191">
        <v>7</v>
      </c>
      <c r="CU8" s="191">
        <v>3</v>
      </c>
      <c r="CV8" s="196">
        <v>26</v>
      </c>
      <c r="CW8" s="195">
        <v>26</v>
      </c>
    </row>
    <row r="9" spans="2:101" ht="21" customHeight="1" x14ac:dyDescent="0.2">
      <c r="B9" s="106" t="s">
        <v>14</v>
      </c>
      <c r="C9" s="190">
        <v>0</v>
      </c>
      <c r="D9" s="196">
        <v>0</v>
      </c>
      <c r="E9" s="207">
        <v>0</v>
      </c>
      <c r="F9" s="193">
        <v>0</v>
      </c>
      <c r="G9" s="191">
        <v>1</v>
      </c>
      <c r="H9" s="191">
        <v>2</v>
      </c>
      <c r="I9" s="191">
        <v>1</v>
      </c>
      <c r="J9" s="191">
        <v>1</v>
      </c>
      <c r="K9" s="191">
        <v>1</v>
      </c>
      <c r="L9" s="194">
        <v>6</v>
      </c>
      <c r="M9" s="195">
        <v>6</v>
      </c>
      <c r="N9" s="190">
        <v>0</v>
      </c>
      <c r="O9" s="191">
        <v>0</v>
      </c>
      <c r="P9" s="196">
        <v>0</v>
      </c>
      <c r="Q9" s="193">
        <v>0</v>
      </c>
      <c r="R9" s="191">
        <v>0</v>
      </c>
      <c r="S9" s="191">
        <v>0</v>
      </c>
      <c r="T9" s="191">
        <v>0</v>
      </c>
      <c r="U9" s="191">
        <v>0</v>
      </c>
      <c r="V9" s="191">
        <v>0</v>
      </c>
      <c r="W9" s="196">
        <v>0</v>
      </c>
      <c r="X9" s="195">
        <v>0</v>
      </c>
      <c r="Y9" s="190">
        <v>0</v>
      </c>
      <c r="Z9" s="191">
        <v>0</v>
      </c>
      <c r="AA9" s="196">
        <v>0</v>
      </c>
      <c r="AB9" s="193">
        <v>0</v>
      </c>
      <c r="AC9" s="191">
        <v>80</v>
      </c>
      <c r="AD9" s="191">
        <v>76</v>
      </c>
      <c r="AE9" s="191">
        <v>44</v>
      </c>
      <c r="AF9" s="191">
        <v>15</v>
      </c>
      <c r="AG9" s="191">
        <v>4</v>
      </c>
      <c r="AH9" s="196">
        <v>219</v>
      </c>
      <c r="AI9" s="195">
        <v>219</v>
      </c>
      <c r="AJ9" s="190">
        <v>0</v>
      </c>
      <c r="AK9" s="191">
        <v>0</v>
      </c>
      <c r="AL9" s="196">
        <v>0</v>
      </c>
      <c r="AM9" s="193">
        <v>0</v>
      </c>
      <c r="AN9" s="191">
        <v>1</v>
      </c>
      <c r="AO9" s="191">
        <v>4</v>
      </c>
      <c r="AP9" s="191">
        <v>1</v>
      </c>
      <c r="AQ9" s="191">
        <v>0</v>
      </c>
      <c r="AR9" s="191">
        <v>0</v>
      </c>
      <c r="AS9" s="196">
        <v>6</v>
      </c>
      <c r="AT9" s="195">
        <v>6</v>
      </c>
      <c r="AU9" s="190">
        <v>0</v>
      </c>
      <c r="AV9" s="191">
        <v>1</v>
      </c>
      <c r="AW9" s="196">
        <v>1</v>
      </c>
      <c r="AX9" s="193">
        <v>0</v>
      </c>
      <c r="AY9" s="191">
        <v>11</v>
      </c>
      <c r="AZ9" s="191">
        <v>6</v>
      </c>
      <c r="BA9" s="191">
        <v>6</v>
      </c>
      <c r="BB9" s="191">
        <v>5</v>
      </c>
      <c r="BC9" s="191">
        <v>2</v>
      </c>
      <c r="BD9" s="196">
        <v>30</v>
      </c>
      <c r="BE9" s="195">
        <v>31</v>
      </c>
      <c r="BF9" s="190">
        <v>0</v>
      </c>
      <c r="BG9" s="191">
        <v>0</v>
      </c>
      <c r="BH9" s="196">
        <v>0</v>
      </c>
      <c r="BI9" s="193">
        <v>0</v>
      </c>
      <c r="BJ9" s="191">
        <v>6</v>
      </c>
      <c r="BK9" s="191">
        <v>9</v>
      </c>
      <c r="BL9" s="191">
        <v>14</v>
      </c>
      <c r="BM9" s="191">
        <v>12</v>
      </c>
      <c r="BN9" s="191">
        <v>5</v>
      </c>
      <c r="BO9" s="194">
        <v>46</v>
      </c>
      <c r="BP9" s="195">
        <v>46</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1</v>
      </c>
      <c r="CR9" s="191">
        <v>1</v>
      </c>
      <c r="CS9" s="191">
        <v>1</v>
      </c>
      <c r="CT9" s="191">
        <v>1</v>
      </c>
      <c r="CU9" s="191">
        <v>2</v>
      </c>
      <c r="CV9" s="196">
        <v>6</v>
      </c>
      <c r="CW9" s="195">
        <v>6</v>
      </c>
    </row>
    <row r="10" spans="2:101" ht="21" customHeight="1" x14ac:dyDescent="0.2">
      <c r="B10" s="106" t="s">
        <v>7</v>
      </c>
      <c r="C10" s="190">
        <v>0</v>
      </c>
      <c r="D10" s="196">
        <v>0</v>
      </c>
      <c r="E10" s="207">
        <v>0</v>
      </c>
      <c r="F10" s="193">
        <v>0</v>
      </c>
      <c r="G10" s="191">
        <v>0</v>
      </c>
      <c r="H10" s="191">
        <v>0</v>
      </c>
      <c r="I10" s="191">
        <v>0</v>
      </c>
      <c r="J10" s="191">
        <v>0</v>
      </c>
      <c r="K10" s="191">
        <v>0</v>
      </c>
      <c r="L10" s="194">
        <v>0</v>
      </c>
      <c r="M10" s="195">
        <v>0</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76</v>
      </c>
      <c r="AD10" s="191">
        <v>56</v>
      </c>
      <c r="AE10" s="191">
        <v>15</v>
      </c>
      <c r="AF10" s="191">
        <v>9</v>
      </c>
      <c r="AG10" s="191">
        <v>3</v>
      </c>
      <c r="AH10" s="196">
        <v>159</v>
      </c>
      <c r="AI10" s="195">
        <v>159</v>
      </c>
      <c r="AJ10" s="190">
        <v>0</v>
      </c>
      <c r="AK10" s="191">
        <v>0</v>
      </c>
      <c r="AL10" s="196">
        <v>0</v>
      </c>
      <c r="AM10" s="193">
        <v>0</v>
      </c>
      <c r="AN10" s="191">
        <v>7</v>
      </c>
      <c r="AO10" s="191">
        <v>5</v>
      </c>
      <c r="AP10" s="191">
        <v>5</v>
      </c>
      <c r="AQ10" s="191">
        <v>5</v>
      </c>
      <c r="AR10" s="191">
        <v>2</v>
      </c>
      <c r="AS10" s="196">
        <v>24</v>
      </c>
      <c r="AT10" s="195">
        <v>24</v>
      </c>
      <c r="AU10" s="190">
        <v>0</v>
      </c>
      <c r="AV10" s="191">
        <v>0</v>
      </c>
      <c r="AW10" s="196">
        <v>0</v>
      </c>
      <c r="AX10" s="193">
        <v>0</v>
      </c>
      <c r="AY10" s="191">
        <v>5</v>
      </c>
      <c r="AZ10" s="191">
        <v>2</v>
      </c>
      <c r="BA10" s="191">
        <v>3</v>
      </c>
      <c r="BB10" s="191">
        <v>0</v>
      </c>
      <c r="BC10" s="191">
        <v>0</v>
      </c>
      <c r="BD10" s="196">
        <v>10</v>
      </c>
      <c r="BE10" s="195">
        <v>10</v>
      </c>
      <c r="BF10" s="190">
        <v>0</v>
      </c>
      <c r="BG10" s="191">
        <v>0</v>
      </c>
      <c r="BH10" s="196">
        <v>0</v>
      </c>
      <c r="BI10" s="193">
        <v>0</v>
      </c>
      <c r="BJ10" s="191">
        <v>8</v>
      </c>
      <c r="BK10" s="191">
        <v>4</v>
      </c>
      <c r="BL10" s="191">
        <v>12</v>
      </c>
      <c r="BM10" s="191">
        <v>4</v>
      </c>
      <c r="BN10" s="191">
        <v>5</v>
      </c>
      <c r="BO10" s="194">
        <v>33</v>
      </c>
      <c r="BP10" s="195">
        <v>33</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2</v>
      </c>
      <c r="CS10" s="191">
        <v>1</v>
      </c>
      <c r="CT10" s="191">
        <v>0</v>
      </c>
      <c r="CU10" s="191">
        <v>3</v>
      </c>
      <c r="CV10" s="196">
        <v>6</v>
      </c>
      <c r="CW10" s="195">
        <v>6</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0</v>
      </c>
      <c r="AD11" s="191">
        <v>38</v>
      </c>
      <c r="AE11" s="191">
        <v>12</v>
      </c>
      <c r="AF11" s="191">
        <v>4</v>
      </c>
      <c r="AG11" s="191">
        <v>2</v>
      </c>
      <c r="AH11" s="196">
        <v>86</v>
      </c>
      <c r="AI11" s="195">
        <v>86</v>
      </c>
      <c r="AJ11" s="190">
        <v>0</v>
      </c>
      <c r="AK11" s="191">
        <v>0</v>
      </c>
      <c r="AL11" s="196">
        <v>0</v>
      </c>
      <c r="AM11" s="193">
        <v>0</v>
      </c>
      <c r="AN11" s="191">
        <v>1</v>
      </c>
      <c r="AO11" s="191">
        <v>0</v>
      </c>
      <c r="AP11" s="191">
        <v>0</v>
      </c>
      <c r="AQ11" s="191">
        <v>1</v>
      </c>
      <c r="AR11" s="191">
        <v>0</v>
      </c>
      <c r="AS11" s="196">
        <v>2</v>
      </c>
      <c r="AT11" s="195">
        <v>2</v>
      </c>
      <c r="AU11" s="190">
        <v>0</v>
      </c>
      <c r="AV11" s="191">
        <v>2</v>
      </c>
      <c r="AW11" s="196">
        <v>2</v>
      </c>
      <c r="AX11" s="193">
        <v>0</v>
      </c>
      <c r="AY11" s="191">
        <v>0</v>
      </c>
      <c r="AZ11" s="191">
        <v>2</v>
      </c>
      <c r="BA11" s="191">
        <v>1</v>
      </c>
      <c r="BB11" s="191">
        <v>1</v>
      </c>
      <c r="BC11" s="191">
        <v>0</v>
      </c>
      <c r="BD11" s="196">
        <v>4</v>
      </c>
      <c r="BE11" s="195">
        <v>6</v>
      </c>
      <c r="BF11" s="190">
        <v>0</v>
      </c>
      <c r="BG11" s="191">
        <v>0</v>
      </c>
      <c r="BH11" s="196">
        <v>0</v>
      </c>
      <c r="BI11" s="193">
        <v>0</v>
      </c>
      <c r="BJ11" s="191">
        <v>4</v>
      </c>
      <c r="BK11" s="191">
        <v>2</v>
      </c>
      <c r="BL11" s="191">
        <v>4</v>
      </c>
      <c r="BM11" s="191">
        <v>5</v>
      </c>
      <c r="BN11" s="191">
        <v>1</v>
      </c>
      <c r="BO11" s="194">
        <v>16</v>
      </c>
      <c r="BP11" s="195">
        <v>16</v>
      </c>
      <c r="BQ11" s="190">
        <v>0</v>
      </c>
      <c r="BR11" s="191">
        <v>0</v>
      </c>
      <c r="BS11" s="196">
        <v>0</v>
      </c>
      <c r="BT11" s="193">
        <v>0</v>
      </c>
      <c r="BU11" s="191">
        <v>0</v>
      </c>
      <c r="BV11" s="191">
        <v>0</v>
      </c>
      <c r="BW11" s="191">
        <v>3</v>
      </c>
      <c r="BX11" s="191">
        <v>0</v>
      </c>
      <c r="BY11" s="191">
        <v>1</v>
      </c>
      <c r="BZ11" s="196">
        <v>4</v>
      </c>
      <c r="CA11" s="195">
        <v>4</v>
      </c>
      <c r="CB11" s="190">
        <v>0</v>
      </c>
      <c r="CC11" s="191">
        <v>0</v>
      </c>
      <c r="CD11" s="196">
        <v>0</v>
      </c>
      <c r="CE11" s="193">
        <v>0</v>
      </c>
      <c r="CF11" s="191">
        <v>0</v>
      </c>
      <c r="CG11" s="191">
        <v>0</v>
      </c>
      <c r="CH11" s="191">
        <v>1</v>
      </c>
      <c r="CI11" s="191">
        <v>1</v>
      </c>
      <c r="CJ11" s="191">
        <v>0</v>
      </c>
      <c r="CK11" s="196">
        <v>2</v>
      </c>
      <c r="CL11" s="195">
        <v>2</v>
      </c>
      <c r="CM11" s="190">
        <v>0</v>
      </c>
      <c r="CN11" s="191">
        <v>0</v>
      </c>
      <c r="CO11" s="196">
        <v>0</v>
      </c>
      <c r="CP11" s="193">
        <v>0</v>
      </c>
      <c r="CQ11" s="191">
        <v>2</v>
      </c>
      <c r="CR11" s="191">
        <v>1</v>
      </c>
      <c r="CS11" s="191">
        <v>0</v>
      </c>
      <c r="CT11" s="191">
        <v>3</v>
      </c>
      <c r="CU11" s="191">
        <v>2</v>
      </c>
      <c r="CV11" s="196">
        <v>8</v>
      </c>
      <c r="CW11" s="195">
        <v>8</v>
      </c>
    </row>
    <row r="12" spans="2:101" ht="21" customHeight="1" x14ac:dyDescent="0.2">
      <c r="B12" s="106" t="s">
        <v>9</v>
      </c>
      <c r="C12" s="190">
        <v>0</v>
      </c>
      <c r="D12" s="196">
        <v>0</v>
      </c>
      <c r="E12" s="207">
        <v>0</v>
      </c>
      <c r="F12" s="193">
        <v>0</v>
      </c>
      <c r="G12" s="191">
        <v>0</v>
      </c>
      <c r="H12" s="191">
        <v>0</v>
      </c>
      <c r="I12" s="191">
        <v>0</v>
      </c>
      <c r="J12" s="191">
        <v>0</v>
      </c>
      <c r="K12" s="191">
        <v>0</v>
      </c>
      <c r="L12" s="194">
        <v>0</v>
      </c>
      <c r="M12" s="195">
        <v>0</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6</v>
      </c>
      <c r="AD12" s="191">
        <v>22</v>
      </c>
      <c r="AE12" s="191">
        <v>13</v>
      </c>
      <c r="AF12" s="191">
        <v>6</v>
      </c>
      <c r="AG12" s="191">
        <v>3</v>
      </c>
      <c r="AH12" s="196">
        <v>90</v>
      </c>
      <c r="AI12" s="195">
        <v>90</v>
      </c>
      <c r="AJ12" s="190">
        <v>0</v>
      </c>
      <c r="AK12" s="191">
        <v>0</v>
      </c>
      <c r="AL12" s="196">
        <v>0</v>
      </c>
      <c r="AM12" s="193">
        <v>0</v>
      </c>
      <c r="AN12" s="191">
        <v>0</v>
      </c>
      <c r="AO12" s="191">
        <v>0</v>
      </c>
      <c r="AP12" s="191">
        <v>0</v>
      </c>
      <c r="AQ12" s="191">
        <v>0</v>
      </c>
      <c r="AR12" s="191">
        <v>1</v>
      </c>
      <c r="AS12" s="196">
        <v>1</v>
      </c>
      <c r="AT12" s="195">
        <v>1</v>
      </c>
      <c r="AU12" s="190">
        <v>1</v>
      </c>
      <c r="AV12" s="191">
        <v>0</v>
      </c>
      <c r="AW12" s="196">
        <v>1</v>
      </c>
      <c r="AX12" s="193">
        <v>0</v>
      </c>
      <c r="AY12" s="191">
        <v>2</v>
      </c>
      <c r="AZ12" s="191">
        <v>3</v>
      </c>
      <c r="BA12" s="191">
        <v>1</v>
      </c>
      <c r="BB12" s="191">
        <v>0</v>
      </c>
      <c r="BC12" s="191">
        <v>0</v>
      </c>
      <c r="BD12" s="196">
        <v>6</v>
      </c>
      <c r="BE12" s="195">
        <v>7</v>
      </c>
      <c r="BF12" s="190">
        <v>0</v>
      </c>
      <c r="BG12" s="191">
        <v>0</v>
      </c>
      <c r="BH12" s="196">
        <v>0</v>
      </c>
      <c r="BI12" s="193">
        <v>0</v>
      </c>
      <c r="BJ12" s="191">
        <v>2</v>
      </c>
      <c r="BK12" s="191">
        <v>5</v>
      </c>
      <c r="BL12" s="191">
        <v>8</v>
      </c>
      <c r="BM12" s="191">
        <v>3</v>
      </c>
      <c r="BN12" s="191">
        <v>0</v>
      </c>
      <c r="BO12" s="194">
        <v>18</v>
      </c>
      <c r="BP12" s="195">
        <v>18</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1</v>
      </c>
      <c r="CS12" s="191">
        <v>1</v>
      </c>
      <c r="CT12" s="191">
        <v>0</v>
      </c>
      <c r="CU12" s="191">
        <v>0</v>
      </c>
      <c r="CV12" s="196">
        <v>2</v>
      </c>
      <c r="CW12" s="195">
        <v>2</v>
      </c>
    </row>
    <row r="13" spans="2:101" ht="21" customHeight="1" x14ac:dyDescent="0.2">
      <c r="B13" s="106" t="s">
        <v>10</v>
      </c>
      <c r="C13" s="190">
        <v>0</v>
      </c>
      <c r="D13" s="196">
        <v>0</v>
      </c>
      <c r="E13" s="207">
        <v>0</v>
      </c>
      <c r="F13" s="193">
        <v>0</v>
      </c>
      <c r="G13" s="191">
        <v>1</v>
      </c>
      <c r="H13" s="191">
        <v>3</v>
      </c>
      <c r="I13" s="191">
        <v>1</v>
      </c>
      <c r="J13" s="191">
        <v>0</v>
      </c>
      <c r="K13" s="191">
        <v>0</v>
      </c>
      <c r="L13" s="194">
        <v>5</v>
      </c>
      <c r="M13" s="195">
        <v>5</v>
      </c>
      <c r="N13" s="190">
        <v>0</v>
      </c>
      <c r="O13" s="191">
        <v>0</v>
      </c>
      <c r="P13" s="196">
        <v>0</v>
      </c>
      <c r="Q13" s="193">
        <v>0</v>
      </c>
      <c r="R13" s="191">
        <v>0</v>
      </c>
      <c r="S13" s="191">
        <v>1</v>
      </c>
      <c r="T13" s="191">
        <v>1</v>
      </c>
      <c r="U13" s="191">
        <v>0</v>
      </c>
      <c r="V13" s="191">
        <v>1</v>
      </c>
      <c r="W13" s="196">
        <v>3</v>
      </c>
      <c r="X13" s="195">
        <v>3</v>
      </c>
      <c r="Y13" s="190">
        <v>0</v>
      </c>
      <c r="Z13" s="191">
        <v>0</v>
      </c>
      <c r="AA13" s="196">
        <v>0</v>
      </c>
      <c r="AB13" s="193">
        <v>0</v>
      </c>
      <c r="AC13" s="191">
        <v>39</v>
      </c>
      <c r="AD13" s="191">
        <v>14</v>
      </c>
      <c r="AE13" s="191">
        <v>9</v>
      </c>
      <c r="AF13" s="191">
        <v>3</v>
      </c>
      <c r="AG13" s="191">
        <v>2</v>
      </c>
      <c r="AH13" s="196">
        <v>67</v>
      </c>
      <c r="AI13" s="195">
        <v>67</v>
      </c>
      <c r="AJ13" s="190">
        <v>0</v>
      </c>
      <c r="AK13" s="191">
        <v>0</v>
      </c>
      <c r="AL13" s="196">
        <v>0</v>
      </c>
      <c r="AM13" s="193">
        <v>0</v>
      </c>
      <c r="AN13" s="191">
        <v>3</v>
      </c>
      <c r="AO13" s="191">
        <v>0</v>
      </c>
      <c r="AP13" s="191">
        <v>2</v>
      </c>
      <c r="AQ13" s="191">
        <v>0</v>
      </c>
      <c r="AR13" s="191">
        <v>0</v>
      </c>
      <c r="AS13" s="196">
        <v>5</v>
      </c>
      <c r="AT13" s="195">
        <v>5</v>
      </c>
      <c r="AU13" s="190">
        <v>0</v>
      </c>
      <c r="AV13" s="191">
        <v>0</v>
      </c>
      <c r="AW13" s="196">
        <v>0</v>
      </c>
      <c r="AX13" s="193">
        <v>0</v>
      </c>
      <c r="AY13" s="191">
        <v>6</v>
      </c>
      <c r="AZ13" s="191">
        <v>1</v>
      </c>
      <c r="BA13" s="191">
        <v>4</v>
      </c>
      <c r="BB13" s="191">
        <v>3</v>
      </c>
      <c r="BC13" s="191">
        <v>0</v>
      </c>
      <c r="BD13" s="196">
        <v>14</v>
      </c>
      <c r="BE13" s="195">
        <v>14</v>
      </c>
      <c r="BF13" s="190">
        <v>0</v>
      </c>
      <c r="BG13" s="191">
        <v>0</v>
      </c>
      <c r="BH13" s="196">
        <v>0</v>
      </c>
      <c r="BI13" s="193">
        <v>0</v>
      </c>
      <c r="BJ13" s="191">
        <v>6</v>
      </c>
      <c r="BK13" s="191">
        <v>9</v>
      </c>
      <c r="BL13" s="191">
        <v>11</v>
      </c>
      <c r="BM13" s="191">
        <v>3</v>
      </c>
      <c r="BN13" s="191">
        <v>5</v>
      </c>
      <c r="BO13" s="194">
        <v>34</v>
      </c>
      <c r="BP13" s="195">
        <v>34</v>
      </c>
      <c r="BQ13" s="190">
        <v>0</v>
      </c>
      <c r="BR13" s="191">
        <v>0</v>
      </c>
      <c r="BS13" s="196">
        <v>0</v>
      </c>
      <c r="BT13" s="193">
        <v>0</v>
      </c>
      <c r="BU13" s="191">
        <v>3</v>
      </c>
      <c r="BV13" s="191">
        <v>2</v>
      </c>
      <c r="BW13" s="191">
        <v>1</v>
      </c>
      <c r="BX13" s="191">
        <v>2</v>
      </c>
      <c r="BY13" s="191">
        <v>1</v>
      </c>
      <c r="BZ13" s="196">
        <v>9</v>
      </c>
      <c r="CA13" s="195">
        <v>9</v>
      </c>
      <c r="CB13" s="190">
        <v>0</v>
      </c>
      <c r="CC13" s="191">
        <v>0</v>
      </c>
      <c r="CD13" s="196">
        <v>0</v>
      </c>
      <c r="CE13" s="193">
        <v>0</v>
      </c>
      <c r="CF13" s="191">
        <v>0</v>
      </c>
      <c r="CG13" s="191">
        <v>1</v>
      </c>
      <c r="CH13" s="191">
        <v>2</v>
      </c>
      <c r="CI13" s="191">
        <v>2</v>
      </c>
      <c r="CJ13" s="191">
        <v>6</v>
      </c>
      <c r="CK13" s="196">
        <v>11</v>
      </c>
      <c r="CL13" s="195">
        <v>11</v>
      </c>
      <c r="CM13" s="190">
        <v>0</v>
      </c>
      <c r="CN13" s="191">
        <v>0</v>
      </c>
      <c r="CO13" s="196">
        <v>0</v>
      </c>
      <c r="CP13" s="193">
        <v>0</v>
      </c>
      <c r="CQ13" s="191">
        <v>2</v>
      </c>
      <c r="CR13" s="191">
        <v>0</v>
      </c>
      <c r="CS13" s="191">
        <v>1</v>
      </c>
      <c r="CT13" s="191">
        <v>4</v>
      </c>
      <c r="CU13" s="191">
        <v>1</v>
      </c>
      <c r="CV13" s="196">
        <v>8</v>
      </c>
      <c r="CW13" s="195">
        <v>8</v>
      </c>
    </row>
    <row r="14" spans="2:101" ht="21" customHeight="1" x14ac:dyDescent="0.2">
      <c r="B14" s="106" t="s">
        <v>11</v>
      </c>
      <c r="C14" s="190">
        <v>0</v>
      </c>
      <c r="D14" s="196">
        <v>0</v>
      </c>
      <c r="E14" s="207">
        <v>0</v>
      </c>
      <c r="F14" s="193">
        <v>0</v>
      </c>
      <c r="G14" s="191">
        <v>2</v>
      </c>
      <c r="H14" s="191">
        <v>0</v>
      </c>
      <c r="I14" s="191">
        <v>1</v>
      </c>
      <c r="J14" s="191">
        <v>0</v>
      </c>
      <c r="K14" s="191">
        <v>0</v>
      </c>
      <c r="L14" s="194">
        <v>3</v>
      </c>
      <c r="M14" s="195">
        <v>3</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4</v>
      </c>
      <c r="AD14" s="191">
        <v>7</v>
      </c>
      <c r="AE14" s="191">
        <v>5</v>
      </c>
      <c r="AF14" s="191">
        <v>4</v>
      </c>
      <c r="AG14" s="191">
        <v>2</v>
      </c>
      <c r="AH14" s="196">
        <v>32</v>
      </c>
      <c r="AI14" s="195">
        <v>32</v>
      </c>
      <c r="AJ14" s="190">
        <v>0</v>
      </c>
      <c r="AK14" s="191">
        <v>0</v>
      </c>
      <c r="AL14" s="196">
        <v>0</v>
      </c>
      <c r="AM14" s="193">
        <v>0</v>
      </c>
      <c r="AN14" s="191">
        <v>1</v>
      </c>
      <c r="AO14" s="191">
        <v>3</v>
      </c>
      <c r="AP14" s="191">
        <v>2</v>
      </c>
      <c r="AQ14" s="191">
        <v>0</v>
      </c>
      <c r="AR14" s="191">
        <v>0</v>
      </c>
      <c r="AS14" s="196">
        <v>6</v>
      </c>
      <c r="AT14" s="195">
        <v>6</v>
      </c>
      <c r="AU14" s="190">
        <v>0</v>
      </c>
      <c r="AV14" s="191">
        <v>0</v>
      </c>
      <c r="AW14" s="196">
        <v>0</v>
      </c>
      <c r="AX14" s="193">
        <v>0</v>
      </c>
      <c r="AY14" s="191">
        <v>1</v>
      </c>
      <c r="AZ14" s="191">
        <v>2</v>
      </c>
      <c r="BA14" s="191">
        <v>3</v>
      </c>
      <c r="BB14" s="191">
        <v>0</v>
      </c>
      <c r="BC14" s="191">
        <v>0</v>
      </c>
      <c r="BD14" s="196">
        <v>6</v>
      </c>
      <c r="BE14" s="195">
        <v>6</v>
      </c>
      <c r="BF14" s="190">
        <v>0</v>
      </c>
      <c r="BG14" s="191">
        <v>0</v>
      </c>
      <c r="BH14" s="196">
        <v>0</v>
      </c>
      <c r="BI14" s="193">
        <v>0</v>
      </c>
      <c r="BJ14" s="191">
        <v>1</v>
      </c>
      <c r="BK14" s="191">
        <v>3</v>
      </c>
      <c r="BL14" s="191">
        <v>1</v>
      </c>
      <c r="BM14" s="191">
        <v>3</v>
      </c>
      <c r="BN14" s="191">
        <v>1</v>
      </c>
      <c r="BO14" s="194">
        <v>9</v>
      </c>
      <c r="BP14" s="195">
        <v>9</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2</v>
      </c>
      <c r="CR14" s="191">
        <v>1</v>
      </c>
      <c r="CS14" s="191">
        <v>0</v>
      </c>
      <c r="CT14" s="191">
        <v>1</v>
      </c>
      <c r="CU14" s="191">
        <v>0</v>
      </c>
      <c r="CV14" s="196">
        <v>4</v>
      </c>
      <c r="CW14" s="195">
        <v>4</v>
      </c>
    </row>
    <row r="15" spans="2:101" ht="21" customHeight="1" x14ac:dyDescent="0.2">
      <c r="B15" s="106" t="s">
        <v>12</v>
      </c>
      <c r="C15" s="190">
        <v>0</v>
      </c>
      <c r="D15" s="196">
        <v>0</v>
      </c>
      <c r="E15" s="207">
        <v>0</v>
      </c>
      <c r="F15" s="193">
        <v>0</v>
      </c>
      <c r="G15" s="191">
        <v>1</v>
      </c>
      <c r="H15" s="191">
        <v>0</v>
      </c>
      <c r="I15" s="191">
        <v>0</v>
      </c>
      <c r="J15" s="191">
        <v>0</v>
      </c>
      <c r="K15" s="191">
        <v>0</v>
      </c>
      <c r="L15" s="194">
        <v>1</v>
      </c>
      <c r="M15" s="195">
        <v>1</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2</v>
      </c>
      <c r="AD15" s="191">
        <v>20</v>
      </c>
      <c r="AE15" s="191">
        <v>7</v>
      </c>
      <c r="AF15" s="191">
        <v>3</v>
      </c>
      <c r="AG15" s="191">
        <v>2</v>
      </c>
      <c r="AH15" s="196">
        <v>54</v>
      </c>
      <c r="AI15" s="195">
        <v>54</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3</v>
      </c>
      <c r="BA15" s="191">
        <v>3</v>
      </c>
      <c r="BB15" s="191">
        <v>4</v>
      </c>
      <c r="BC15" s="191">
        <v>2</v>
      </c>
      <c r="BD15" s="196">
        <v>15</v>
      </c>
      <c r="BE15" s="195">
        <v>15</v>
      </c>
      <c r="BF15" s="190">
        <v>0</v>
      </c>
      <c r="BG15" s="191">
        <v>0</v>
      </c>
      <c r="BH15" s="196">
        <v>0</v>
      </c>
      <c r="BI15" s="193">
        <v>0</v>
      </c>
      <c r="BJ15" s="191">
        <v>2</v>
      </c>
      <c r="BK15" s="191">
        <v>1</v>
      </c>
      <c r="BL15" s="191">
        <v>1</v>
      </c>
      <c r="BM15" s="191">
        <v>3</v>
      </c>
      <c r="BN15" s="191">
        <v>2</v>
      </c>
      <c r="BO15" s="194">
        <v>9</v>
      </c>
      <c r="BP15" s="195">
        <v>9</v>
      </c>
      <c r="BQ15" s="190">
        <v>0</v>
      </c>
      <c r="BR15" s="191">
        <v>0</v>
      </c>
      <c r="BS15" s="196">
        <v>0</v>
      </c>
      <c r="BT15" s="193">
        <v>0</v>
      </c>
      <c r="BU15" s="191">
        <v>0</v>
      </c>
      <c r="BV15" s="191">
        <v>3</v>
      </c>
      <c r="BW15" s="191">
        <v>1</v>
      </c>
      <c r="BX15" s="191">
        <v>2</v>
      </c>
      <c r="BY15" s="191">
        <v>0</v>
      </c>
      <c r="BZ15" s="196">
        <v>6</v>
      </c>
      <c r="CA15" s="195">
        <v>6</v>
      </c>
      <c r="CB15" s="190">
        <v>0</v>
      </c>
      <c r="CC15" s="191">
        <v>0</v>
      </c>
      <c r="CD15" s="196">
        <v>0</v>
      </c>
      <c r="CE15" s="193">
        <v>0</v>
      </c>
      <c r="CF15" s="191">
        <v>0</v>
      </c>
      <c r="CG15" s="191">
        <v>0</v>
      </c>
      <c r="CH15" s="191">
        <v>1</v>
      </c>
      <c r="CI15" s="191">
        <v>0</v>
      </c>
      <c r="CJ15" s="191">
        <v>2</v>
      </c>
      <c r="CK15" s="196">
        <v>3</v>
      </c>
      <c r="CL15" s="195">
        <v>3</v>
      </c>
      <c r="CM15" s="190">
        <v>0</v>
      </c>
      <c r="CN15" s="191">
        <v>0</v>
      </c>
      <c r="CO15" s="196">
        <v>0</v>
      </c>
      <c r="CP15" s="193">
        <v>0</v>
      </c>
      <c r="CQ15" s="191">
        <v>0</v>
      </c>
      <c r="CR15" s="191">
        <v>1</v>
      </c>
      <c r="CS15" s="191">
        <v>0</v>
      </c>
      <c r="CT15" s="191">
        <v>3</v>
      </c>
      <c r="CU15" s="191">
        <v>0</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22</v>
      </c>
      <c r="AD16" s="191">
        <v>13</v>
      </c>
      <c r="AE16" s="191">
        <v>6</v>
      </c>
      <c r="AF16" s="191">
        <v>3</v>
      </c>
      <c r="AG16" s="191">
        <v>0</v>
      </c>
      <c r="AH16" s="196">
        <v>44</v>
      </c>
      <c r="AI16" s="195">
        <v>44</v>
      </c>
      <c r="AJ16" s="190">
        <v>0</v>
      </c>
      <c r="AK16" s="191">
        <v>0</v>
      </c>
      <c r="AL16" s="196">
        <v>0</v>
      </c>
      <c r="AM16" s="193">
        <v>0</v>
      </c>
      <c r="AN16" s="191">
        <v>0</v>
      </c>
      <c r="AO16" s="191">
        <v>1</v>
      </c>
      <c r="AP16" s="191">
        <v>3</v>
      </c>
      <c r="AQ16" s="191">
        <v>0</v>
      </c>
      <c r="AR16" s="191">
        <v>1</v>
      </c>
      <c r="AS16" s="196">
        <v>5</v>
      </c>
      <c r="AT16" s="195">
        <v>5</v>
      </c>
      <c r="AU16" s="190">
        <v>0</v>
      </c>
      <c r="AV16" s="191">
        <v>0</v>
      </c>
      <c r="AW16" s="196">
        <v>0</v>
      </c>
      <c r="AX16" s="193">
        <v>0</v>
      </c>
      <c r="AY16" s="191">
        <v>1</v>
      </c>
      <c r="AZ16" s="191">
        <v>2</v>
      </c>
      <c r="BA16" s="191">
        <v>0</v>
      </c>
      <c r="BB16" s="191">
        <v>0</v>
      </c>
      <c r="BC16" s="191">
        <v>1</v>
      </c>
      <c r="BD16" s="196">
        <v>4</v>
      </c>
      <c r="BE16" s="195">
        <v>4</v>
      </c>
      <c r="BF16" s="190">
        <v>0</v>
      </c>
      <c r="BG16" s="191">
        <v>0</v>
      </c>
      <c r="BH16" s="196">
        <v>0</v>
      </c>
      <c r="BI16" s="193">
        <v>0</v>
      </c>
      <c r="BJ16" s="191">
        <v>1</v>
      </c>
      <c r="BK16" s="191">
        <v>0</v>
      </c>
      <c r="BL16" s="191">
        <v>1</v>
      </c>
      <c r="BM16" s="191">
        <v>2</v>
      </c>
      <c r="BN16" s="191">
        <v>1</v>
      </c>
      <c r="BO16" s="194">
        <v>5</v>
      </c>
      <c r="BP16" s="195">
        <v>5</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1</v>
      </c>
      <c r="H17" s="191">
        <v>0</v>
      </c>
      <c r="I17" s="191">
        <v>0</v>
      </c>
      <c r="J17" s="191">
        <v>1</v>
      </c>
      <c r="K17" s="191">
        <v>0</v>
      </c>
      <c r="L17" s="194">
        <v>2</v>
      </c>
      <c r="M17" s="195">
        <v>2</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9</v>
      </c>
      <c r="AD17" s="191">
        <v>6</v>
      </c>
      <c r="AE17" s="191">
        <v>1</v>
      </c>
      <c r="AF17" s="191">
        <v>2</v>
      </c>
      <c r="AG17" s="191">
        <v>0</v>
      </c>
      <c r="AH17" s="196">
        <v>18</v>
      </c>
      <c r="AI17" s="195">
        <v>18</v>
      </c>
      <c r="AJ17" s="190">
        <v>0</v>
      </c>
      <c r="AK17" s="191">
        <v>1</v>
      </c>
      <c r="AL17" s="196">
        <v>1</v>
      </c>
      <c r="AM17" s="193">
        <v>0</v>
      </c>
      <c r="AN17" s="191">
        <v>0</v>
      </c>
      <c r="AO17" s="191">
        <v>0</v>
      </c>
      <c r="AP17" s="191">
        <v>0</v>
      </c>
      <c r="AQ17" s="191">
        <v>1</v>
      </c>
      <c r="AR17" s="191">
        <v>0</v>
      </c>
      <c r="AS17" s="196">
        <v>1</v>
      </c>
      <c r="AT17" s="195">
        <v>2</v>
      </c>
      <c r="AU17" s="190">
        <v>0</v>
      </c>
      <c r="AV17" s="191">
        <v>0</v>
      </c>
      <c r="AW17" s="196">
        <v>0</v>
      </c>
      <c r="AX17" s="193">
        <v>0</v>
      </c>
      <c r="AY17" s="191">
        <v>1</v>
      </c>
      <c r="AZ17" s="191">
        <v>0</v>
      </c>
      <c r="BA17" s="191">
        <v>0</v>
      </c>
      <c r="BB17" s="191">
        <v>0</v>
      </c>
      <c r="BC17" s="191">
        <v>1</v>
      </c>
      <c r="BD17" s="196">
        <v>2</v>
      </c>
      <c r="BE17" s="195">
        <v>2</v>
      </c>
      <c r="BF17" s="190">
        <v>0</v>
      </c>
      <c r="BG17" s="191">
        <v>0</v>
      </c>
      <c r="BH17" s="196">
        <v>0</v>
      </c>
      <c r="BI17" s="193">
        <v>0</v>
      </c>
      <c r="BJ17" s="191">
        <v>2</v>
      </c>
      <c r="BK17" s="191">
        <v>2</v>
      </c>
      <c r="BL17" s="191">
        <v>1</v>
      </c>
      <c r="BM17" s="191">
        <v>0</v>
      </c>
      <c r="BN17" s="191">
        <v>0</v>
      </c>
      <c r="BO17" s="194">
        <v>5</v>
      </c>
      <c r="BP17" s="195">
        <v>5</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1</v>
      </c>
      <c r="CR17" s="191">
        <v>1</v>
      </c>
      <c r="CS17" s="191">
        <v>2</v>
      </c>
      <c r="CT17" s="191">
        <v>0</v>
      </c>
      <c r="CU17" s="191">
        <v>0</v>
      </c>
      <c r="CV17" s="196">
        <v>4</v>
      </c>
      <c r="CW17" s="195">
        <v>4</v>
      </c>
    </row>
    <row r="18" spans="2:101" ht="21" customHeight="1" x14ac:dyDescent="0.2">
      <c r="B18" s="106" t="s">
        <v>16</v>
      </c>
      <c r="C18" s="190">
        <v>0</v>
      </c>
      <c r="D18" s="196">
        <v>0</v>
      </c>
      <c r="E18" s="207">
        <v>0</v>
      </c>
      <c r="F18" s="193">
        <v>0</v>
      </c>
      <c r="G18" s="191">
        <v>0</v>
      </c>
      <c r="H18" s="191">
        <v>0</v>
      </c>
      <c r="I18" s="191">
        <v>1</v>
      </c>
      <c r="J18" s="191">
        <v>1</v>
      </c>
      <c r="K18" s="191">
        <v>0</v>
      </c>
      <c r="L18" s="194">
        <v>2</v>
      </c>
      <c r="M18" s="195">
        <v>2</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8</v>
      </c>
      <c r="AD18" s="191">
        <v>12</v>
      </c>
      <c r="AE18" s="191">
        <v>8</v>
      </c>
      <c r="AF18" s="191">
        <v>2</v>
      </c>
      <c r="AG18" s="191">
        <v>0</v>
      </c>
      <c r="AH18" s="196">
        <v>30</v>
      </c>
      <c r="AI18" s="195">
        <v>30</v>
      </c>
      <c r="AJ18" s="190">
        <v>0</v>
      </c>
      <c r="AK18" s="191">
        <v>0</v>
      </c>
      <c r="AL18" s="196">
        <v>0</v>
      </c>
      <c r="AM18" s="193">
        <v>0</v>
      </c>
      <c r="AN18" s="191">
        <v>1</v>
      </c>
      <c r="AO18" s="191">
        <v>1</v>
      </c>
      <c r="AP18" s="191">
        <v>1</v>
      </c>
      <c r="AQ18" s="191">
        <v>1</v>
      </c>
      <c r="AR18" s="191">
        <v>0</v>
      </c>
      <c r="AS18" s="196">
        <v>4</v>
      </c>
      <c r="AT18" s="195">
        <v>4</v>
      </c>
      <c r="AU18" s="190">
        <v>0</v>
      </c>
      <c r="AV18" s="191">
        <v>0</v>
      </c>
      <c r="AW18" s="196">
        <v>0</v>
      </c>
      <c r="AX18" s="193">
        <v>0</v>
      </c>
      <c r="AY18" s="191">
        <v>0</v>
      </c>
      <c r="AZ18" s="191">
        <v>0</v>
      </c>
      <c r="BA18" s="191">
        <v>2</v>
      </c>
      <c r="BB18" s="191">
        <v>1</v>
      </c>
      <c r="BC18" s="191">
        <v>0</v>
      </c>
      <c r="BD18" s="196">
        <v>3</v>
      </c>
      <c r="BE18" s="195">
        <v>3</v>
      </c>
      <c r="BF18" s="190">
        <v>0</v>
      </c>
      <c r="BG18" s="191">
        <v>0</v>
      </c>
      <c r="BH18" s="196">
        <v>0</v>
      </c>
      <c r="BI18" s="193">
        <v>0</v>
      </c>
      <c r="BJ18" s="191">
        <v>0</v>
      </c>
      <c r="BK18" s="191">
        <v>3</v>
      </c>
      <c r="BL18" s="191">
        <v>1</v>
      </c>
      <c r="BM18" s="191">
        <v>1</v>
      </c>
      <c r="BN18" s="191">
        <v>3</v>
      </c>
      <c r="BO18" s="194">
        <v>8</v>
      </c>
      <c r="BP18" s="195">
        <v>8</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1</v>
      </c>
      <c r="CS18" s="191">
        <v>0</v>
      </c>
      <c r="CT18" s="191">
        <v>0</v>
      </c>
      <c r="CU18" s="191">
        <v>0</v>
      </c>
      <c r="CV18" s="196">
        <v>1</v>
      </c>
      <c r="CW18" s="195">
        <v>1</v>
      </c>
    </row>
    <row r="19" spans="2:101" ht="21" customHeight="1" x14ac:dyDescent="0.2">
      <c r="B19" s="106" t="s">
        <v>17</v>
      </c>
      <c r="C19" s="190">
        <v>0</v>
      </c>
      <c r="D19" s="196">
        <v>0</v>
      </c>
      <c r="E19" s="207">
        <v>0</v>
      </c>
      <c r="F19" s="193">
        <v>0</v>
      </c>
      <c r="G19" s="191">
        <v>0</v>
      </c>
      <c r="H19" s="191">
        <v>0</v>
      </c>
      <c r="I19" s="191">
        <v>0</v>
      </c>
      <c r="J19" s="191">
        <v>0</v>
      </c>
      <c r="K19" s="191">
        <v>1</v>
      </c>
      <c r="L19" s="194">
        <v>1</v>
      </c>
      <c r="M19" s="195">
        <v>1</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3</v>
      </c>
      <c r="AD19" s="191">
        <v>20</v>
      </c>
      <c r="AE19" s="191">
        <v>6</v>
      </c>
      <c r="AF19" s="191">
        <v>2</v>
      </c>
      <c r="AG19" s="191">
        <v>0</v>
      </c>
      <c r="AH19" s="196">
        <v>51</v>
      </c>
      <c r="AI19" s="195">
        <v>51</v>
      </c>
      <c r="AJ19" s="190">
        <v>1</v>
      </c>
      <c r="AK19" s="191">
        <v>0</v>
      </c>
      <c r="AL19" s="196">
        <v>1</v>
      </c>
      <c r="AM19" s="193">
        <v>0</v>
      </c>
      <c r="AN19" s="191">
        <v>1</v>
      </c>
      <c r="AO19" s="191">
        <v>1</v>
      </c>
      <c r="AP19" s="191">
        <v>0</v>
      </c>
      <c r="AQ19" s="191">
        <v>0</v>
      </c>
      <c r="AR19" s="191">
        <v>0</v>
      </c>
      <c r="AS19" s="196">
        <v>2</v>
      </c>
      <c r="AT19" s="195">
        <v>3</v>
      </c>
      <c r="AU19" s="190">
        <v>0</v>
      </c>
      <c r="AV19" s="191">
        <v>0</v>
      </c>
      <c r="AW19" s="196">
        <v>0</v>
      </c>
      <c r="AX19" s="193">
        <v>0</v>
      </c>
      <c r="AY19" s="191">
        <v>1</v>
      </c>
      <c r="AZ19" s="191">
        <v>2</v>
      </c>
      <c r="BA19" s="191">
        <v>1</v>
      </c>
      <c r="BB19" s="191">
        <v>1</v>
      </c>
      <c r="BC19" s="191">
        <v>2</v>
      </c>
      <c r="BD19" s="196">
        <v>7</v>
      </c>
      <c r="BE19" s="195">
        <v>7</v>
      </c>
      <c r="BF19" s="190">
        <v>0</v>
      </c>
      <c r="BG19" s="191">
        <v>0</v>
      </c>
      <c r="BH19" s="196">
        <v>0</v>
      </c>
      <c r="BI19" s="193">
        <v>0</v>
      </c>
      <c r="BJ19" s="191">
        <v>1</v>
      </c>
      <c r="BK19" s="191">
        <v>3</v>
      </c>
      <c r="BL19" s="191">
        <v>5</v>
      </c>
      <c r="BM19" s="191">
        <v>1</v>
      </c>
      <c r="BN19" s="191">
        <v>0</v>
      </c>
      <c r="BO19" s="194">
        <v>10</v>
      </c>
      <c r="BP19" s="195">
        <v>1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2</v>
      </c>
      <c r="CJ19" s="191">
        <v>0</v>
      </c>
      <c r="CK19" s="196">
        <v>2</v>
      </c>
      <c r="CL19" s="195">
        <v>2</v>
      </c>
      <c r="CM19" s="190">
        <v>0</v>
      </c>
      <c r="CN19" s="191">
        <v>0</v>
      </c>
      <c r="CO19" s="196">
        <v>0</v>
      </c>
      <c r="CP19" s="193">
        <v>0</v>
      </c>
      <c r="CQ19" s="191">
        <v>0</v>
      </c>
      <c r="CR19" s="191">
        <v>0</v>
      </c>
      <c r="CS19" s="191">
        <v>1</v>
      </c>
      <c r="CT19" s="191">
        <v>0</v>
      </c>
      <c r="CU19" s="191">
        <v>0</v>
      </c>
      <c r="CV19" s="196">
        <v>1</v>
      </c>
      <c r="CW19" s="195">
        <v>1</v>
      </c>
    </row>
    <row r="20" spans="2:101" ht="21" customHeight="1" x14ac:dyDescent="0.2">
      <c r="B20" s="106" t="s">
        <v>18</v>
      </c>
      <c r="C20" s="190">
        <v>0</v>
      </c>
      <c r="D20" s="196">
        <v>0</v>
      </c>
      <c r="E20" s="207">
        <v>0</v>
      </c>
      <c r="F20" s="193">
        <v>0</v>
      </c>
      <c r="G20" s="191">
        <v>0</v>
      </c>
      <c r="H20" s="191">
        <v>0</v>
      </c>
      <c r="I20" s="191">
        <v>0</v>
      </c>
      <c r="J20" s="191">
        <v>0</v>
      </c>
      <c r="K20" s="191">
        <v>2</v>
      </c>
      <c r="L20" s="194">
        <v>2</v>
      </c>
      <c r="M20" s="195">
        <v>2</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0</v>
      </c>
      <c r="AD20" s="191">
        <v>14</v>
      </c>
      <c r="AE20" s="191">
        <v>3</v>
      </c>
      <c r="AF20" s="191">
        <v>0</v>
      </c>
      <c r="AG20" s="191">
        <v>0</v>
      </c>
      <c r="AH20" s="196">
        <v>37</v>
      </c>
      <c r="AI20" s="195">
        <v>37</v>
      </c>
      <c r="AJ20" s="190">
        <v>0</v>
      </c>
      <c r="AK20" s="191">
        <v>0</v>
      </c>
      <c r="AL20" s="196">
        <v>0</v>
      </c>
      <c r="AM20" s="193">
        <v>0</v>
      </c>
      <c r="AN20" s="191">
        <v>0</v>
      </c>
      <c r="AO20" s="191">
        <v>2</v>
      </c>
      <c r="AP20" s="191">
        <v>4</v>
      </c>
      <c r="AQ20" s="191">
        <v>1</v>
      </c>
      <c r="AR20" s="191">
        <v>0</v>
      </c>
      <c r="AS20" s="196">
        <v>7</v>
      </c>
      <c r="AT20" s="195">
        <v>7</v>
      </c>
      <c r="AU20" s="190">
        <v>1</v>
      </c>
      <c r="AV20" s="191">
        <v>0</v>
      </c>
      <c r="AW20" s="196">
        <v>1</v>
      </c>
      <c r="AX20" s="193">
        <v>0</v>
      </c>
      <c r="AY20" s="191">
        <v>3</v>
      </c>
      <c r="AZ20" s="191">
        <v>2</v>
      </c>
      <c r="BA20" s="191">
        <v>5</v>
      </c>
      <c r="BB20" s="191">
        <v>2</v>
      </c>
      <c r="BC20" s="191">
        <v>0</v>
      </c>
      <c r="BD20" s="196">
        <v>12</v>
      </c>
      <c r="BE20" s="195">
        <v>13</v>
      </c>
      <c r="BF20" s="190">
        <v>0</v>
      </c>
      <c r="BG20" s="191">
        <v>0</v>
      </c>
      <c r="BH20" s="196">
        <v>0</v>
      </c>
      <c r="BI20" s="193">
        <v>0</v>
      </c>
      <c r="BJ20" s="191">
        <v>2</v>
      </c>
      <c r="BK20" s="191">
        <v>3</v>
      </c>
      <c r="BL20" s="191">
        <v>4</v>
      </c>
      <c r="BM20" s="191">
        <v>4</v>
      </c>
      <c r="BN20" s="191">
        <v>2</v>
      </c>
      <c r="BO20" s="194">
        <v>15</v>
      </c>
      <c r="BP20" s="195">
        <v>15</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1</v>
      </c>
      <c r="CJ20" s="191">
        <v>0</v>
      </c>
      <c r="CK20" s="196">
        <v>2</v>
      </c>
      <c r="CL20" s="195">
        <v>2</v>
      </c>
      <c r="CM20" s="190">
        <v>0</v>
      </c>
      <c r="CN20" s="191">
        <v>0</v>
      </c>
      <c r="CO20" s="196">
        <v>0</v>
      </c>
      <c r="CP20" s="193">
        <v>0</v>
      </c>
      <c r="CQ20" s="191">
        <v>0</v>
      </c>
      <c r="CR20" s="191">
        <v>0</v>
      </c>
      <c r="CS20" s="191">
        <v>2</v>
      </c>
      <c r="CT20" s="191">
        <v>1</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1</v>
      </c>
      <c r="L21" s="194">
        <v>1</v>
      </c>
      <c r="M21" s="195">
        <v>1</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7</v>
      </c>
      <c r="AD21" s="191">
        <v>5</v>
      </c>
      <c r="AE21" s="191">
        <v>2</v>
      </c>
      <c r="AF21" s="191">
        <v>0</v>
      </c>
      <c r="AG21" s="191">
        <v>0</v>
      </c>
      <c r="AH21" s="196">
        <v>14</v>
      </c>
      <c r="AI21" s="195">
        <v>14</v>
      </c>
      <c r="AJ21" s="190">
        <v>0</v>
      </c>
      <c r="AK21" s="191">
        <v>0</v>
      </c>
      <c r="AL21" s="196">
        <v>0</v>
      </c>
      <c r="AM21" s="193">
        <v>0</v>
      </c>
      <c r="AN21" s="191">
        <v>2</v>
      </c>
      <c r="AO21" s="191">
        <v>2</v>
      </c>
      <c r="AP21" s="191">
        <v>3</v>
      </c>
      <c r="AQ21" s="191">
        <v>0</v>
      </c>
      <c r="AR21" s="191">
        <v>0</v>
      </c>
      <c r="AS21" s="196">
        <v>7</v>
      </c>
      <c r="AT21" s="195">
        <v>7</v>
      </c>
      <c r="AU21" s="190">
        <v>0</v>
      </c>
      <c r="AV21" s="191">
        <v>0</v>
      </c>
      <c r="AW21" s="196">
        <v>0</v>
      </c>
      <c r="AX21" s="193">
        <v>0</v>
      </c>
      <c r="AY21" s="191">
        <v>3</v>
      </c>
      <c r="AZ21" s="191">
        <v>2</v>
      </c>
      <c r="BA21" s="191">
        <v>3</v>
      </c>
      <c r="BB21" s="191">
        <v>0</v>
      </c>
      <c r="BC21" s="191">
        <v>0</v>
      </c>
      <c r="BD21" s="196">
        <v>8</v>
      </c>
      <c r="BE21" s="195">
        <v>8</v>
      </c>
      <c r="BF21" s="190">
        <v>0</v>
      </c>
      <c r="BG21" s="191">
        <v>0</v>
      </c>
      <c r="BH21" s="196">
        <v>0</v>
      </c>
      <c r="BI21" s="193">
        <v>0</v>
      </c>
      <c r="BJ21" s="191">
        <v>1</v>
      </c>
      <c r="BK21" s="191">
        <v>2</v>
      </c>
      <c r="BL21" s="191">
        <v>0</v>
      </c>
      <c r="BM21" s="191">
        <v>1</v>
      </c>
      <c r="BN21" s="191">
        <v>0</v>
      </c>
      <c r="BO21" s="194">
        <v>4</v>
      </c>
      <c r="BP21" s="195">
        <v>4</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2</v>
      </c>
      <c r="AD22" s="191">
        <v>10</v>
      </c>
      <c r="AE22" s="191">
        <v>3</v>
      </c>
      <c r="AF22" s="191">
        <v>1</v>
      </c>
      <c r="AG22" s="191">
        <v>1</v>
      </c>
      <c r="AH22" s="196">
        <v>27</v>
      </c>
      <c r="AI22" s="195">
        <v>27</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1</v>
      </c>
      <c r="BB22" s="191">
        <v>0</v>
      </c>
      <c r="BC22" s="191">
        <v>0</v>
      </c>
      <c r="BD22" s="196">
        <v>1</v>
      </c>
      <c r="BE22" s="195">
        <v>1</v>
      </c>
      <c r="BF22" s="190">
        <v>0</v>
      </c>
      <c r="BG22" s="191">
        <v>0</v>
      </c>
      <c r="BH22" s="196">
        <v>0</v>
      </c>
      <c r="BI22" s="193">
        <v>0</v>
      </c>
      <c r="BJ22" s="191">
        <v>0</v>
      </c>
      <c r="BK22" s="191">
        <v>0</v>
      </c>
      <c r="BL22" s="191">
        <v>4</v>
      </c>
      <c r="BM22" s="191">
        <v>1</v>
      </c>
      <c r="BN22" s="191">
        <v>0</v>
      </c>
      <c r="BO22" s="194">
        <v>5</v>
      </c>
      <c r="BP22" s="195">
        <v>5</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3</v>
      </c>
      <c r="AD23" s="191">
        <v>9</v>
      </c>
      <c r="AE23" s="191">
        <v>3</v>
      </c>
      <c r="AF23" s="191">
        <v>3</v>
      </c>
      <c r="AG23" s="191">
        <v>0</v>
      </c>
      <c r="AH23" s="196">
        <v>28</v>
      </c>
      <c r="AI23" s="195">
        <v>28</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2</v>
      </c>
      <c r="BK23" s="191">
        <v>2</v>
      </c>
      <c r="BL23" s="191">
        <v>2</v>
      </c>
      <c r="BM23" s="191">
        <v>0</v>
      </c>
      <c r="BN23" s="191">
        <v>0</v>
      </c>
      <c r="BO23" s="194">
        <v>6</v>
      </c>
      <c r="BP23" s="195">
        <v>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1</v>
      </c>
      <c r="J24" s="191">
        <v>0</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4</v>
      </c>
      <c r="AD24" s="191">
        <v>4</v>
      </c>
      <c r="AE24" s="191">
        <v>2</v>
      </c>
      <c r="AF24" s="191">
        <v>2</v>
      </c>
      <c r="AG24" s="191">
        <v>1</v>
      </c>
      <c r="AH24" s="196">
        <v>13</v>
      </c>
      <c r="AI24" s="195">
        <v>13</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1</v>
      </c>
      <c r="BA24" s="191">
        <v>1</v>
      </c>
      <c r="BB24" s="191">
        <v>0</v>
      </c>
      <c r="BC24" s="191">
        <v>0</v>
      </c>
      <c r="BD24" s="196">
        <v>3</v>
      </c>
      <c r="BE24" s="195">
        <v>3</v>
      </c>
      <c r="BF24" s="190">
        <v>0</v>
      </c>
      <c r="BG24" s="191">
        <v>0</v>
      </c>
      <c r="BH24" s="196">
        <v>0</v>
      </c>
      <c r="BI24" s="193">
        <v>0</v>
      </c>
      <c r="BJ24" s="191">
        <v>1</v>
      </c>
      <c r="BK24" s="191">
        <v>1</v>
      </c>
      <c r="BL24" s="191">
        <v>2</v>
      </c>
      <c r="BM24" s="191">
        <v>1</v>
      </c>
      <c r="BN24" s="191">
        <v>0</v>
      </c>
      <c r="BO24" s="194">
        <v>5</v>
      </c>
      <c r="BP24" s="195">
        <v>5</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1</v>
      </c>
      <c r="CI24" s="191">
        <v>3</v>
      </c>
      <c r="CJ24" s="191">
        <v>0</v>
      </c>
      <c r="CK24" s="196">
        <v>4</v>
      </c>
      <c r="CL24" s="195">
        <v>4</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4</v>
      </c>
      <c r="AD25" s="191">
        <v>2</v>
      </c>
      <c r="AE25" s="191">
        <v>1</v>
      </c>
      <c r="AF25" s="191">
        <v>0</v>
      </c>
      <c r="AG25" s="191">
        <v>0</v>
      </c>
      <c r="AH25" s="196">
        <v>7</v>
      </c>
      <c r="AI25" s="195">
        <v>7</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1</v>
      </c>
      <c r="BB25" s="191">
        <v>0</v>
      </c>
      <c r="BC25" s="191">
        <v>0</v>
      </c>
      <c r="BD25" s="196">
        <v>1</v>
      </c>
      <c r="BE25" s="195">
        <v>1</v>
      </c>
      <c r="BF25" s="190">
        <v>0</v>
      </c>
      <c r="BG25" s="191">
        <v>0</v>
      </c>
      <c r="BH25" s="196">
        <v>0</v>
      </c>
      <c r="BI25" s="193">
        <v>0</v>
      </c>
      <c r="BJ25" s="191">
        <v>2</v>
      </c>
      <c r="BK25" s="191">
        <v>1</v>
      </c>
      <c r="BL25" s="191">
        <v>3</v>
      </c>
      <c r="BM25" s="191">
        <v>2</v>
      </c>
      <c r="BN25" s="191">
        <v>0</v>
      </c>
      <c r="BO25" s="194">
        <v>8</v>
      </c>
      <c r="BP25" s="195">
        <v>8</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1</v>
      </c>
      <c r="AD26" s="191">
        <v>2</v>
      </c>
      <c r="AE26" s="191">
        <v>2</v>
      </c>
      <c r="AF26" s="191">
        <v>0</v>
      </c>
      <c r="AG26" s="191">
        <v>0</v>
      </c>
      <c r="AH26" s="196">
        <v>5</v>
      </c>
      <c r="AI26" s="195">
        <v>5</v>
      </c>
      <c r="AJ26" s="190">
        <v>0</v>
      </c>
      <c r="AK26" s="191">
        <v>0</v>
      </c>
      <c r="AL26" s="196">
        <v>0</v>
      </c>
      <c r="AM26" s="193">
        <v>0</v>
      </c>
      <c r="AN26" s="191">
        <v>0</v>
      </c>
      <c r="AO26" s="191">
        <v>0</v>
      </c>
      <c r="AP26" s="191">
        <v>1</v>
      </c>
      <c r="AQ26" s="191">
        <v>0</v>
      </c>
      <c r="AR26" s="191">
        <v>0</v>
      </c>
      <c r="AS26" s="196">
        <v>1</v>
      </c>
      <c r="AT26" s="195">
        <v>1</v>
      </c>
      <c r="AU26" s="190">
        <v>1</v>
      </c>
      <c r="AV26" s="191">
        <v>0</v>
      </c>
      <c r="AW26" s="196">
        <v>1</v>
      </c>
      <c r="AX26" s="193">
        <v>0</v>
      </c>
      <c r="AY26" s="191">
        <v>0</v>
      </c>
      <c r="AZ26" s="191">
        <v>0</v>
      </c>
      <c r="BA26" s="191">
        <v>0</v>
      </c>
      <c r="BB26" s="191">
        <v>0</v>
      </c>
      <c r="BC26" s="191">
        <v>0</v>
      </c>
      <c r="BD26" s="196">
        <v>0</v>
      </c>
      <c r="BE26" s="195">
        <v>1</v>
      </c>
      <c r="BF26" s="190">
        <v>0</v>
      </c>
      <c r="BG26" s="191">
        <v>0</v>
      </c>
      <c r="BH26" s="196">
        <v>0</v>
      </c>
      <c r="BI26" s="193">
        <v>0</v>
      </c>
      <c r="BJ26" s="191">
        <v>0</v>
      </c>
      <c r="BK26" s="191">
        <v>0</v>
      </c>
      <c r="BL26" s="191">
        <v>2</v>
      </c>
      <c r="BM26" s="191">
        <v>0</v>
      </c>
      <c r="BN26" s="191">
        <v>0</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6</v>
      </c>
      <c r="AD27" s="191">
        <v>2</v>
      </c>
      <c r="AE27" s="191">
        <v>1</v>
      </c>
      <c r="AF27" s="191">
        <v>0</v>
      </c>
      <c r="AG27" s="191">
        <v>1</v>
      </c>
      <c r="AH27" s="196">
        <v>10</v>
      </c>
      <c r="AI27" s="195">
        <v>10</v>
      </c>
      <c r="AJ27" s="190">
        <v>0</v>
      </c>
      <c r="AK27" s="191">
        <v>0</v>
      </c>
      <c r="AL27" s="196">
        <v>0</v>
      </c>
      <c r="AM27" s="193">
        <v>0</v>
      </c>
      <c r="AN27" s="191">
        <v>0</v>
      </c>
      <c r="AO27" s="191">
        <v>0</v>
      </c>
      <c r="AP27" s="191">
        <v>0</v>
      </c>
      <c r="AQ27" s="191">
        <v>0</v>
      </c>
      <c r="AR27" s="191">
        <v>0</v>
      </c>
      <c r="AS27" s="196">
        <v>0</v>
      </c>
      <c r="AT27" s="195">
        <v>0</v>
      </c>
      <c r="AU27" s="190">
        <v>1</v>
      </c>
      <c r="AV27" s="191">
        <v>0</v>
      </c>
      <c r="AW27" s="196">
        <v>1</v>
      </c>
      <c r="AX27" s="193">
        <v>0</v>
      </c>
      <c r="AY27" s="191">
        <v>0</v>
      </c>
      <c r="AZ27" s="191">
        <v>0</v>
      </c>
      <c r="BA27" s="191">
        <v>0</v>
      </c>
      <c r="BB27" s="191">
        <v>0</v>
      </c>
      <c r="BC27" s="191">
        <v>0</v>
      </c>
      <c r="BD27" s="196">
        <v>0</v>
      </c>
      <c r="BE27" s="195">
        <v>1</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3</v>
      </c>
      <c r="AD28" s="191">
        <v>2</v>
      </c>
      <c r="AE28" s="191">
        <v>3</v>
      </c>
      <c r="AF28" s="191">
        <v>1</v>
      </c>
      <c r="AG28" s="191">
        <v>1</v>
      </c>
      <c r="AH28" s="196">
        <v>10</v>
      </c>
      <c r="AI28" s="195">
        <v>10</v>
      </c>
      <c r="AJ28" s="190">
        <v>0</v>
      </c>
      <c r="AK28" s="191">
        <v>0</v>
      </c>
      <c r="AL28" s="196">
        <v>0</v>
      </c>
      <c r="AM28" s="193">
        <v>0</v>
      </c>
      <c r="AN28" s="191">
        <v>0</v>
      </c>
      <c r="AO28" s="191">
        <v>0</v>
      </c>
      <c r="AP28" s="191">
        <v>1</v>
      </c>
      <c r="AQ28" s="191">
        <v>0</v>
      </c>
      <c r="AR28" s="191">
        <v>0</v>
      </c>
      <c r="AS28" s="196">
        <v>1</v>
      </c>
      <c r="AT28" s="195">
        <v>1</v>
      </c>
      <c r="AU28" s="190">
        <v>0</v>
      </c>
      <c r="AV28" s="191">
        <v>0</v>
      </c>
      <c r="AW28" s="196">
        <v>0</v>
      </c>
      <c r="AX28" s="193">
        <v>0</v>
      </c>
      <c r="AY28" s="191">
        <v>0</v>
      </c>
      <c r="AZ28" s="191">
        <v>0</v>
      </c>
      <c r="BA28" s="191">
        <v>0</v>
      </c>
      <c r="BB28" s="191">
        <v>1</v>
      </c>
      <c r="BC28" s="191">
        <v>0</v>
      </c>
      <c r="BD28" s="196">
        <v>1</v>
      </c>
      <c r="BE28" s="195">
        <v>1</v>
      </c>
      <c r="BF28" s="190">
        <v>0</v>
      </c>
      <c r="BG28" s="191">
        <v>0</v>
      </c>
      <c r="BH28" s="196">
        <v>0</v>
      </c>
      <c r="BI28" s="193">
        <v>0</v>
      </c>
      <c r="BJ28" s="191">
        <v>0</v>
      </c>
      <c r="BK28" s="191">
        <v>0</v>
      </c>
      <c r="BL28" s="191">
        <v>1</v>
      </c>
      <c r="BM28" s="191">
        <v>2</v>
      </c>
      <c r="BN28" s="191">
        <v>0</v>
      </c>
      <c r="BO28" s="194">
        <v>3</v>
      </c>
      <c r="BP28" s="195">
        <v>3</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0</v>
      </c>
      <c r="AF29" s="191">
        <v>0</v>
      </c>
      <c r="AG29" s="191">
        <v>0</v>
      </c>
      <c r="AH29" s="196">
        <v>1</v>
      </c>
      <c r="AI29" s="195">
        <v>1</v>
      </c>
      <c r="AJ29" s="190">
        <v>0</v>
      </c>
      <c r="AK29" s="191">
        <v>0</v>
      </c>
      <c r="AL29" s="196">
        <v>0</v>
      </c>
      <c r="AM29" s="193">
        <v>0</v>
      </c>
      <c r="AN29" s="191">
        <v>0</v>
      </c>
      <c r="AO29" s="191">
        <v>0</v>
      </c>
      <c r="AP29" s="191">
        <v>0</v>
      </c>
      <c r="AQ29" s="191">
        <v>1</v>
      </c>
      <c r="AR29" s="191">
        <v>0</v>
      </c>
      <c r="AS29" s="196">
        <v>1</v>
      </c>
      <c r="AT29" s="195">
        <v>1</v>
      </c>
      <c r="AU29" s="190">
        <v>0</v>
      </c>
      <c r="AV29" s="191">
        <v>0</v>
      </c>
      <c r="AW29" s="196">
        <v>0</v>
      </c>
      <c r="AX29" s="193">
        <v>0</v>
      </c>
      <c r="AY29" s="191">
        <v>2</v>
      </c>
      <c r="AZ29" s="191">
        <v>0</v>
      </c>
      <c r="BA29" s="191">
        <v>0</v>
      </c>
      <c r="BB29" s="191">
        <v>0</v>
      </c>
      <c r="BC29" s="191">
        <v>0</v>
      </c>
      <c r="BD29" s="196">
        <v>2</v>
      </c>
      <c r="BE29" s="195">
        <v>2</v>
      </c>
      <c r="BF29" s="190">
        <v>0</v>
      </c>
      <c r="BG29" s="191">
        <v>0</v>
      </c>
      <c r="BH29" s="196">
        <v>0</v>
      </c>
      <c r="BI29" s="193">
        <v>0</v>
      </c>
      <c r="BJ29" s="191">
        <v>0</v>
      </c>
      <c r="BK29" s="191">
        <v>0</v>
      </c>
      <c r="BL29" s="191">
        <v>1</v>
      </c>
      <c r="BM29" s="191">
        <v>0</v>
      </c>
      <c r="BN29" s="191">
        <v>0</v>
      </c>
      <c r="BO29" s="194">
        <v>1</v>
      </c>
      <c r="BP29" s="195">
        <v>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0</v>
      </c>
      <c r="CJ29" s="191">
        <v>0</v>
      </c>
      <c r="CK29" s="196">
        <v>1</v>
      </c>
      <c r="CL29" s="195">
        <v>1</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0</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0</v>
      </c>
      <c r="BL30" s="191">
        <v>0</v>
      </c>
      <c r="BM30" s="191">
        <v>0</v>
      </c>
      <c r="BN30" s="191">
        <v>1</v>
      </c>
      <c r="BO30" s="194">
        <v>1</v>
      </c>
      <c r="BP30" s="195">
        <v>1</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1</v>
      </c>
      <c r="AF31" s="191">
        <v>0</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2</v>
      </c>
      <c r="CI31" s="191">
        <v>1</v>
      </c>
      <c r="CJ31" s="191">
        <v>0</v>
      </c>
      <c r="CK31" s="196">
        <v>3</v>
      </c>
      <c r="CL31" s="195">
        <v>3</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1</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1</v>
      </c>
      <c r="BL33" s="191">
        <v>0</v>
      </c>
      <c r="BM33" s="191">
        <v>1</v>
      </c>
      <c r="BN33" s="191">
        <v>1</v>
      </c>
      <c r="BO33" s="194">
        <v>3</v>
      </c>
      <c r="BP33" s="195">
        <v>3</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1</v>
      </c>
      <c r="I34" s="191">
        <v>0</v>
      </c>
      <c r="J34" s="191">
        <v>0</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3</v>
      </c>
      <c r="AD34" s="191">
        <v>5</v>
      </c>
      <c r="AE34" s="191">
        <v>0</v>
      </c>
      <c r="AF34" s="191">
        <v>0</v>
      </c>
      <c r="AG34" s="191">
        <v>1</v>
      </c>
      <c r="AH34" s="196">
        <v>9</v>
      </c>
      <c r="AI34" s="195">
        <v>9</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0</v>
      </c>
      <c r="BN34" s="191">
        <v>0</v>
      </c>
      <c r="BO34" s="194">
        <v>1</v>
      </c>
      <c r="BP34" s="195">
        <v>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1</v>
      </c>
      <c r="CI34" s="191">
        <v>1</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0</v>
      </c>
      <c r="AE35" s="191">
        <v>0</v>
      </c>
      <c r="AF35" s="191">
        <v>0</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1</v>
      </c>
      <c r="CR35" s="191">
        <v>0</v>
      </c>
      <c r="CS35" s="191">
        <v>1</v>
      </c>
      <c r="CT35" s="191">
        <v>0</v>
      </c>
      <c r="CU35" s="191">
        <v>0</v>
      </c>
      <c r="CV35" s="196">
        <v>2</v>
      </c>
      <c r="CW35" s="195">
        <v>2</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1</v>
      </c>
      <c r="AE36" s="191">
        <v>0</v>
      </c>
      <c r="AF36" s="191">
        <v>0</v>
      </c>
      <c r="AG36" s="191">
        <v>0</v>
      </c>
      <c r="AH36" s="196">
        <v>2</v>
      </c>
      <c r="AI36" s="195">
        <v>2</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1</v>
      </c>
      <c r="CS36" s="191">
        <v>1</v>
      </c>
      <c r="CT36" s="191">
        <v>0</v>
      </c>
      <c r="CU36" s="191">
        <v>0</v>
      </c>
      <c r="CV36" s="196">
        <v>2</v>
      </c>
      <c r="CW36" s="195">
        <v>2</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1</v>
      </c>
      <c r="BA37" s="191">
        <v>1</v>
      </c>
      <c r="BB37" s="191">
        <v>0</v>
      </c>
      <c r="BC37" s="191">
        <v>0</v>
      </c>
      <c r="BD37" s="196">
        <v>2</v>
      </c>
      <c r="BE37" s="195">
        <v>2</v>
      </c>
      <c r="BF37" s="190">
        <v>0</v>
      </c>
      <c r="BG37" s="191">
        <v>0</v>
      </c>
      <c r="BH37" s="196">
        <v>0</v>
      </c>
      <c r="BI37" s="193">
        <v>0</v>
      </c>
      <c r="BJ37" s="191">
        <v>0</v>
      </c>
      <c r="BK37" s="191">
        <v>1</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2</v>
      </c>
      <c r="AE38" s="191">
        <v>0</v>
      </c>
      <c r="AF38" s="191">
        <v>1</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1</v>
      </c>
      <c r="BA38" s="191">
        <v>0</v>
      </c>
      <c r="BB38" s="191">
        <v>0</v>
      </c>
      <c r="BC38" s="191">
        <v>0</v>
      </c>
      <c r="BD38" s="196">
        <v>1</v>
      </c>
      <c r="BE38" s="195">
        <v>1</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6">
        <f>第１表!F2</f>
        <v>6</v>
      </c>
      <c r="J1" s="446"/>
      <c r="K1" s="18">
        <f>第１表!G2</f>
        <v>5</v>
      </c>
      <c r="L1" s="451">
        <f>IF(K1&lt;3,K1+12-2,K1-2)</f>
        <v>3</v>
      </c>
      <c r="M1" s="451"/>
    </row>
    <row r="2" spans="2:101" s="71" customFormat="1" ht="24" customHeight="1" thickBot="1" x14ac:dyDescent="0.25">
      <c r="B2" s="142" t="s">
        <v>152</v>
      </c>
    </row>
    <row r="3" spans="2:101" ht="21" customHeight="1" thickBot="1" x14ac:dyDescent="0.25">
      <c r="B3" s="482"/>
      <c r="C3" s="476" t="s">
        <v>94</v>
      </c>
      <c r="D3" s="477"/>
      <c r="E3" s="477"/>
      <c r="F3" s="477"/>
      <c r="G3" s="477"/>
      <c r="H3" s="477"/>
      <c r="I3" s="477"/>
      <c r="J3" s="477"/>
      <c r="K3" s="477"/>
      <c r="L3" s="477"/>
      <c r="M3" s="478"/>
      <c r="N3" s="476" t="s">
        <v>88</v>
      </c>
      <c r="O3" s="477"/>
      <c r="P3" s="477"/>
      <c r="Q3" s="477"/>
      <c r="R3" s="477"/>
      <c r="S3" s="477"/>
      <c r="T3" s="477"/>
      <c r="U3" s="477"/>
      <c r="V3" s="477"/>
      <c r="W3" s="477"/>
      <c r="X3" s="478"/>
      <c r="Y3" s="476" t="s">
        <v>139</v>
      </c>
      <c r="Z3" s="477"/>
      <c r="AA3" s="477"/>
      <c r="AB3" s="477"/>
      <c r="AC3" s="477"/>
      <c r="AD3" s="477"/>
      <c r="AE3" s="477"/>
      <c r="AF3" s="477"/>
      <c r="AG3" s="477"/>
      <c r="AH3" s="477"/>
      <c r="AI3" s="478"/>
      <c r="AJ3" s="476" t="s">
        <v>90</v>
      </c>
      <c r="AK3" s="477"/>
      <c r="AL3" s="477"/>
      <c r="AM3" s="477"/>
      <c r="AN3" s="477"/>
      <c r="AO3" s="477"/>
      <c r="AP3" s="477"/>
      <c r="AQ3" s="477"/>
      <c r="AR3" s="477"/>
      <c r="AS3" s="477"/>
      <c r="AT3" s="478"/>
      <c r="AU3" s="485" t="s">
        <v>89</v>
      </c>
      <c r="AV3" s="486"/>
      <c r="AW3" s="486"/>
      <c r="AX3" s="486"/>
      <c r="AY3" s="486"/>
      <c r="AZ3" s="486"/>
      <c r="BA3" s="486"/>
      <c r="BB3" s="486"/>
      <c r="BC3" s="486"/>
      <c r="BD3" s="486"/>
      <c r="BE3" s="487"/>
      <c r="BF3" s="485" t="s">
        <v>91</v>
      </c>
      <c r="BG3" s="486"/>
      <c r="BH3" s="486"/>
      <c r="BI3" s="486"/>
      <c r="BJ3" s="486"/>
      <c r="BK3" s="486"/>
      <c r="BL3" s="486"/>
      <c r="BM3" s="486"/>
      <c r="BN3" s="486"/>
      <c r="BO3" s="486"/>
      <c r="BP3" s="487"/>
      <c r="BQ3" s="485" t="s">
        <v>92</v>
      </c>
      <c r="BR3" s="486"/>
      <c r="BS3" s="486"/>
      <c r="BT3" s="486"/>
      <c r="BU3" s="486"/>
      <c r="BV3" s="486"/>
      <c r="BW3" s="486"/>
      <c r="BX3" s="486"/>
      <c r="BY3" s="486"/>
      <c r="BZ3" s="486"/>
      <c r="CA3" s="487"/>
      <c r="CB3" s="485" t="s">
        <v>93</v>
      </c>
      <c r="CC3" s="486"/>
      <c r="CD3" s="486"/>
      <c r="CE3" s="486"/>
      <c r="CF3" s="486"/>
      <c r="CG3" s="486"/>
      <c r="CH3" s="486"/>
      <c r="CI3" s="486"/>
      <c r="CJ3" s="486"/>
      <c r="CK3" s="486"/>
      <c r="CL3" s="487"/>
      <c r="CM3" s="486" t="s">
        <v>138</v>
      </c>
      <c r="CN3" s="486"/>
      <c r="CO3" s="486"/>
      <c r="CP3" s="486"/>
      <c r="CQ3" s="486"/>
      <c r="CR3" s="486"/>
      <c r="CS3" s="486"/>
      <c r="CT3" s="486"/>
      <c r="CU3" s="486"/>
      <c r="CV3" s="486"/>
      <c r="CW3" s="487"/>
    </row>
    <row r="4" spans="2:101" ht="21" customHeight="1" x14ac:dyDescent="0.2">
      <c r="B4" s="483"/>
      <c r="C4" s="469" t="s">
        <v>61</v>
      </c>
      <c r="D4" s="470"/>
      <c r="E4" s="471"/>
      <c r="F4" s="472" t="s">
        <v>62</v>
      </c>
      <c r="G4" s="470"/>
      <c r="H4" s="470"/>
      <c r="I4" s="470"/>
      <c r="J4" s="470"/>
      <c r="K4" s="470"/>
      <c r="L4" s="475"/>
      <c r="M4" s="473" t="s">
        <v>52</v>
      </c>
      <c r="N4" s="469" t="s">
        <v>61</v>
      </c>
      <c r="O4" s="470"/>
      <c r="P4" s="471"/>
      <c r="Q4" s="472" t="s">
        <v>62</v>
      </c>
      <c r="R4" s="470"/>
      <c r="S4" s="470"/>
      <c r="T4" s="470"/>
      <c r="U4" s="470"/>
      <c r="V4" s="470"/>
      <c r="W4" s="471"/>
      <c r="X4" s="473" t="s">
        <v>52</v>
      </c>
      <c r="Y4" s="469" t="s">
        <v>61</v>
      </c>
      <c r="Z4" s="470"/>
      <c r="AA4" s="471"/>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97" t="s">
        <v>61</v>
      </c>
      <c r="AV4" s="495"/>
      <c r="AW4" s="496"/>
      <c r="AX4" s="494" t="s">
        <v>62</v>
      </c>
      <c r="AY4" s="495"/>
      <c r="AZ4" s="495"/>
      <c r="BA4" s="495"/>
      <c r="BB4" s="495"/>
      <c r="BC4" s="495"/>
      <c r="BD4" s="496"/>
      <c r="BE4" s="498" t="s">
        <v>52</v>
      </c>
      <c r="BF4" s="497" t="s">
        <v>61</v>
      </c>
      <c r="BG4" s="495"/>
      <c r="BH4" s="496"/>
      <c r="BI4" s="494" t="s">
        <v>62</v>
      </c>
      <c r="BJ4" s="495"/>
      <c r="BK4" s="495"/>
      <c r="BL4" s="495"/>
      <c r="BM4" s="495"/>
      <c r="BN4" s="495"/>
      <c r="BO4" s="496"/>
      <c r="BP4" s="498" t="s">
        <v>52</v>
      </c>
      <c r="BQ4" s="497" t="s">
        <v>61</v>
      </c>
      <c r="BR4" s="495"/>
      <c r="BS4" s="496"/>
      <c r="BT4" s="494" t="s">
        <v>62</v>
      </c>
      <c r="BU4" s="495"/>
      <c r="BV4" s="495"/>
      <c r="BW4" s="495"/>
      <c r="BX4" s="495"/>
      <c r="BY4" s="495"/>
      <c r="BZ4" s="496"/>
      <c r="CA4" s="498" t="s">
        <v>52</v>
      </c>
      <c r="CB4" s="497" t="s">
        <v>61</v>
      </c>
      <c r="CC4" s="495"/>
      <c r="CD4" s="496"/>
      <c r="CE4" s="494" t="s">
        <v>62</v>
      </c>
      <c r="CF4" s="495"/>
      <c r="CG4" s="495"/>
      <c r="CH4" s="495"/>
      <c r="CI4" s="495"/>
      <c r="CJ4" s="495"/>
      <c r="CK4" s="496"/>
      <c r="CL4" s="498" t="s">
        <v>52</v>
      </c>
      <c r="CM4" s="497" t="s">
        <v>61</v>
      </c>
      <c r="CN4" s="495"/>
      <c r="CO4" s="496"/>
      <c r="CP4" s="494" t="s">
        <v>62</v>
      </c>
      <c r="CQ4" s="495"/>
      <c r="CR4" s="495"/>
      <c r="CS4" s="495"/>
      <c r="CT4" s="495"/>
      <c r="CU4" s="495"/>
      <c r="CV4" s="496"/>
      <c r="CW4" s="498" t="s">
        <v>52</v>
      </c>
    </row>
    <row r="5" spans="2:101" ht="30" customHeight="1" thickBot="1" x14ac:dyDescent="0.25">
      <c r="B5" s="484"/>
      <c r="C5" s="177" t="s">
        <v>43</v>
      </c>
      <c r="D5" s="182" t="s">
        <v>44</v>
      </c>
      <c r="E5" s="205" t="s">
        <v>45</v>
      </c>
      <c r="F5" s="180" t="s">
        <v>83</v>
      </c>
      <c r="G5" s="178" t="s">
        <v>47</v>
      </c>
      <c r="H5" s="178" t="s">
        <v>48</v>
      </c>
      <c r="I5" s="178" t="s">
        <v>49</v>
      </c>
      <c r="J5" s="178" t="s">
        <v>50</v>
      </c>
      <c r="K5" s="178" t="s">
        <v>51</v>
      </c>
      <c r="L5" s="181" t="s">
        <v>45</v>
      </c>
      <c r="M5" s="474"/>
      <c r="N5" s="177" t="s">
        <v>43</v>
      </c>
      <c r="O5" s="178" t="s">
        <v>44</v>
      </c>
      <c r="P5" s="182" t="s">
        <v>45</v>
      </c>
      <c r="Q5" s="180" t="s">
        <v>83</v>
      </c>
      <c r="R5" s="178" t="s">
        <v>47</v>
      </c>
      <c r="S5" s="178" t="s">
        <v>48</v>
      </c>
      <c r="T5" s="178" t="s">
        <v>49</v>
      </c>
      <c r="U5" s="178" t="s">
        <v>50</v>
      </c>
      <c r="V5" s="178" t="s">
        <v>51</v>
      </c>
      <c r="W5" s="182" t="s">
        <v>45</v>
      </c>
      <c r="X5" s="474"/>
      <c r="Y5" s="177" t="s">
        <v>43</v>
      </c>
      <c r="Z5" s="178" t="s">
        <v>44</v>
      </c>
      <c r="AA5" s="182"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2" t="s">
        <v>45</v>
      </c>
      <c r="AX5" s="180" t="s">
        <v>83</v>
      </c>
      <c r="AY5" s="178" t="s">
        <v>47</v>
      </c>
      <c r="AZ5" s="178" t="s">
        <v>48</v>
      </c>
      <c r="BA5" s="178" t="s">
        <v>49</v>
      </c>
      <c r="BB5" s="178" t="s">
        <v>50</v>
      </c>
      <c r="BC5" s="178" t="s">
        <v>51</v>
      </c>
      <c r="BD5" s="182" t="s">
        <v>45</v>
      </c>
      <c r="BE5" s="499"/>
      <c r="BF5" s="177" t="s">
        <v>43</v>
      </c>
      <c r="BG5" s="178" t="s">
        <v>44</v>
      </c>
      <c r="BH5" s="182" t="s">
        <v>45</v>
      </c>
      <c r="BI5" s="180" t="s">
        <v>83</v>
      </c>
      <c r="BJ5" s="178" t="s">
        <v>47</v>
      </c>
      <c r="BK5" s="178" t="s">
        <v>48</v>
      </c>
      <c r="BL5" s="178" t="s">
        <v>49</v>
      </c>
      <c r="BM5" s="178" t="s">
        <v>50</v>
      </c>
      <c r="BN5" s="178" t="s">
        <v>51</v>
      </c>
      <c r="BO5" s="182" t="s">
        <v>45</v>
      </c>
      <c r="BP5" s="499"/>
      <c r="BQ5" s="177" t="s">
        <v>43</v>
      </c>
      <c r="BR5" s="178" t="s">
        <v>44</v>
      </c>
      <c r="BS5" s="182" t="s">
        <v>45</v>
      </c>
      <c r="BT5" s="180" t="s">
        <v>83</v>
      </c>
      <c r="BU5" s="178" t="s">
        <v>47</v>
      </c>
      <c r="BV5" s="178" t="s">
        <v>48</v>
      </c>
      <c r="BW5" s="178" t="s">
        <v>49</v>
      </c>
      <c r="BX5" s="178" t="s">
        <v>50</v>
      </c>
      <c r="BY5" s="178" t="s">
        <v>51</v>
      </c>
      <c r="BZ5" s="182" t="s">
        <v>45</v>
      </c>
      <c r="CA5" s="499"/>
      <c r="CB5" s="177" t="s">
        <v>43</v>
      </c>
      <c r="CC5" s="178" t="s">
        <v>44</v>
      </c>
      <c r="CD5" s="182" t="s">
        <v>45</v>
      </c>
      <c r="CE5" s="180" t="s">
        <v>83</v>
      </c>
      <c r="CF5" s="178" t="s">
        <v>47</v>
      </c>
      <c r="CG5" s="178" t="s">
        <v>48</v>
      </c>
      <c r="CH5" s="178" t="s">
        <v>49</v>
      </c>
      <c r="CI5" s="178" t="s">
        <v>50</v>
      </c>
      <c r="CJ5" s="178" t="s">
        <v>51</v>
      </c>
      <c r="CK5" s="182" t="s">
        <v>45</v>
      </c>
      <c r="CL5" s="499"/>
      <c r="CM5" s="177" t="s">
        <v>43</v>
      </c>
      <c r="CN5" s="178" t="s">
        <v>44</v>
      </c>
      <c r="CO5" s="182" t="s">
        <v>45</v>
      </c>
      <c r="CP5" s="180" t="s">
        <v>83</v>
      </c>
      <c r="CQ5" s="178" t="s">
        <v>47</v>
      </c>
      <c r="CR5" s="178" t="s">
        <v>48</v>
      </c>
      <c r="CS5" s="178" t="s">
        <v>49</v>
      </c>
      <c r="CT5" s="178" t="s">
        <v>50</v>
      </c>
      <c r="CU5" s="178" t="s">
        <v>51</v>
      </c>
      <c r="CV5" s="182" t="s">
        <v>45</v>
      </c>
      <c r="CW5" s="499"/>
    </row>
    <row r="6" spans="2:101" ht="21" customHeight="1" x14ac:dyDescent="0.2">
      <c r="B6" s="84" t="s">
        <v>4</v>
      </c>
      <c r="C6" s="183">
        <v>0</v>
      </c>
      <c r="D6" s="189">
        <v>0</v>
      </c>
      <c r="E6" s="206">
        <v>0</v>
      </c>
      <c r="F6" s="186">
        <v>0</v>
      </c>
      <c r="G6" s="184">
        <v>17</v>
      </c>
      <c r="H6" s="184">
        <v>32</v>
      </c>
      <c r="I6" s="184">
        <v>26</v>
      </c>
      <c r="J6" s="184">
        <v>26</v>
      </c>
      <c r="K6" s="184">
        <v>23</v>
      </c>
      <c r="L6" s="187">
        <v>124</v>
      </c>
      <c r="M6" s="188">
        <v>124</v>
      </c>
      <c r="N6" s="183">
        <v>0</v>
      </c>
      <c r="O6" s="184">
        <v>0</v>
      </c>
      <c r="P6" s="189">
        <v>0</v>
      </c>
      <c r="Q6" s="186">
        <v>0</v>
      </c>
      <c r="R6" s="184">
        <v>9</v>
      </c>
      <c r="S6" s="184">
        <v>33</v>
      </c>
      <c r="T6" s="184">
        <v>27</v>
      </c>
      <c r="U6" s="184">
        <v>26</v>
      </c>
      <c r="V6" s="184">
        <v>23</v>
      </c>
      <c r="W6" s="189">
        <v>118</v>
      </c>
      <c r="X6" s="188">
        <v>118</v>
      </c>
      <c r="Y6" s="183">
        <v>0</v>
      </c>
      <c r="Z6" s="184">
        <v>0</v>
      </c>
      <c r="AA6" s="189">
        <v>0</v>
      </c>
      <c r="AB6" s="186">
        <v>0</v>
      </c>
      <c r="AC6" s="184">
        <v>847</v>
      </c>
      <c r="AD6" s="184">
        <v>738</v>
      </c>
      <c r="AE6" s="184">
        <v>319</v>
      </c>
      <c r="AF6" s="184">
        <v>129</v>
      </c>
      <c r="AG6" s="184">
        <v>45</v>
      </c>
      <c r="AH6" s="189">
        <v>2078</v>
      </c>
      <c r="AI6" s="188">
        <v>2078</v>
      </c>
      <c r="AJ6" s="183">
        <v>1</v>
      </c>
      <c r="AK6" s="184">
        <v>0</v>
      </c>
      <c r="AL6" s="189">
        <v>1</v>
      </c>
      <c r="AM6" s="186">
        <v>0</v>
      </c>
      <c r="AN6" s="184">
        <v>40</v>
      </c>
      <c r="AO6" s="184">
        <v>56</v>
      </c>
      <c r="AP6" s="184">
        <v>72</v>
      </c>
      <c r="AQ6" s="184">
        <v>19</v>
      </c>
      <c r="AR6" s="184">
        <v>18</v>
      </c>
      <c r="AS6" s="189">
        <v>205</v>
      </c>
      <c r="AT6" s="188">
        <v>206</v>
      </c>
      <c r="AU6" s="183">
        <v>12</v>
      </c>
      <c r="AV6" s="184">
        <v>24</v>
      </c>
      <c r="AW6" s="189">
        <v>36</v>
      </c>
      <c r="AX6" s="186">
        <v>0</v>
      </c>
      <c r="AY6" s="184">
        <v>70</v>
      </c>
      <c r="AZ6" s="184">
        <v>56</v>
      </c>
      <c r="BA6" s="184">
        <v>65</v>
      </c>
      <c r="BB6" s="184">
        <v>39</v>
      </c>
      <c r="BC6" s="184">
        <v>20</v>
      </c>
      <c r="BD6" s="189">
        <v>250</v>
      </c>
      <c r="BE6" s="188">
        <v>286</v>
      </c>
      <c r="BF6" s="183">
        <v>0</v>
      </c>
      <c r="BG6" s="184">
        <v>0</v>
      </c>
      <c r="BH6" s="189">
        <v>0</v>
      </c>
      <c r="BI6" s="186">
        <v>0</v>
      </c>
      <c r="BJ6" s="184">
        <v>72</v>
      </c>
      <c r="BK6" s="184">
        <v>106</v>
      </c>
      <c r="BL6" s="184">
        <v>133</v>
      </c>
      <c r="BM6" s="184">
        <v>90</v>
      </c>
      <c r="BN6" s="184">
        <v>74</v>
      </c>
      <c r="BO6" s="187">
        <v>475</v>
      </c>
      <c r="BP6" s="188">
        <v>475</v>
      </c>
      <c r="BQ6" s="183">
        <v>0</v>
      </c>
      <c r="BR6" s="184">
        <v>0</v>
      </c>
      <c r="BS6" s="189">
        <v>0</v>
      </c>
      <c r="BT6" s="186">
        <v>0</v>
      </c>
      <c r="BU6" s="184">
        <v>1</v>
      </c>
      <c r="BV6" s="184">
        <v>5</v>
      </c>
      <c r="BW6" s="184">
        <v>6</v>
      </c>
      <c r="BX6" s="184">
        <v>4</v>
      </c>
      <c r="BY6" s="184">
        <v>6</v>
      </c>
      <c r="BZ6" s="189">
        <v>22</v>
      </c>
      <c r="CA6" s="188">
        <v>22</v>
      </c>
      <c r="CB6" s="183">
        <v>0</v>
      </c>
      <c r="CC6" s="184">
        <v>0</v>
      </c>
      <c r="CD6" s="189">
        <v>0</v>
      </c>
      <c r="CE6" s="186">
        <v>0</v>
      </c>
      <c r="CF6" s="184">
        <v>0</v>
      </c>
      <c r="CG6" s="184">
        <v>2</v>
      </c>
      <c r="CH6" s="184">
        <v>6</v>
      </c>
      <c r="CI6" s="184">
        <v>22</v>
      </c>
      <c r="CJ6" s="184">
        <v>7</v>
      </c>
      <c r="CK6" s="189">
        <v>37</v>
      </c>
      <c r="CL6" s="188">
        <v>37</v>
      </c>
      <c r="CM6" s="183">
        <v>0</v>
      </c>
      <c r="CN6" s="184">
        <v>0</v>
      </c>
      <c r="CO6" s="189">
        <v>0</v>
      </c>
      <c r="CP6" s="186">
        <v>0</v>
      </c>
      <c r="CQ6" s="184">
        <v>7</v>
      </c>
      <c r="CR6" s="184">
        <v>16</v>
      </c>
      <c r="CS6" s="184">
        <v>15</v>
      </c>
      <c r="CT6" s="184">
        <v>18</v>
      </c>
      <c r="CU6" s="184">
        <v>32</v>
      </c>
      <c r="CV6" s="189">
        <v>88</v>
      </c>
      <c r="CW6" s="188">
        <v>88</v>
      </c>
    </row>
    <row r="7" spans="2:101" ht="21" customHeight="1" x14ac:dyDescent="0.2">
      <c r="B7" s="95" t="s">
        <v>5</v>
      </c>
      <c r="C7" s="190">
        <v>0</v>
      </c>
      <c r="D7" s="196">
        <v>0</v>
      </c>
      <c r="E7" s="207">
        <v>0</v>
      </c>
      <c r="F7" s="193">
        <v>0</v>
      </c>
      <c r="G7" s="191">
        <v>6</v>
      </c>
      <c r="H7" s="191">
        <v>12</v>
      </c>
      <c r="I7" s="191">
        <v>16</v>
      </c>
      <c r="J7" s="191">
        <v>11</v>
      </c>
      <c r="K7" s="191">
        <v>9</v>
      </c>
      <c r="L7" s="194">
        <v>54</v>
      </c>
      <c r="M7" s="195">
        <v>54</v>
      </c>
      <c r="N7" s="190">
        <v>0</v>
      </c>
      <c r="O7" s="191">
        <v>0</v>
      </c>
      <c r="P7" s="196">
        <v>0</v>
      </c>
      <c r="Q7" s="193">
        <v>0</v>
      </c>
      <c r="R7" s="191">
        <v>5</v>
      </c>
      <c r="S7" s="191">
        <v>22</v>
      </c>
      <c r="T7" s="191">
        <v>22</v>
      </c>
      <c r="U7" s="191">
        <v>17</v>
      </c>
      <c r="V7" s="191">
        <v>15</v>
      </c>
      <c r="W7" s="196">
        <v>81</v>
      </c>
      <c r="X7" s="195">
        <v>81</v>
      </c>
      <c r="Y7" s="190">
        <v>0</v>
      </c>
      <c r="Z7" s="191">
        <v>0</v>
      </c>
      <c r="AA7" s="196">
        <v>0</v>
      </c>
      <c r="AB7" s="193">
        <v>0</v>
      </c>
      <c r="AC7" s="191">
        <v>335</v>
      </c>
      <c r="AD7" s="191">
        <v>406</v>
      </c>
      <c r="AE7" s="191">
        <v>161</v>
      </c>
      <c r="AF7" s="191">
        <v>57</v>
      </c>
      <c r="AG7" s="191">
        <v>16</v>
      </c>
      <c r="AH7" s="196">
        <v>975</v>
      </c>
      <c r="AI7" s="195">
        <v>975</v>
      </c>
      <c r="AJ7" s="190">
        <v>1</v>
      </c>
      <c r="AK7" s="191">
        <v>0</v>
      </c>
      <c r="AL7" s="196">
        <v>1</v>
      </c>
      <c r="AM7" s="193">
        <v>0</v>
      </c>
      <c r="AN7" s="191">
        <v>21</v>
      </c>
      <c r="AO7" s="191">
        <v>30</v>
      </c>
      <c r="AP7" s="191">
        <v>34</v>
      </c>
      <c r="AQ7" s="191">
        <v>9</v>
      </c>
      <c r="AR7" s="191">
        <v>15</v>
      </c>
      <c r="AS7" s="196">
        <v>109</v>
      </c>
      <c r="AT7" s="195">
        <v>110</v>
      </c>
      <c r="AU7" s="190">
        <v>7</v>
      </c>
      <c r="AV7" s="191">
        <v>12</v>
      </c>
      <c r="AW7" s="196">
        <v>19</v>
      </c>
      <c r="AX7" s="193">
        <v>0</v>
      </c>
      <c r="AY7" s="191">
        <v>28</v>
      </c>
      <c r="AZ7" s="191">
        <v>24</v>
      </c>
      <c r="BA7" s="191">
        <v>30</v>
      </c>
      <c r="BB7" s="191">
        <v>24</v>
      </c>
      <c r="BC7" s="191">
        <v>8</v>
      </c>
      <c r="BD7" s="196">
        <v>114</v>
      </c>
      <c r="BE7" s="195">
        <v>133</v>
      </c>
      <c r="BF7" s="190">
        <v>0</v>
      </c>
      <c r="BG7" s="191">
        <v>0</v>
      </c>
      <c r="BH7" s="196">
        <v>0</v>
      </c>
      <c r="BI7" s="193">
        <v>0</v>
      </c>
      <c r="BJ7" s="191">
        <v>32</v>
      </c>
      <c r="BK7" s="191">
        <v>36</v>
      </c>
      <c r="BL7" s="191">
        <v>46</v>
      </c>
      <c r="BM7" s="191">
        <v>44</v>
      </c>
      <c r="BN7" s="191">
        <v>31</v>
      </c>
      <c r="BO7" s="194">
        <v>189</v>
      </c>
      <c r="BP7" s="195">
        <v>189</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1</v>
      </c>
      <c r="CH7" s="191">
        <v>0</v>
      </c>
      <c r="CI7" s="191">
        <v>1</v>
      </c>
      <c r="CJ7" s="191">
        <v>1</v>
      </c>
      <c r="CK7" s="196">
        <v>3</v>
      </c>
      <c r="CL7" s="195">
        <v>3</v>
      </c>
      <c r="CM7" s="190">
        <v>0</v>
      </c>
      <c r="CN7" s="191">
        <v>0</v>
      </c>
      <c r="CO7" s="196">
        <v>0</v>
      </c>
      <c r="CP7" s="193">
        <v>0</v>
      </c>
      <c r="CQ7" s="191">
        <v>1</v>
      </c>
      <c r="CR7" s="191">
        <v>5</v>
      </c>
      <c r="CS7" s="191">
        <v>2</v>
      </c>
      <c r="CT7" s="191">
        <v>8</v>
      </c>
      <c r="CU7" s="191">
        <v>13</v>
      </c>
      <c r="CV7" s="196">
        <v>29</v>
      </c>
      <c r="CW7" s="195">
        <v>29</v>
      </c>
    </row>
    <row r="8" spans="2:101" ht="21" customHeight="1" x14ac:dyDescent="0.2">
      <c r="B8" s="106" t="s">
        <v>6</v>
      </c>
      <c r="C8" s="190">
        <v>0</v>
      </c>
      <c r="D8" s="196">
        <v>0</v>
      </c>
      <c r="E8" s="207">
        <v>0</v>
      </c>
      <c r="F8" s="193">
        <v>0</v>
      </c>
      <c r="G8" s="191">
        <v>5</v>
      </c>
      <c r="H8" s="191">
        <v>7</v>
      </c>
      <c r="I8" s="191">
        <v>8</v>
      </c>
      <c r="J8" s="191">
        <v>7</v>
      </c>
      <c r="K8" s="191">
        <v>7</v>
      </c>
      <c r="L8" s="194">
        <v>34</v>
      </c>
      <c r="M8" s="195">
        <v>34</v>
      </c>
      <c r="N8" s="190">
        <v>0</v>
      </c>
      <c r="O8" s="191">
        <v>0</v>
      </c>
      <c r="P8" s="196">
        <v>0</v>
      </c>
      <c r="Q8" s="193">
        <v>0</v>
      </c>
      <c r="R8" s="191">
        <v>3</v>
      </c>
      <c r="S8" s="191">
        <v>11</v>
      </c>
      <c r="T8" s="191">
        <v>5</v>
      </c>
      <c r="U8" s="191">
        <v>5</v>
      </c>
      <c r="V8" s="191">
        <v>8</v>
      </c>
      <c r="W8" s="196">
        <v>32</v>
      </c>
      <c r="X8" s="195">
        <v>32</v>
      </c>
      <c r="Y8" s="190">
        <v>0</v>
      </c>
      <c r="Z8" s="191">
        <v>0</v>
      </c>
      <c r="AA8" s="196">
        <v>0</v>
      </c>
      <c r="AB8" s="193">
        <v>0</v>
      </c>
      <c r="AC8" s="191">
        <v>145</v>
      </c>
      <c r="AD8" s="191">
        <v>90</v>
      </c>
      <c r="AE8" s="191">
        <v>43</v>
      </c>
      <c r="AF8" s="191">
        <v>21</v>
      </c>
      <c r="AG8" s="191">
        <v>9</v>
      </c>
      <c r="AH8" s="196">
        <v>308</v>
      </c>
      <c r="AI8" s="195">
        <v>308</v>
      </c>
      <c r="AJ8" s="190">
        <v>0</v>
      </c>
      <c r="AK8" s="191">
        <v>0</v>
      </c>
      <c r="AL8" s="196">
        <v>0</v>
      </c>
      <c r="AM8" s="193">
        <v>0</v>
      </c>
      <c r="AN8" s="191">
        <v>8</v>
      </c>
      <c r="AO8" s="191">
        <v>15</v>
      </c>
      <c r="AP8" s="191">
        <v>26</v>
      </c>
      <c r="AQ8" s="191">
        <v>2</v>
      </c>
      <c r="AR8" s="191">
        <v>2</v>
      </c>
      <c r="AS8" s="196">
        <v>53</v>
      </c>
      <c r="AT8" s="195">
        <v>53</v>
      </c>
      <c r="AU8" s="190">
        <v>1</v>
      </c>
      <c r="AV8" s="191">
        <v>6</v>
      </c>
      <c r="AW8" s="196">
        <v>7</v>
      </c>
      <c r="AX8" s="193">
        <v>0</v>
      </c>
      <c r="AY8" s="191">
        <v>10</v>
      </c>
      <c r="AZ8" s="191">
        <v>11</v>
      </c>
      <c r="BA8" s="191">
        <v>12</v>
      </c>
      <c r="BB8" s="191">
        <v>3</v>
      </c>
      <c r="BC8" s="191">
        <v>4</v>
      </c>
      <c r="BD8" s="196">
        <v>40</v>
      </c>
      <c r="BE8" s="195">
        <v>47</v>
      </c>
      <c r="BF8" s="190">
        <v>0</v>
      </c>
      <c r="BG8" s="191">
        <v>0</v>
      </c>
      <c r="BH8" s="196">
        <v>0</v>
      </c>
      <c r="BI8" s="193">
        <v>0</v>
      </c>
      <c r="BJ8" s="191">
        <v>21</v>
      </c>
      <c r="BK8" s="191">
        <v>26</v>
      </c>
      <c r="BL8" s="191">
        <v>31</v>
      </c>
      <c r="BM8" s="191">
        <v>14</v>
      </c>
      <c r="BN8" s="191">
        <v>19</v>
      </c>
      <c r="BO8" s="194">
        <v>111</v>
      </c>
      <c r="BP8" s="195">
        <v>111</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5</v>
      </c>
      <c r="CI8" s="191">
        <v>7</v>
      </c>
      <c r="CJ8" s="191">
        <v>3</v>
      </c>
      <c r="CK8" s="196">
        <v>16</v>
      </c>
      <c r="CL8" s="195">
        <v>16</v>
      </c>
      <c r="CM8" s="190">
        <v>0</v>
      </c>
      <c r="CN8" s="191">
        <v>0</v>
      </c>
      <c r="CO8" s="196">
        <v>0</v>
      </c>
      <c r="CP8" s="193">
        <v>0</v>
      </c>
      <c r="CQ8" s="191">
        <v>4</v>
      </c>
      <c r="CR8" s="191">
        <v>6</v>
      </c>
      <c r="CS8" s="191">
        <v>7</v>
      </c>
      <c r="CT8" s="191">
        <v>5</v>
      </c>
      <c r="CU8" s="191">
        <v>7</v>
      </c>
      <c r="CV8" s="196">
        <v>29</v>
      </c>
      <c r="CW8" s="195">
        <v>29</v>
      </c>
    </row>
    <row r="9" spans="2:101" ht="21" customHeight="1" x14ac:dyDescent="0.2">
      <c r="B9" s="106" t="s">
        <v>14</v>
      </c>
      <c r="C9" s="190">
        <v>0</v>
      </c>
      <c r="D9" s="196">
        <v>0</v>
      </c>
      <c r="E9" s="207">
        <v>0</v>
      </c>
      <c r="F9" s="193">
        <v>0</v>
      </c>
      <c r="G9" s="191">
        <v>0</v>
      </c>
      <c r="H9" s="191">
        <v>4</v>
      </c>
      <c r="I9" s="191">
        <v>0</v>
      </c>
      <c r="J9" s="191">
        <v>0</v>
      </c>
      <c r="K9" s="191">
        <v>1</v>
      </c>
      <c r="L9" s="194">
        <v>5</v>
      </c>
      <c r="M9" s="195">
        <v>5</v>
      </c>
      <c r="N9" s="190">
        <v>0</v>
      </c>
      <c r="O9" s="191">
        <v>0</v>
      </c>
      <c r="P9" s="196">
        <v>0</v>
      </c>
      <c r="Q9" s="193">
        <v>0</v>
      </c>
      <c r="R9" s="191">
        <v>0</v>
      </c>
      <c r="S9" s="191">
        <v>0</v>
      </c>
      <c r="T9" s="191">
        <v>0</v>
      </c>
      <c r="U9" s="191">
        <v>0</v>
      </c>
      <c r="V9" s="191">
        <v>0</v>
      </c>
      <c r="W9" s="196">
        <v>0</v>
      </c>
      <c r="X9" s="195">
        <v>0</v>
      </c>
      <c r="Y9" s="190">
        <v>0</v>
      </c>
      <c r="Z9" s="191">
        <v>0</v>
      </c>
      <c r="AA9" s="196">
        <v>0</v>
      </c>
      <c r="AB9" s="193">
        <v>0</v>
      </c>
      <c r="AC9" s="191">
        <v>34</v>
      </c>
      <c r="AD9" s="191">
        <v>53</v>
      </c>
      <c r="AE9" s="191">
        <v>18</v>
      </c>
      <c r="AF9" s="191">
        <v>9</v>
      </c>
      <c r="AG9" s="191">
        <v>4</v>
      </c>
      <c r="AH9" s="196">
        <v>118</v>
      </c>
      <c r="AI9" s="195">
        <v>118</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5</v>
      </c>
      <c r="AZ9" s="191">
        <v>4</v>
      </c>
      <c r="BA9" s="191">
        <v>3</v>
      </c>
      <c r="BB9" s="191">
        <v>1</v>
      </c>
      <c r="BC9" s="191">
        <v>2</v>
      </c>
      <c r="BD9" s="196">
        <v>15</v>
      </c>
      <c r="BE9" s="195">
        <v>17</v>
      </c>
      <c r="BF9" s="190">
        <v>0</v>
      </c>
      <c r="BG9" s="191">
        <v>0</v>
      </c>
      <c r="BH9" s="196">
        <v>0</v>
      </c>
      <c r="BI9" s="193">
        <v>0</v>
      </c>
      <c r="BJ9" s="191">
        <v>4</v>
      </c>
      <c r="BK9" s="191">
        <v>7</v>
      </c>
      <c r="BL9" s="191">
        <v>16</v>
      </c>
      <c r="BM9" s="191">
        <v>9</v>
      </c>
      <c r="BN9" s="191">
        <v>6</v>
      </c>
      <c r="BO9" s="194">
        <v>42</v>
      </c>
      <c r="BP9" s="195">
        <v>42</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2</v>
      </c>
      <c r="CS9" s="191">
        <v>2</v>
      </c>
      <c r="CT9" s="191">
        <v>2</v>
      </c>
      <c r="CU9" s="191">
        <v>0</v>
      </c>
      <c r="CV9" s="196">
        <v>6</v>
      </c>
      <c r="CW9" s="195">
        <v>6</v>
      </c>
    </row>
    <row r="10" spans="2:101" ht="21" customHeight="1" x14ac:dyDescent="0.2">
      <c r="B10" s="106" t="s">
        <v>7</v>
      </c>
      <c r="C10" s="190">
        <v>0</v>
      </c>
      <c r="D10" s="196">
        <v>0</v>
      </c>
      <c r="E10" s="207">
        <v>0</v>
      </c>
      <c r="F10" s="193">
        <v>0</v>
      </c>
      <c r="G10" s="191">
        <v>1</v>
      </c>
      <c r="H10" s="191">
        <v>1</v>
      </c>
      <c r="I10" s="191">
        <v>0</v>
      </c>
      <c r="J10" s="191">
        <v>0</v>
      </c>
      <c r="K10" s="191">
        <v>1</v>
      </c>
      <c r="L10" s="194">
        <v>3</v>
      </c>
      <c r="M10" s="195">
        <v>3</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39</v>
      </c>
      <c r="AD10" s="191">
        <v>19</v>
      </c>
      <c r="AE10" s="191">
        <v>9</v>
      </c>
      <c r="AF10" s="191">
        <v>5</v>
      </c>
      <c r="AG10" s="191">
        <v>1</v>
      </c>
      <c r="AH10" s="196">
        <v>73</v>
      </c>
      <c r="AI10" s="195">
        <v>73</v>
      </c>
      <c r="AJ10" s="190">
        <v>0</v>
      </c>
      <c r="AK10" s="191">
        <v>0</v>
      </c>
      <c r="AL10" s="196">
        <v>0</v>
      </c>
      <c r="AM10" s="193">
        <v>0</v>
      </c>
      <c r="AN10" s="191">
        <v>3</v>
      </c>
      <c r="AO10" s="191">
        <v>3</v>
      </c>
      <c r="AP10" s="191">
        <v>5</v>
      </c>
      <c r="AQ10" s="191">
        <v>2</v>
      </c>
      <c r="AR10" s="191">
        <v>0</v>
      </c>
      <c r="AS10" s="196">
        <v>13</v>
      </c>
      <c r="AT10" s="195">
        <v>13</v>
      </c>
      <c r="AU10" s="190">
        <v>0</v>
      </c>
      <c r="AV10" s="191">
        <v>0</v>
      </c>
      <c r="AW10" s="196">
        <v>0</v>
      </c>
      <c r="AX10" s="193">
        <v>0</v>
      </c>
      <c r="AY10" s="191">
        <v>1</v>
      </c>
      <c r="AZ10" s="191">
        <v>0</v>
      </c>
      <c r="BA10" s="191">
        <v>1</v>
      </c>
      <c r="BB10" s="191">
        <v>2</v>
      </c>
      <c r="BC10" s="191">
        <v>1</v>
      </c>
      <c r="BD10" s="196">
        <v>5</v>
      </c>
      <c r="BE10" s="195">
        <v>5</v>
      </c>
      <c r="BF10" s="190">
        <v>0</v>
      </c>
      <c r="BG10" s="191">
        <v>0</v>
      </c>
      <c r="BH10" s="196">
        <v>0</v>
      </c>
      <c r="BI10" s="193">
        <v>0</v>
      </c>
      <c r="BJ10" s="191">
        <v>1</v>
      </c>
      <c r="BK10" s="191">
        <v>2</v>
      </c>
      <c r="BL10" s="191">
        <v>4</v>
      </c>
      <c r="BM10" s="191">
        <v>5</v>
      </c>
      <c r="BN10" s="191">
        <v>2</v>
      </c>
      <c r="BO10" s="194">
        <v>14</v>
      </c>
      <c r="BP10" s="195">
        <v>14</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1</v>
      </c>
      <c r="CV10" s="196">
        <v>2</v>
      </c>
      <c r="CW10" s="195">
        <v>2</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42</v>
      </c>
      <c r="AD11" s="191">
        <v>20</v>
      </c>
      <c r="AE11" s="191">
        <v>7</v>
      </c>
      <c r="AF11" s="191">
        <v>3</v>
      </c>
      <c r="AG11" s="191">
        <v>2</v>
      </c>
      <c r="AH11" s="196">
        <v>74</v>
      </c>
      <c r="AI11" s="195">
        <v>74</v>
      </c>
      <c r="AJ11" s="190">
        <v>0</v>
      </c>
      <c r="AK11" s="191">
        <v>0</v>
      </c>
      <c r="AL11" s="196">
        <v>0</v>
      </c>
      <c r="AM11" s="193">
        <v>0</v>
      </c>
      <c r="AN11" s="191">
        <v>0</v>
      </c>
      <c r="AO11" s="191">
        <v>0</v>
      </c>
      <c r="AP11" s="191">
        <v>0</v>
      </c>
      <c r="AQ11" s="191">
        <v>0</v>
      </c>
      <c r="AR11" s="191">
        <v>0</v>
      </c>
      <c r="AS11" s="196">
        <v>0</v>
      </c>
      <c r="AT11" s="195">
        <v>0</v>
      </c>
      <c r="AU11" s="190">
        <v>0</v>
      </c>
      <c r="AV11" s="191">
        <v>0</v>
      </c>
      <c r="AW11" s="196">
        <v>0</v>
      </c>
      <c r="AX11" s="193">
        <v>0</v>
      </c>
      <c r="AY11" s="191">
        <v>1</v>
      </c>
      <c r="AZ11" s="191">
        <v>0</v>
      </c>
      <c r="BA11" s="191">
        <v>3</v>
      </c>
      <c r="BB11" s="191">
        <v>2</v>
      </c>
      <c r="BC11" s="191">
        <v>0</v>
      </c>
      <c r="BD11" s="196">
        <v>6</v>
      </c>
      <c r="BE11" s="195">
        <v>6</v>
      </c>
      <c r="BF11" s="190">
        <v>0</v>
      </c>
      <c r="BG11" s="191">
        <v>0</v>
      </c>
      <c r="BH11" s="196">
        <v>0</v>
      </c>
      <c r="BI11" s="193">
        <v>0</v>
      </c>
      <c r="BJ11" s="191">
        <v>0</v>
      </c>
      <c r="BK11" s="191">
        <v>4</v>
      </c>
      <c r="BL11" s="191">
        <v>2</v>
      </c>
      <c r="BM11" s="191">
        <v>2</v>
      </c>
      <c r="BN11" s="191">
        <v>0</v>
      </c>
      <c r="BO11" s="194">
        <v>8</v>
      </c>
      <c r="BP11" s="195">
        <v>8</v>
      </c>
      <c r="BQ11" s="190">
        <v>0</v>
      </c>
      <c r="BR11" s="191">
        <v>0</v>
      </c>
      <c r="BS11" s="196">
        <v>0</v>
      </c>
      <c r="BT11" s="193">
        <v>0</v>
      </c>
      <c r="BU11" s="191">
        <v>0</v>
      </c>
      <c r="BV11" s="191">
        <v>0</v>
      </c>
      <c r="BW11" s="191">
        <v>0</v>
      </c>
      <c r="BX11" s="191">
        <v>1</v>
      </c>
      <c r="BY11" s="191">
        <v>1</v>
      </c>
      <c r="BZ11" s="196">
        <v>2</v>
      </c>
      <c r="CA11" s="195">
        <v>2</v>
      </c>
      <c r="CB11" s="190">
        <v>0</v>
      </c>
      <c r="CC11" s="191">
        <v>0</v>
      </c>
      <c r="CD11" s="196">
        <v>0</v>
      </c>
      <c r="CE11" s="193">
        <v>0</v>
      </c>
      <c r="CF11" s="191">
        <v>0</v>
      </c>
      <c r="CG11" s="191">
        <v>0</v>
      </c>
      <c r="CH11" s="191">
        <v>0</v>
      </c>
      <c r="CI11" s="191">
        <v>2</v>
      </c>
      <c r="CJ11" s="191">
        <v>0</v>
      </c>
      <c r="CK11" s="196">
        <v>2</v>
      </c>
      <c r="CL11" s="195">
        <v>2</v>
      </c>
      <c r="CM11" s="190">
        <v>0</v>
      </c>
      <c r="CN11" s="191">
        <v>0</v>
      </c>
      <c r="CO11" s="196">
        <v>0</v>
      </c>
      <c r="CP11" s="193">
        <v>0</v>
      </c>
      <c r="CQ11" s="191">
        <v>1</v>
      </c>
      <c r="CR11" s="191">
        <v>0</v>
      </c>
      <c r="CS11" s="191">
        <v>0</v>
      </c>
      <c r="CT11" s="191">
        <v>0</v>
      </c>
      <c r="CU11" s="191">
        <v>0</v>
      </c>
      <c r="CV11" s="196">
        <v>1</v>
      </c>
      <c r="CW11" s="195">
        <v>1</v>
      </c>
    </row>
    <row r="12" spans="2:101" ht="21" customHeight="1" x14ac:dyDescent="0.2">
      <c r="B12" s="106" t="s">
        <v>9</v>
      </c>
      <c r="C12" s="190">
        <v>0</v>
      </c>
      <c r="D12" s="196">
        <v>0</v>
      </c>
      <c r="E12" s="207">
        <v>0</v>
      </c>
      <c r="F12" s="193">
        <v>0</v>
      </c>
      <c r="G12" s="191">
        <v>0</v>
      </c>
      <c r="H12" s="191">
        <v>1</v>
      </c>
      <c r="I12" s="191">
        <v>0</v>
      </c>
      <c r="J12" s="191">
        <v>1</v>
      </c>
      <c r="K12" s="191">
        <v>1</v>
      </c>
      <c r="L12" s="194">
        <v>3</v>
      </c>
      <c r="M12" s="195">
        <v>3</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2</v>
      </c>
      <c r="AD12" s="191">
        <v>24</v>
      </c>
      <c r="AE12" s="191">
        <v>21</v>
      </c>
      <c r="AF12" s="191">
        <v>4</v>
      </c>
      <c r="AG12" s="191">
        <v>2</v>
      </c>
      <c r="AH12" s="196">
        <v>93</v>
      </c>
      <c r="AI12" s="195">
        <v>93</v>
      </c>
      <c r="AJ12" s="190">
        <v>0</v>
      </c>
      <c r="AK12" s="191">
        <v>0</v>
      </c>
      <c r="AL12" s="196">
        <v>0</v>
      </c>
      <c r="AM12" s="193">
        <v>0</v>
      </c>
      <c r="AN12" s="191">
        <v>0</v>
      </c>
      <c r="AO12" s="191">
        <v>1</v>
      </c>
      <c r="AP12" s="191">
        <v>0</v>
      </c>
      <c r="AQ12" s="191">
        <v>0</v>
      </c>
      <c r="AR12" s="191">
        <v>0</v>
      </c>
      <c r="AS12" s="196">
        <v>1</v>
      </c>
      <c r="AT12" s="195">
        <v>1</v>
      </c>
      <c r="AU12" s="190">
        <v>1</v>
      </c>
      <c r="AV12" s="191">
        <v>1</v>
      </c>
      <c r="AW12" s="196">
        <v>2</v>
      </c>
      <c r="AX12" s="193">
        <v>0</v>
      </c>
      <c r="AY12" s="191">
        <v>3</v>
      </c>
      <c r="AZ12" s="191">
        <v>0</v>
      </c>
      <c r="BA12" s="191">
        <v>2</v>
      </c>
      <c r="BB12" s="191">
        <v>0</v>
      </c>
      <c r="BC12" s="191">
        <v>2</v>
      </c>
      <c r="BD12" s="196">
        <v>7</v>
      </c>
      <c r="BE12" s="195">
        <v>9</v>
      </c>
      <c r="BF12" s="190">
        <v>0</v>
      </c>
      <c r="BG12" s="191">
        <v>0</v>
      </c>
      <c r="BH12" s="196">
        <v>0</v>
      </c>
      <c r="BI12" s="193">
        <v>0</v>
      </c>
      <c r="BJ12" s="191">
        <v>0</v>
      </c>
      <c r="BK12" s="191">
        <v>2</v>
      </c>
      <c r="BL12" s="191">
        <v>6</v>
      </c>
      <c r="BM12" s="191">
        <v>4</v>
      </c>
      <c r="BN12" s="191">
        <v>0</v>
      </c>
      <c r="BO12" s="194">
        <v>12</v>
      </c>
      <c r="BP12" s="195">
        <v>12</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0</v>
      </c>
      <c r="CS12" s="191">
        <v>0</v>
      </c>
      <c r="CT12" s="191">
        <v>0</v>
      </c>
      <c r="CU12" s="191">
        <v>2</v>
      </c>
      <c r="CV12" s="196">
        <v>2</v>
      </c>
      <c r="CW12" s="195">
        <v>2</v>
      </c>
    </row>
    <row r="13" spans="2:101" ht="21" customHeight="1" x14ac:dyDescent="0.2">
      <c r="B13" s="106" t="s">
        <v>10</v>
      </c>
      <c r="C13" s="190">
        <v>0</v>
      </c>
      <c r="D13" s="196">
        <v>0</v>
      </c>
      <c r="E13" s="207">
        <v>0</v>
      </c>
      <c r="F13" s="193">
        <v>0</v>
      </c>
      <c r="G13" s="191">
        <v>1</v>
      </c>
      <c r="H13" s="191">
        <v>2</v>
      </c>
      <c r="I13" s="191">
        <v>1</v>
      </c>
      <c r="J13" s="191">
        <v>1</v>
      </c>
      <c r="K13" s="191">
        <v>1</v>
      </c>
      <c r="L13" s="194">
        <v>6</v>
      </c>
      <c r="M13" s="195">
        <v>6</v>
      </c>
      <c r="N13" s="190">
        <v>0</v>
      </c>
      <c r="O13" s="191">
        <v>0</v>
      </c>
      <c r="P13" s="196">
        <v>0</v>
      </c>
      <c r="Q13" s="193">
        <v>0</v>
      </c>
      <c r="R13" s="191">
        <v>0</v>
      </c>
      <c r="S13" s="191">
        <v>0</v>
      </c>
      <c r="T13" s="191">
        <v>0</v>
      </c>
      <c r="U13" s="191">
        <v>1</v>
      </c>
      <c r="V13" s="191">
        <v>0</v>
      </c>
      <c r="W13" s="196">
        <v>1</v>
      </c>
      <c r="X13" s="195">
        <v>1</v>
      </c>
      <c r="Y13" s="190">
        <v>0</v>
      </c>
      <c r="Z13" s="191">
        <v>0</v>
      </c>
      <c r="AA13" s="196">
        <v>0</v>
      </c>
      <c r="AB13" s="193">
        <v>0</v>
      </c>
      <c r="AC13" s="191">
        <v>34</v>
      </c>
      <c r="AD13" s="191">
        <v>14</v>
      </c>
      <c r="AE13" s="191">
        <v>5</v>
      </c>
      <c r="AF13" s="191">
        <v>6</v>
      </c>
      <c r="AG13" s="191">
        <v>0</v>
      </c>
      <c r="AH13" s="196">
        <v>59</v>
      </c>
      <c r="AI13" s="195">
        <v>59</v>
      </c>
      <c r="AJ13" s="190">
        <v>0</v>
      </c>
      <c r="AK13" s="191">
        <v>0</v>
      </c>
      <c r="AL13" s="196">
        <v>0</v>
      </c>
      <c r="AM13" s="193">
        <v>0</v>
      </c>
      <c r="AN13" s="191">
        <v>1</v>
      </c>
      <c r="AO13" s="191">
        <v>0</v>
      </c>
      <c r="AP13" s="191">
        <v>2</v>
      </c>
      <c r="AQ13" s="191">
        <v>2</v>
      </c>
      <c r="AR13" s="191">
        <v>0</v>
      </c>
      <c r="AS13" s="196">
        <v>5</v>
      </c>
      <c r="AT13" s="195">
        <v>5</v>
      </c>
      <c r="AU13" s="190">
        <v>1</v>
      </c>
      <c r="AV13" s="191">
        <v>1</v>
      </c>
      <c r="AW13" s="196">
        <v>2</v>
      </c>
      <c r="AX13" s="193">
        <v>0</v>
      </c>
      <c r="AY13" s="191">
        <v>4</v>
      </c>
      <c r="AZ13" s="191">
        <v>2</v>
      </c>
      <c r="BA13" s="191">
        <v>3</v>
      </c>
      <c r="BB13" s="191">
        <v>2</v>
      </c>
      <c r="BC13" s="191">
        <v>1</v>
      </c>
      <c r="BD13" s="196">
        <v>12</v>
      </c>
      <c r="BE13" s="195">
        <v>14</v>
      </c>
      <c r="BF13" s="190">
        <v>0</v>
      </c>
      <c r="BG13" s="191">
        <v>0</v>
      </c>
      <c r="BH13" s="196">
        <v>0</v>
      </c>
      <c r="BI13" s="193">
        <v>0</v>
      </c>
      <c r="BJ13" s="191">
        <v>4</v>
      </c>
      <c r="BK13" s="191">
        <v>7</v>
      </c>
      <c r="BL13" s="191">
        <v>4</v>
      </c>
      <c r="BM13" s="191">
        <v>5</v>
      </c>
      <c r="BN13" s="191">
        <v>7</v>
      </c>
      <c r="BO13" s="194">
        <v>27</v>
      </c>
      <c r="BP13" s="195">
        <v>27</v>
      </c>
      <c r="BQ13" s="190">
        <v>0</v>
      </c>
      <c r="BR13" s="191">
        <v>0</v>
      </c>
      <c r="BS13" s="196">
        <v>0</v>
      </c>
      <c r="BT13" s="193">
        <v>0</v>
      </c>
      <c r="BU13" s="191">
        <v>1</v>
      </c>
      <c r="BV13" s="191">
        <v>3</v>
      </c>
      <c r="BW13" s="191">
        <v>5</v>
      </c>
      <c r="BX13" s="191">
        <v>2</v>
      </c>
      <c r="BY13" s="191">
        <v>4</v>
      </c>
      <c r="BZ13" s="196">
        <v>15</v>
      </c>
      <c r="CA13" s="195">
        <v>15</v>
      </c>
      <c r="CB13" s="190">
        <v>0</v>
      </c>
      <c r="CC13" s="191">
        <v>0</v>
      </c>
      <c r="CD13" s="196">
        <v>0</v>
      </c>
      <c r="CE13" s="193">
        <v>0</v>
      </c>
      <c r="CF13" s="191">
        <v>0</v>
      </c>
      <c r="CG13" s="191">
        <v>0</v>
      </c>
      <c r="CH13" s="191">
        <v>0</v>
      </c>
      <c r="CI13" s="191">
        <v>2</v>
      </c>
      <c r="CJ13" s="191">
        <v>0</v>
      </c>
      <c r="CK13" s="196">
        <v>2</v>
      </c>
      <c r="CL13" s="195">
        <v>2</v>
      </c>
      <c r="CM13" s="190">
        <v>0</v>
      </c>
      <c r="CN13" s="191">
        <v>0</v>
      </c>
      <c r="CO13" s="196">
        <v>0</v>
      </c>
      <c r="CP13" s="193">
        <v>0</v>
      </c>
      <c r="CQ13" s="191">
        <v>0</v>
      </c>
      <c r="CR13" s="191">
        <v>1</v>
      </c>
      <c r="CS13" s="191">
        <v>1</v>
      </c>
      <c r="CT13" s="191">
        <v>1</v>
      </c>
      <c r="CU13" s="191">
        <v>1</v>
      </c>
      <c r="CV13" s="196">
        <v>4</v>
      </c>
      <c r="CW13" s="195">
        <v>4</v>
      </c>
    </row>
    <row r="14" spans="2:101" ht="21" customHeight="1" x14ac:dyDescent="0.2">
      <c r="B14" s="106" t="s">
        <v>11</v>
      </c>
      <c r="C14" s="190">
        <v>0</v>
      </c>
      <c r="D14" s="196">
        <v>0</v>
      </c>
      <c r="E14" s="207">
        <v>0</v>
      </c>
      <c r="F14" s="193">
        <v>0</v>
      </c>
      <c r="G14" s="191">
        <v>1</v>
      </c>
      <c r="H14" s="191">
        <v>1</v>
      </c>
      <c r="I14" s="191">
        <v>0</v>
      </c>
      <c r="J14" s="191">
        <v>0</v>
      </c>
      <c r="K14" s="191">
        <v>1</v>
      </c>
      <c r="L14" s="194">
        <v>3</v>
      </c>
      <c r="M14" s="195">
        <v>3</v>
      </c>
      <c r="N14" s="190">
        <v>0</v>
      </c>
      <c r="O14" s="191">
        <v>0</v>
      </c>
      <c r="P14" s="196">
        <v>0</v>
      </c>
      <c r="Q14" s="193">
        <v>0</v>
      </c>
      <c r="R14" s="191">
        <v>1</v>
      </c>
      <c r="S14" s="191">
        <v>0</v>
      </c>
      <c r="T14" s="191">
        <v>0</v>
      </c>
      <c r="U14" s="191">
        <v>1</v>
      </c>
      <c r="V14" s="191">
        <v>0</v>
      </c>
      <c r="W14" s="196">
        <v>2</v>
      </c>
      <c r="X14" s="195">
        <v>2</v>
      </c>
      <c r="Y14" s="190">
        <v>0</v>
      </c>
      <c r="Z14" s="191">
        <v>0</v>
      </c>
      <c r="AA14" s="196">
        <v>0</v>
      </c>
      <c r="AB14" s="193">
        <v>0</v>
      </c>
      <c r="AC14" s="191">
        <v>30</v>
      </c>
      <c r="AD14" s="191">
        <v>7</v>
      </c>
      <c r="AE14" s="191">
        <v>3</v>
      </c>
      <c r="AF14" s="191">
        <v>4</v>
      </c>
      <c r="AG14" s="191">
        <v>1</v>
      </c>
      <c r="AH14" s="196">
        <v>45</v>
      </c>
      <c r="AI14" s="195">
        <v>45</v>
      </c>
      <c r="AJ14" s="190">
        <v>0</v>
      </c>
      <c r="AK14" s="191">
        <v>0</v>
      </c>
      <c r="AL14" s="196">
        <v>0</v>
      </c>
      <c r="AM14" s="193">
        <v>0</v>
      </c>
      <c r="AN14" s="191">
        <v>2</v>
      </c>
      <c r="AO14" s="191">
        <v>0</v>
      </c>
      <c r="AP14" s="191">
        <v>0</v>
      </c>
      <c r="AQ14" s="191">
        <v>0</v>
      </c>
      <c r="AR14" s="191">
        <v>0</v>
      </c>
      <c r="AS14" s="196">
        <v>2</v>
      </c>
      <c r="AT14" s="195">
        <v>2</v>
      </c>
      <c r="AU14" s="190">
        <v>0</v>
      </c>
      <c r="AV14" s="191">
        <v>1</v>
      </c>
      <c r="AW14" s="196">
        <v>1</v>
      </c>
      <c r="AX14" s="193">
        <v>0</v>
      </c>
      <c r="AY14" s="191">
        <v>3</v>
      </c>
      <c r="AZ14" s="191">
        <v>2</v>
      </c>
      <c r="BA14" s="191">
        <v>0</v>
      </c>
      <c r="BB14" s="191">
        <v>2</v>
      </c>
      <c r="BC14" s="191">
        <v>0</v>
      </c>
      <c r="BD14" s="196">
        <v>7</v>
      </c>
      <c r="BE14" s="195">
        <v>8</v>
      </c>
      <c r="BF14" s="190">
        <v>0</v>
      </c>
      <c r="BG14" s="191">
        <v>0</v>
      </c>
      <c r="BH14" s="196">
        <v>0</v>
      </c>
      <c r="BI14" s="193">
        <v>0</v>
      </c>
      <c r="BJ14" s="191">
        <v>1</v>
      </c>
      <c r="BK14" s="191">
        <v>3</v>
      </c>
      <c r="BL14" s="191">
        <v>3</v>
      </c>
      <c r="BM14" s="191">
        <v>1</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0</v>
      </c>
      <c r="CS14" s="191">
        <v>0</v>
      </c>
      <c r="CT14" s="191">
        <v>0</v>
      </c>
      <c r="CU14" s="191">
        <v>0</v>
      </c>
      <c r="CV14" s="196">
        <v>0</v>
      </c>
      <c r="CW14" s="195">
        <v>0</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8</v>
      </c>
      <c r="AD15" s="191">
        <v>15</v>
      </c>
      <c r="AE15" s="191">
        <v>6</v>
      </c>
      <c r="AF15" s="191">
        <v>3</v>
      </c>
      <c r="AG15" s="191">
        <v>4</v>
      </c>
      <c r="AH15" s="196">
        <v>46</v>
      </c>
      <c r="AI15" s="195">
        <v>46</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1</v>
      </c>
      <c r="AZ15" s="191">
        <v>1</v>
      </c>
      <c r="BA15" s="191">
        <v>3</v>
      </c>
      <c r="BB15" s="191">
        <v>2</v>
      </c>
      <c r="BC15" s="191">
        <v>0</v>
      </c>
      <c r="BD15" s="196">
        <v>7</v>
      </c>
      <c r="BE15" s="195">
        <v>7</v>
      </c>
      <c r="BF15" s="190">
        <v>0</v>
      </c>
      <c r="BG15" s="191">
        <v>0</v>
      </c>
      <c r="BH15" s="196">
        <v>0</v>
      </c>
      <c r="BI15" s="193">
        <v>0</v>
      </c>
      <c r="BJ15" s="191">
        <v>1</v>
      </c>
      <c r="BK15" s="191">
        <v>2</v>
      </c>
      <c r="BL15" s="191">
        <v>0</v>
      </c>
      <c r="BM15" s="191">
        <v>0</v>
      </c>
      <c r="BN15" s="191">
        <v>1</v>
      </c>
      <c r="BO15" s="194">
        <v>4</v>
      </c>
      <c r="BP15" s="195">
        <v>4</v>
      </c>
      <c r="BQ15" s="190">
        <v>0</v>
      </c>
      <c r="BR15" s="191">
        <v>0</v>
      </c>
      <c r="BS15" s="196">
        <v>0</v>
      </c>
      <c r="BT15" s="193">
        <v>0</v>
      </c>
      <c r="BU15" s="191">
        <v>0</v>
      </c>
      <c r="BV15" s="191">
        <v>1</v>
      </c>
      <c r="BW15" s="191">
        <v>0</v>
      </c>
      <c r="BX15" s="191">
        <v>1</v>
      </c>
      <c r="BY15" s="191">
        <v>0</v>
      </c>
      <c r="BZ15" s="196">
        <v>2</v>
      </c>
      <c r="CA15" s="195">
        <v>2</v>
      </c>
      <c r="CB15" s="190">
        <v>0</v>
      </c>
      <c r="CC15" s="191">
        <v>0</v>
      </c>
      <c r="CD15" s="196">
        <v>0</v>
      </c>
      <c r="CE15" s="193">
        <v>0</v>
      </c>
      <c r="CF15" s="191">
        <v>0</v>
      </c>
      <c r="CG15" s="191">
        <v>0</v>
      </c>
      <c r="CH15" s="191">
        <v>0</v>
      </c>
      <c r="CI15" s="191">
        <v>1</v>
      </c>
      <c r="CJ15" s="191">
        <v>0</v>
      </c>
      <c r="CK15" s="196">
        <v>1</v>
      </c>
      <c r="CL15" s="195">
        <v>1</v>
      </c>
      <c r="CM15" s="190">
        <v>0</v>
      </c>
      <c r="CN15" s="191">
        <v>0</v>
      </c>
      <c r="CO15" s="196">
        <v>0</v>
      </c>
      <c r="CP15" s="193">
        <v>0</v>
      </c>
      <c r="CQ15" s="191">
        <v>0</v>
      </c>
      <c r="CR15" s="191">
        <v>1</v>
      </c>
      <c r="CS15" s="191">
        <v>1</v>
      </c>
      <c r="CT15" s="191">
        <v>1</v>
      </c>
      <c r="CU15" s="191">
        <v>0</v>
      </c>
      <c r="CV15" s="196">
        <v>3</v>
      </c>
      <c r="CW15" s="195">
        <v>3</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1</v>
      </c>
      <c r="AD16" s="191">
        <v>11</v>
      </c>
      <c r="AE16" s="191">
        <v>7</v>
      </c>
      <c r="AF16" s="191">
        <v>1</v>
      </c>
      <c r="AG16" s="191">
        <v>2</v>
      </c>
      <c r="AH16" s="196">
        <v>32</v>
      </c>
      <c r="AI16" s="195">
        <v>32</v>
      </c>
      <c r="AJ16" s="190">
        <v>0</v>
      </c>
      <c r="AK16" s="191">
        <v>0</v>
      </c>
      <c r="AL16" s="196">
        <v>0</v>
      </c>
      <c r="AM16" s="193">
        <v>0</v>
      </c>
      <c r="AN16" s="191">
        <v>0</v>
      </c>
      <c r="AO16" s="191">
        <v>2</v>
      </c>
      <c r="AP16" s="191">
        <v>0</v>
      </c>
      <c r="AQ16" s="191">
        <v>0</v>
      </c>
      <c r="AR16" s="191">
        <v>0</v>
      </c>
      <c r="AS16" s="196">
        <v>2</v>
      </c>
      <c r="AT16" s="195">
        <v>2</v>
      </c>
      <c r="AU16" s="190">
        <v>0</v>
      </c>
      <c r="AV16" s="191">
        <v>0</v>
      </c>
      <c r="AW16" s="196">
        <v>0</v>
      </c>
      <c r="AX16" s="193">
        <v>0</v>
      </c>
      <c r="AY16" s="191">
        <v>0</v>
      </c>
      <c r="AZ16" s="191">
        <v>0</v>
      </c>
      <c r="BA16" s="191">
        <v>1</v>
      </c>
      <c r="BB16" s="191">
        <v>0</v>
      </c>
      <c r="BC16" s="191">
        <v>0</v>
      </c>
      <c r="BD16" s="196">
        <v>1</v>
      </c>
      <c r="BE16" s="195">
        <v>1</v>
      </c>
      <c r="BF16" s="190">
        <v>0</v>
      </c>
      <c r="BG16" s="191">
        <v>0</v>
      </c>
      <c r="BH16" s="196">
        <v>0</v>
      </c>
      <c r="BI16" s="193">
        <v>0</v>
      </c>
      <c r="BJ16" s="191">
        <v>1</v>
      </c>
      <c r="BK16" s="191">
        <v>0</v>
      </c>
      <c r="BL16" s="191">
        <v>0</v>
      </c>
      <c r="BM16" s="191">
        <v>0</v>
      </c>
      <c r="BN16" s="191">
        <v>0</v>
      </c>
      <c r="BO16" s="194">
        <v>1</v>
      </c>
      <c r="BP16" s="195">
        <v>1</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1</v>
      </c>
      <c r="K17" s="191">
        <v>0</v>
      </c>
      <c r="L17" s="194">
        <v>1</v>
      </c>
      <c r="M17" s="195">
        <v>1</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4</v>
      </c>
      <c r="AD17" s="191">
        <v>9</v>
      </c>
      <c r="AE17" s="191">
        <v>1</v>
      </c>
      <c r="AF17" s="191">
        <v>3</v>
      </c>
      <c r="AG17" s="191">
        <v>1</v>
      </c>
      <c r="AH17" s="196">
        <v>18</v>
      </c>
      <c r="AI17" s="195">
        <v>18</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0</v>
      </c>
      <c r="BL17" s="191">
        <v>0</v>
      </c>
      <c r="BM17" s="191">
        <v>1</v>
      </c>
      <c r="BN17" s="191">
        <v>0</v>
      </c>
      <c r="BO17" s="194">
        <v>1</v>
      </c>
      <c r="BP17" s="195">
        <v>1</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0</v>
      </c>
      <c r="J18" s="191">
        <v>1</v>
      </c>
      <c r="K18" s="191">
        <v>1</v>
      </c>
      <c r="L18" s="194">
        <v>2</v>
      </c>
      <c r="M18" s="195">
        <v>2</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7</v>
      </c>
      <c r="AD18" s="191">
        <v>9</v>
      </c>
      <c r="AE18" s="191">
        <v>6</v>
      </c>
      <c r="AF18" s="191">
        <v>1</v>
      </c>
      <c r="AG18" s="191">
        <v>0</v>
      </c>
      <c r="AH18" s="196">
        <v>23</v>
      </c>
      <c r="AI18" s="195">
        <v>23</v>
      </c>
      <c r="AJ18" s="190">
        <v>0</v>
      </c>
      <c r="AK18" s="191">
        <v>0</v>
      </c>
      <c r="AL18" s="196">
        <v>0</v>
      </c>
      <c r="AM18" s="193">
        <v>0</v>
      </c>
      <c r="AN18" s="191">
        <v>2</v>
      </c>
      <c r="AO18" s="191">
        <v>1</v>
      </c>
      <c r="AP18" s="191">
        <v>1</v>
      </c>
      <c r="AQ18" s="191">
        <v>0</v>
      </c>
      <c r="AR18" s="191">
        <v>0</v>
      </c>
      <c r="AS18" s="196">
        <v>4</v>
      </c>
      <c r="AT18" s="195">
        <v>4</v>
      </c>
      <c r="AU18" s="190">
        <v>0</v>
      </c>
      <c r="AV18" s="191">
        <v>1</v>
      </c>
      <c r="AW18" s="196">
        <v>1</v>
      </c>
      <c r="AX18" s="193">
        <v>0</v>
      </c>
      <c r="AY18" s="191">
        <v>2</v>
      </c>
      <c r="AZ18" s="191">
        <v>1</v>
      </c>
      <c r="BA18" s="191">
        <v>0</v>
      </c>
      <c r="BB18" s="191">
        <v>0</v>
      </c>
      <c r="BC18" s="191">
        <v>1</v>
      </c>
      <c r="BD18" s="196">
        <v>4</v>
      </c>
      <c r="BE18" s="195">
        <v>5</v>
      </c>
      <c r="BF18" s="190">
        <v>0</v>
      </c>
      <c r="BG18" s="191">
        <v>0</v>
      </c>
      <c r="BH18" s="196">
        <v>0</v>
      </c>
      <c r="BI18" s="193">
        <v>0</v>
      </c>
      <c r="BJ18" s="191">
        <v>1</v>
      </c>
      <c r="BK18" s="191">
        <v>2</v>
      </c>
      <c r="BL18" s="191">
        <v>1</v>
      </c>
      <c r="BM18" s="191">
        <v>0</v>
      </c>
      <c r="BN18" s="191">
        <v>0</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0</v>
      </c>
      <c r="AD19" s="191">
        <v>16</v>
      </c>
      <c r="AE19" s="191">
        <v>9</v>
      </c>
      <c r="AF19" s="191">
        <v>2</v>
      </c>
      <c r="AG19" s="191">
        <v>1</v>
      </c>
      <c r="AH19" s="196">
        <v>48</v>
      </c>
      <c r="AI19" s="195">
        <v>48</v>
      </c>
      <c r="AJ19" s="190">
        <v>0</v>
      </c>
      <c r="AK19" s="191">
        <v>0</v>
      </c>
      <c r="AL19" s="196">
        <v>0</v>
      </c>
      <c r="AM19" s="193">
        <v>0</v>
      </c>
      <c r="AN19" s="191">
        <v>0</v>
      </c>
      <c r="AO19" s="191">
        <v>0</v>
      </c>
      <c r="AP19" s="191">
        <v>0</v>
      </c>
      <c r="AQ19" s="191">
        <v>0</v>
      </c>
      <c r="AR19" s="191">
        <v>0</v>
      </c>
      <c r="AS19" s="196">
        <v>0</v>
      </c>
      <c r="AT19" s="195">
        <v>0</v>
      </c>
      <c r="AU19" s="190">
        <v>0</v>
      </c>
      <c r="AV19" s="191">
        <v>0</v>
      </c>
      <c r="AW19" s="196">
        <v>0</v>
      </c>
      <c r="AX19" s="193">
        <v>0</v>
      </c>
      <c r="AY19" s="191">
        <v>1</v>
      </c>
      <c r="AZ19" s="191">
        <v>1</v>
      </c>
      <c r="BA19" s="191">
        <v>0</v>
      </c>
      <c r="BB19" s="191">
        <v>0</v>
      </c>
      <c r="BC19" s="191">
        <v>0</v>
      </c>
      <c r="BD19" s="196">
        <v>2</v>
      </c>
      <c r="BE19" s="195">
        <v>2</v>
      </c>
      <c r="BF19" s="190">
        <v>0</v>
      </c>
      <c r="BG19" s="191">
        <v>0</v>
      </c>
      <c r="BH19" s="196">
        <v>0</v>
      </c>
      <c r="BI19" s="193">
        <v>0</v>
      </c>
      <c r="BJ19" s="191">
        <v>1</v>
      </c>
      <c r="BK19" s="191">
        <v>4</v>
      </c>
      <c r="BL19" s="191">
        <v>3</v>
      </c>
      <c r="BM19" s="191">
        <v>1</v>
      </c>
      <c r="BN19" s="191">
        <v>4</v>
      </c>
      <c r="BO19" s="194">
        <v>13</v>
      </c>
      <c r="BP19" s="195">
        <v>13</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4</v>
      </c>
      <c r="CJ19" s="191">
        <v>2</v>
      </c>
      <c r="CK19" s="196">
        <v>7</v>
      </c>
      <c r="CL19" s="195">
        <v>7</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0</v>
      </c>
      <c r="I20" s="191">
        <v>0</v>
      </c>
      <c r="J20" s="191">
        <v>0</v>
      </c>
      <c r="K20" s="191">
        <v>0</v>
      </c>
      <c r="L20" s="194">
        <v>1</v>
      </c>
      <c r="M20" s="195">
        <v>1</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2</v>
      </c>
      <c r="AD20" s="191">
        <v>8</v>
      </c>
      <c r="AE20" s="191">
        <v>10</v>
      </c>
      <c r="AF20" s="191">
        <v>2</v>
      </c>
      <c r="AG20" s="191">
        <v>0</v>
      </c>
      <c r="AH20" s="196">
        <v>42</v>
      </c>
      <c r="AI20" s="195">
        <v>42</v>
      </c>
      <c r="AJ20" s="190">
        <v>0</v>
      </c>
      <c r="AK20" s="191">
        <v>0</v>
      </c>
      <c r="AL20" s="196">
        <v>0</v>
      </c>
      <c r="AM20" s="193">
        <v>0</v>
      </c>
      <c r="AN20" s="191">
        <v>0</v>
      </c>
      <c r="AO20" s="191">
        <v>0</v>
      </c>
      <c r="AP20" s="191">
        <v>0</v>
      </c>
      <c r="AQ20" s="191">
        <v>2</v>
      </c>
      <c r="AR20" s="191">
        <v>0</v>
      </c>
      <c r="AS20" s="196">
        <v>2</v>
      </c>
      <c r="AT20" s="195">
        <v>2</v>
      </c>
      <c r="AU20" s="190">
        <v>0</v>
      </c>
      <c r="AV20" s="191">
        <v>1</v>
      </c>
      <c r="AW20" s="196">
        <v>1</v>
      </c>
      <c r="AX20" s="193">
        <v>0</v>
      </c>
      <c r="AY20" s="191">
        <v>1</v>
      </c>
      <c r="AZ20" s="191">
        <v>1</v>
      </c>
      <c r="BA20" s="191">
        <v>0</v>
      </c>
      <c r="BB20" s="191">
        <v>0</v>
      </c>
      <c r="BC20" s="191">
        <v>0</v>
      </c>
      <c r="BD20" s="196">
        <v>2</v>
      </c>
      <c r="BE20" s="195">
        <v>3</v>
      </c>
      <c r="BF20" s="190">
        <v>0</v>
      </c>
      <c r="BG20" s="191">
        <v>0</v>
      </c>
      <c r="BH20" s="196">
        <v>0</v>
      </c>
      <c r="BI20" s="193">
        <v>0</v>
      </c>
      <c r="BJ20" s="191">
        <v>2</v>
      </c>
      <c r="BK20" s="191">
        <v>4</v>
      </c>
      <c r="BL20" s="191">
        <v>4</v>
      </c>
      <c r="BM20" s="191">
        <v>0</v>
      </c>
      <c r="BN20" s="191">
        <v>1</v>
      </c>
      <c r="BO20" s="194">
        <v>11</v>
      </c>
      <c r="BP20" s="195">
        <v>11</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1</v>
      </c>
      <c r="CK20" s="196">
        <v>2</v>
      </c>
      <c r="CL20" s="195">
        <v>2</v>
      </c>
      <c r="CM20" s="190">
        <v>0</v>
      </c>
      <c r="CN20" s="191">
        <v>0</v>
      </c>
      <c r="CO20" s="196">
        <v>0</v>
      </c>
      <c r="CP20" s="193">
        <v>0</v>
      </c>
      <c r="CQ20" s="191">
        <v>0</v>
      </c>
      <c r="CR20" s="191">
        <v>1</v>
      </c>
      <c r="CS20" s="191">
        <v>2</v>
      </c>
      <c r="CT20" s="191">
        <v>0</v>
      </c>
      <c r="CU20" s="191">
        <v>3</v>
      </c>
      <c r="CV20" s="196">
        <v>6</v>
      </c>
      <c r="CW20" s="195">
        <v>6</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0</v>
      </c>
      <c r="T21" s="191">
        <v>0</v>
      </c>
      <c r="U21" s="191">
        <v>1</v>
      </c>
      <c r="V21" s="191">
        <v>0</v>
      </c>
      <c r="W21" s="196">
        <v>1</v>
      </c>
      <c r="X21" s="195">
        <v>1</v>
      </c>
      <c r="Y21" s="190">
        <v>0</v>
      </c>
      <c r="Z21" s="191">
        <v>0</v>
      </c>
      <c r="AA21" s="196">
        <v>0</v>
      </c>
      <c r="AB21" s="193">
        <v>0</v>
      </c>
      <c r="AC21" s="191">
        <v>8</v>
      </c>
      <c r="AD21" s="191">
        <v>5</v>
      </c>
      <c r="AE21" s="191">
        <v>2</v>
      </c>
      <c r="AF21" s="191">
        <v>1</v>
      </c>
      <c r="AG21" s="191">
        <v>0</v>
      </c>
      <c r="AH21" s="196">
        <v>16</v>
      </c>
      <c r="AI21" s="195">
        <v>16</v>
      </c>
      <c r="AJ21" s="190">
        <v>0</v>
      </c>
      <c r="AK21" s="191">
        <v>0</v>
      </c>
      <c r="AL21" s="196">
        <v>0</v>
      </c>
      <c r="AM21" s="193">
        <v>0</v>
      </c>
      <c r="AN21" s="191">
        <v>2</v>
      </c>
      <c r="AO21" s="191">
        <v>1</v>
      </c>
      <c r="AP21" s="191">
        <v>1</v>
      </c>
      <c r="AQ21" s="191">
        <v>1</v>
      </c>
      <c r="AR21" s="191">
        <v>0</v>
      </c>
      <c r="AS21" s="196">
        <v>5</v>
      </c>
      <c r="AT21" s="195">
        <v>5</v>
      </c>
      <c r="AU21" s="190">
        <v>0</v>
      </c>
      <c r="AV21" s="191">
        <v>0</v>
      </c>
      <c r="AW21" s="196">
        <v>0</v>
      </c>
      <c r="AX21" s="193">
        <v>0</v>
      </c>
      <c r="AY21" s="191">
        <v>1</v>
      </c>
      <c r="AZ21" s="191">
        <v>1</v>
      </c>
      <c r="BA21" s="191">
        <v>1</v>
      </c>
      <c r="BB21" s="191">
        <v>0</v>
      </c>
      <c r="BC21" s="191">
        <v>0</v>
      </c>
      <c r="BD21" s="196">
        <v>3</v>
      </c>
      <c r="BE21" s="195">
        <v>3</v>
      </c>
      <c r="BF21" s="190">
        <v>0</v>
      </c>
      <c r="BG21" s="191">
        <v>0</v>
      </c>
      <c r="BH21" s="196">
        <v>0</v>
      </c>
      <c r="BI21" s="193">
        <v>0</v>
      </c>
      <c r="BJ21" s="191">
        <v>0</v>
      </c>
      <c r="BK21" s="191">
        <v>0</v>
      </c>
      <c r="BL21" s="191">
        <v>1</v>
      </c>
      <c r="BM21" s="191">
        <v>0</v>
      </c>
      <c r="BN21" s="191">
        <v>1</v>
      </c>
      <c r="BO21" s="194">
        <v>2</v>
      </c>
      <c r="BP21" s="195">
        <v>2</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3</v>
      </c>
      <c r="CV21" s="196">
        <v>3</v>
      </c>
      <c r="CW21" s="195">
        <v>3</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0</v>
      </c>
      <c r="AD22" s="191">
        <v>7</v>
      </c>
      <c r="AE22" s="191">
        <v>2</v>
      </c>
      <c r="AF22" s="191">
        <v>1</v>
      </c>
      <c r="AG22" s="191">
        <v>0</v>
      </c>
      <c r="AH22" s="196">
        <v>20</v>
      </c>
      <c r="AI22" s="195">
        <v>20</v>
      </c>
      <c r="AJ22" s="190">
        <v>0</v>
      </c>
      <c r="AK22" s="191">
        <v>0</v>
      </c>
      <c r="AL22" s="196">
        <v>0</v>
      </c>
      <c r="AM22" s="193">
        <v>0</v>
      </c>
      <c r="AN22" s="191">
        <v>0</v>
      </c>
      <c r="AO22" s="191">
        <v>0</v>
      </c>
      <c r="AP22" s="191">
        <v>1</v>
      </c>
      <c r="AQ22" s="191">
        <v>0</v>
      </c>
      <c r="AR22" s="191">
        <v>0</v>
      </c>
      <c r="AS22" s="196">
        <v>1</v>
      </c>
      <c r="AT22" s="195">
        <v>1</v>
      </c>
      <c r="AU22" s="190">
        <v>0</v>
      </c>
      <c r="AV22" s="191">
        <v>1</v>
      </c>
      <c r="AW22" s="196">
        <v>1</v>
      </c>
      <c r="AX22" s="193">
        <v>0</v>
      </c>
      <c r="AY22" s="191">
        <v>1</v>
      </c>
      <c r="AZ22" s="191">
        <v>0</v>
      </c>
      <c r="BA22" s="191">
        <v>1</v>
      </c>
      <c r="BB22" s="191">
        <v>0</v>
      </c>
      <c r="BC22" s="191">
        <v>1</v>
      </c>
      <c r="BD22" s="196">
        <v>3</v>
      </c>
      <c r="BE22" s="195">
        <v>4</v>
      </c>
      <c r="BF22" s="190">
        <v>0</v>
      </c>
      <c r="BG22" s="191">
        <v>0</v>
      </c>
      <c r="BH22" s="196">
        <v>0</v>
      </c>
      <c r="BI22" s="193">
        <v>0</v>
      </c>
      <c r="BJ22" s="191">
        <v>0</v>
      </c>
      <c r="BK22" s="191">
        <v>1</v>
      </c>
      <c r="BL22" s="191">
        <v>3</v>
      </c>
      <c r="BM22" s="191">
        <v>0</v>
      </c>
      <c r="BN22" s="191">
        <v>0</v>
      </c>
      <c r="BO22" s="194">
        <v>4</v>
      </c>
      <c r="BP22" s="195">
        <v>4</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2</v>
      </c>
      <c r="AD23" s="191">
        <v>7</v>
      </c>
      <c r="AE23" s="191">
        <v>1</v>
      </c>
      <c r="AF23" s="191">
        <v>1</v>
      </c>
      <c r="AG23" s="191">
        <v>0</v>
      </c>
      <c r="AH23" s="196">
        <v>21</v>
      </c>
      <c r="AI23" s="195">
        <v>21</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2</v>
      </c>
      <c r="BB23" s="191">
        <v>0</v>
      </c>
      <c r="BC23" s="191">
        <v>0</v>
      </c>
      <c r="BD23" s="196">
        <v>3</v>
      </c>
      <c r="BE23" s="195">
        <v>3</v>
      </c>
      <c r="BF23" s="190">
        <v>0</v>
      </c>
      <c r="BG23" s="191">
        <v>0</v>
      </c>
      <c r="BH23" s="196">
        <v>0</v>
      </c>
      <c r="BI23" s="193">
        <v>0</v>
      </c>
      <c r="BJ23" s="191">
        <v>0</v>
      </c>
      <c r="BK23" s="191">
        <v>1</v>
      </c>
      <c r="BL23" s="191">
        <v>0</v>
      </c>
      <c r="BM23" s="191">
        <v>3</v>
      </c>
      <c r="BN23" s="191">
        <v>0</v>
      </c>
      <c r="BO23" s="194">
        <v>4</v>
      </c>
      <c r="BP23" s="195">
        <v>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1</v>
      </c>
      <c r="CV23" s="196">
        <v>1</v>
      </c>
      <c r="CW23" s="195">
        <v>1</v>
      </c>
    </row>
    <row r="24" spans="2:101" ht="21" customHeight="1" x14ac:dyDescent="0.2">
      <c r="B24" s="106" t="s">
        <v>22</v>
      </c>
      <c r="C24" s="190">
        <v>0</v>
      </c>
      <c r="D24" s="196">
        <v>0</v>
      </c>
      <c r="E24" s="207">
        <v>0</v>
      </c>
      <c r="F24" s="193">
        <v>0</v>
      </c>
      <c r="G24" s="191">
        <v>0</v>
      </c>
      <c r="H24" s="191">
        <v>0</v>
      </c>
      <c r="I24" s="191">
        <v>1</v>
      </c>
      <c r="J24" s="191">
        <v>1</v>
      </c>
      <c r="K24" s="191">
        <v>0</v>
      </c>
      <c r="L24" s="194">
        <v>2</v>
      </c>
      <c r="M24" s="195">
        <v>2</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6</v>
      </c>
      <c r="AE24" s="191">
        <v>0</v>
      </c>
      <c r="AF24" s="191">
        <v>1</v>
      </c>
      <c r="AG24" s="191">
        <v>0</v>
      </c>
      <c r="AH24" s="196">
        <v>16</v>
      </c>
      <c r="AI24" s="195">
        <v>16</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2</v>
      </c>
      <c r="BA24" s="191">
        <v>0</v>
      </c>
      <c r="BB24" s="191">
        <v>0</v>
      </c>
      <c r="BC24" s="191">
        <v>0</v>
      </c>
      <c r="BD24" s="196">
        <v>2</v>
      </c>
      <c r="BE24" s="195">
        <v>2</v>
      </c>
      <c r="BF24" s="190">
        <v>0</v>
      </c>
      <c r="BG24" s="191">
        <v>0</v>
      </c>
      <c r="BH24" s="196">
        <v>0</v>
      </c>
      <c r="BI24" s="193">
        <v>0</v>
      </c>
      <c r="BJ24" s="191">
        <v>0</v>
      </c>
      <c r="BK24" s="191">
        <v>0</v>
      </c>
      <c r="BL24" s="191">
        <v>0</v>
      </c>
      <c r="BM24" s="191">
        <v>0</v>
      </c>
      <c r="BN24" s="191">
        <v>0</v>
      </c>
      <c r="BO24" s="194">
        <v>0</v>
      </c>
      <c r="BP24" s="195">
        <v>0</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1</v>
      </c>
      <c r="AD25" s="191">
        <v>2</v>
      </c>
      <c r="AE25" s="191">
        <v>2</v>
      </c>
      <c r="AF25" s="191">
        <v>0</v>
      </c>
      <c r="AG25" s="191">
        <v>0</v>
      </c>
      <c r="AH25" s="196">
        <v>5</v>
      </c>
      <c r="AI25" s="195">
        <v>5</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1</v>
      </c>
      <c r="BL25" s="191">
        <v>3</v>
      </c>
      <c r="BM25" s="191">
        <v>0</v>
      </c>
      <c r="BN25" s="191">
        <v>0</v>
      </c>
      <c r="BO25" s="194">
        <v>5</v>
      </c>
      <c r="BP25" s="195">
        <v>5</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row>
    <row r="26" spans="2:101" ht="21" customHeight="1" x14ac:dyDescent="0.2">
      <c r="B26" s="106" t="s">
        <v>24</v>
      </c>
      <c r="C26" s="190">
        <v>0</v>
      </c>
      <c r="D26" s="196">
        <v>0</v>
      </c>
      <c r="E26" s="207">
        <v>0</v>
      </c>
      <c r="F26" s="193">
        <v>0</v>
      </c>
      <c r="G26" s="191">
        <v>0</v>
      </c>
      <c r="H26" s="191">
        <v>0</v>
      </c>
      <c r="I26" s="191">
        <v>0</v>
      </c>
      <c r="J26" s="191">
        <v>2</v>
      </c>
      <c r="K26" s="191">
        <v>0</v>
      </c>
      <c r="L26" s="194">
        <v>2</v>
      </c>
      <c r="M26" s="195">
        <v>2</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0</v>
      </c>
      <c r="AE26" s="191">
        <v>0</v>
      </c>
      <c r="AF26" s="191">
        <v>1</v>
      </c>
      <c r="AG26" s="191">
        <v>0</v>
      </c>
      <c r="AH26" s="196">
        <v>1</v>
      </c>
      <c r="AI26" s="195">
        <v>1</v>
      </c>
      <c r="AJ26" s="190">
        <v>0</v>
      </c>
      <c r="AK26" s="191">
        <v>0</v>
      </c>
      <c r="AL26" s="196">
        <v>0</v>
      </c>
      <c r="AM26" s="193">
        <v>0</v>
      </c>
      <c r="AN26" s="191">
        <v>0</v>
      </c>
      <c r="AO26" s="191">
        <v>0</v>
      </c>
      <c r="AP26" s="191">
        <v>0</v>
      </c>
      <c r="AQ26" s="191">
        <v>0</v>
      </c>
      <c r="AR26" s="191">
        <v>1</v>
      </c>
      <c r="AS26" s="196">
        <v>1</v>
      </c>
      <c r="AT26" s="195">
        <v>1</v>
      </c>
      <c r="AU26" s="190">
        <v>0</v>
      </c>
      <c r="AV26" s="191">
        <v>0</v>
      </c>
      <c r="AW26" s="196">
        <v>0</v>
      </c>
      <c r="AX26" s="193">
        <v>0</v>
      </c>
      <c r="AY26" s="191">
        <v>3</v>
      </c>
      <c r="AZ26" s="191">
        <v>2</v>
      </c>
      <c r="BA26" s="191">
        <v>1</v>
      </c>
      <c r="BB26" s="191">
        <v>1</v>
      </c>
      <c r="BC26" s="191">
        <v>0</v>
      </c>
      <c r="BD26" s="196">
        <v>7</v>
      </c>
      <c r="BE26" s="195">
        <v>7</v>
      </c>
      <c r="BF26" s="190">
        <v>0</v>
      </c>
      <c r="BG26" s="191">
        <v>0</v>
      </c>
      <c r="BH26" s="196">
        <v>0</v>
      </c>
      <c r="BI26" s="193">
        <v>0</v>
      </c>
      <c r="BJ26" s="191">
        <v>0</v>
      </c>
      <c r="BK26" s="191">
        <v>1</v>
      </c>
      <c r="BL26" s="191">
        <v>0</v>
      </c>
      <c r="BM26" s="191">
        <v>0</v>
      </c>
      <c r="BN26" s="191">
        <v>1</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2</v>
      </c>
      <c r="AE27" s="191">
        <v>0</v>
      </c>
      <c r="AF27" s="191">
        <v>0</v>
      </c>
      <c r="AG27" s="191">
        <v>0</v>
      </c>
      <c r="AH27" s="196">
        <v>6</v>
      </c>
      <c r="AI27" s="195">
        <v>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1</v>
      </c>
      <c r="AD28" s="191">
        <v>2</v>
      </c>
      <c r="AE28" s="191">
        <v>2</v>
      </c>
      <c r="AF28" s="191">
        <v>0</v>
      </c>
      <c r="AG28" s="191">
        <v>1</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1</v>
      </c>
      <c r="BA28" s="191">
        <v>0</v>
      </c>
      <c r="BB28" s="191">
        <v>0</v>
      </c>
      <c r="BC28" s="191">
        <v>0</v>
      </c>
      <c r="BD28" s="196">
        <v>1</v>
      </c>
      <c r="BE28" s="195">
        <v>1</v>
      </c>
      <c r="BF28" s="190">
        <v>0</v>
      </c>
      <c r="BG28" s="191">
        <v>0</v>
      </c>
      <c r="BH28" s="196">
        <v>0</v>
      </c>
      <c r="BI28" s="193">
        <v>0</v>
      </c>
      <c r="BJ28" s="191">
        <v>0</v>
      </c>
      <c r="BK28" s="191">
        <v>1</v>
      </c>
      <c r="BL28" s="191">
        <v>3</v>
      </c>
      <c r="BM28" s="191">
        <v>1</v>
      </c>
      <c r="BN28" s="191">
        <v>0</v>
      </c>
      <c r="BO28" s="194">
        <v>5</v>
      </c>
      <c r="BP28" s="195">
        <v>5</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4</v>
      </c>
      <c r="AD29" s="191">
        <v>2</v>
      </c>
      <c r="AE29" s="191">
        <v>0</v>
      </c>
      <c r="AF29" s="191">
        <v>0</v>
      </c>
      <c r="AG29" s="191">
        <v>0</v>
      </c>
      <c r="AH29" s="196">
        <v>6</v>
      </c>
      <c r="AI29" s="195">
        <v>6</v>
      </c>
      <c r="AJ29" s="190">
        <v>0</v>
      </c>
      <c r="AK29" s="191">
        <v>0</v>
      </c>
      <c r="AL29" s="196">
        <v>0</v>
      </c>
      <c r="AM29" s="193">
        <v>0</v>
      </c>
      <c r="AN29" s="191">
        <v>0</v>
      </c>
      <c r="AO29" s="191">
        <v>1</v>
      </c>
      <c r="AP29" s="191">
        <v>1</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0</v>
      </c>
      <c r="BN29" s="191">
        <v>0</v>
      </c>
      <c r="BO29" s="194">
        <v>0</v>
      </c>
      <c r="BP29" s="195">
        <v>0</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1</v>
      </c>
      <c r="BM30" s="191">
        <v>0</v>
      </c>
      <c r="BN30" s="191">
        <v>0</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v>
      </c>
      <c r="AD31" s="191">
        <v>0</v>
      </c>
      <c r="AE31" s="191">
        <v>1</v>
      </c>
      <c r="AF31" s="191">
        <v>1</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2</v>
      </c>
      <c r="BA31" s="191">
        <v>0</v>
      </c>
      <c r="BB31" s="191">
        <v>0</v>
      </c>
      <c r="BC31" s="191">
        <v>0</v>
      </c>
      <c r="BD31" s="196">
        <v>4</v>
      </c>
      <c r="BE31" s="195">
        <v>4</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1</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v>
      </c>
      <c r="AD33" s="191">
        <v>1</v>
      </c>
      <c r="AE33" s="191">
        <v>1</v>
      </c>
      <c r="AF33" s="191">
        <v>0</v>
      </c>
      <c r="AG33" s="191">
        <v>0</v>
      </c>
      <c r="AH33" s="196">
        <v>4</v>
      </c>
      <c r="AI33" s="195">
        <v>4</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1</v>
      </c>
      <c r="BA33" s="191">
        <v>0</v>
      </c>
      <c r="BB33" s="191">
        <v>0</v>
      </c>
      <c r="BC33" s="191">
        <v>0</v>
      </c>
      <c r="BD33" s="196">
        <v>1</v>
      </c>
      <c r="BE33" s="195">
        <v>1</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2</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1</v>
      </c>
      <c r="AE34" s="191">
        <v>0</v>
      </c>
      <c r="AF34" s="191">
        <v>0</v>
      </c>
      <c r="AG34" s="191">
        <v>0</v>
      </c>
      <c r="AH34" s="196">
        <v>5</v>
      </c>
      <c r="AI34" s="195">
        <v>5</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0</v>
      </c>
      <c r="AZ34" s="191">
        <v>0</v>
      </c>
      <c r="BA34" s="191">
        <v>1</v>
      </c>
      <c r="BB34" s="191">
        <v>0</v>
      </c>
      <c r="BC34" s="191">
        <v>0</v>
      </c>
      <c r="BD34" s="196">
        <v>1</v>
      </c>
      <c r="BE34" s="195">
        <v>1</v>
      </c>
      <c r="BF34" s="190">
        <v>0</v>
      </c>
      <c r="BG34" s="191">
        <v>0</v>
      </c>
      <c r="BH34" s="196">
        <v>0</v>
      </c>
      <c r="BI34" s="193">
        <v>0</v>
      </c>
      <c r="BJ34" s="191">
        <v>0</v>
      </c>
      <c r="BK34" s="191">
        <v>0</v>
      </c>
      <c r="BL34" s="191">
        <v>0</v>
      </c>
      <c r="BM34" s="191">
        <v>0</v>
      </c>
      <c r="BN34" s="191">
        <v>0</v>
      </c>
      <c r="BO34" s="194">
        <v>0</v>
      </c>
      <c r="BP34" s="195">
        <v>0</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1</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1</v>
      </c>
      <c r="CV35" s="196">
        <v>1</v>
      </c>
      <c r="CW35" s="195">
        <v>1</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0</v>
      </c>
      <c r="AD36" s="191">
        <v>0</v>
      </c>
      <c r="AE36" s="191">
        <v>0</v>
      </c>
      <c r="AF36" s="191">
        <v>0</v>
      </c>
      <c r="AG36" s="191">
        <v>0</v>
      </c>
      <c r="AH36" s="196">
        <v>0</v>
      </c>
      <c r="AI36" s="195">
        <v>0</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1</v>
      </c>
      <c r="AZ37" s="191">
        <v>0</v>
      </c>
      <c r="BA37" s="191">
        <v>0</v>
      </c>
      <c r="BB37" s="191">
        <v>0</v>
      </c>
      <c r="BC37" s="191">
        <v>0</v>
      </c>
      <c r="BD37" s="196">
        <v>1</v>
      </c>
      <c r="BE37" s="195">
        <v>1</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3</v>
      </c>
      <c r="AD38" s="191">
        <v>1</v>
      </c>
      <c r="AE38" s="191">
        <v>1</v>
      </c>
      <c r="AF38" s="191">
        <v>0</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1</v>
      </c>
      <c r="BB38" s="191">
        <v>0</v>
      </c>
      <c r="BC38" s="191">
        <v>0</v>
      </c>
      <c r="BD38" s="196">
        <v>1</v>
      </c>
      <c r="BE38" s="195">
        <v>1</v>
      </c>
      <c r="BF38" s="190">
        <v>0</v>
      </c>
      <c r="BG38" s="191">
        <v>0</v>
      </c>
      <c r="BH38" s="196">
        <v>0</v>
      </c>
      <c r="BI38" s="193">
        <v>0</v>
      </c>
      <c r="BJ38" s="191">
        <v>0</v>
      </c>
      <c r="BK38" s="191">
        <v>1</v>
      </c>
      <c r="BL38" s="191">
        <v>1</v>
      </c>
      <c r="BM38" s="191">
        <v>0</v>
      </c>
      <c r="BN38" s="191">
        <v>1</v>
      </c>
      <c r="BO38" s="194">
        <v>3</v>
      </c>
      <c r="BP38" s="195">
        <v>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6">
        <f>第１表!F2</f>
        <v>6</v>
      </c>
      <c r="I1" s="446"/>
      <c r="J1" s="18">
        <f>第１表!G2</f>
        <v>5</v>
      </c>
      <c r="K1" s="451">
        <f>IF(J1&lt;3,J1+12-2,J1-2)</f>
        <v>3</v>
      </c>
      <c r="L1" s="451"/>
    </row>
    <row r="2" spans="2:24" ht="24" customHeight="1" thickBot="1" x14ac:dyDescent="0.25">
      <c r="B2" s="142" t="s">
        <v>130</v>
      </c>
    </row>
    <row r="3" spans="2:24" ht="21" customHeight="1" x14ac:dyDescent="0.2">
      <c r="B3" s="469"/>
      <c r="C3" s="470" t="s">
        <v>140</v>
      </c>
      <c r="D3" s="470"/>
      <c r="E3" s="470"/>
      <c r="F3" s="470"/>
      <c r="G3" s="470"/>
      <c r="H3" s="470"/>
      <c r="I3" s="470"/>
      <c r="J3" s="470"/>
      <c r="K3" s="470"/>
      <c r="L3" s="470"/>
      <c r="M3" s="500"/>
      <c r="N3" s="470" t="s">
        <v>112</v>
      </c>
      <c r="O3" s="470"/>
      <c r="P3" s="470"/>
      <c r="Q3" s="470"/>
      <c r="R3" s="470"/>
      <c r="S3" s="470"/>
      <c r="T3" s="470"/>
      <c r="U3" s="470"/>
      <c r="V3" s="470"/>
      <c r="W3" s="470"/>
      <c r="X3" s="500"/>
    </row>
    <row r="4" spans="2:24" ht="21" customHeight="1" x14ac:dyDescent="0.2">
      <c r="B4" s="506"/>
      <c r="C4" s="501" t="s">
        <v>61</v>
      </c>
      <c r="D4" s="501"/>
      <c r="E4" s="502"/>
      <c r="F4" s="503" t="s">
        <v>62</v>
      </c>
      <c r="G4" s="501"/>
      <c r="H4" s="501"/>
      <c r="I4" s="501"/>
      <c r="J4" s="501"/>
      <c r="K4" s="501"/>
      <c r="L4" s="504"/>
      <c r="M4" s="505" t="s">
        <v>52</v>
      </c>
      <c r="N4" s="501" t="s">
        <v>61</v>
      </c>
      <c r="O4" s="501"/>
      <c r="P4" s="502"/>
      <c r="Q4" s="503" t="s">
        <v>62</v>
      </c>
      <c r="R4" s="501"/>
      <c r="S4" s="501"/>
      <c r="T4" s="501"/>
      <c r="U4" s="501"/>
      <c r="V4" s="501"/>
      <c r="W4" s="504"/>
      <c r="X4" s="505" t="s">
        <v>52</v>
      </c>
    </row>
    <row r="5" spans="2:24" ht="30" customHeight="1" thickBot="1" x14ac:dyDescent="0.25">
      <c r="B5" s="507"/>
      <c r="C5" s="178" t="s">
        <v>43</v>
      </c>
      <c r="D5" s="178" t="s">
        <v>44</v>
      </c>
      <c r="E5" s="182" t="s">
        <v>45</v>
      </c>
      <c r="F5" s="180" t="s">
        <v>83</v>
      </c>
      <c r="G5" s="178" t="s">
        <v>47</v>
      </c>
      <c r="H5" s="178" t="s">
        <v>48</v>
      </c>
      <c r="I5" s="178" t="s">
        <v>49</v>
      </c>
      <c r="J5" s="178" t="s">
        <v>50</v>
      </c>
      <c r="K5" s="178" t="s">
        <v>51</v>
      </c>
      <c r="L5" s="182" t="s">
        <v>45</v>
      </c>
      <c r="M5" s="474"/>
      <c r="N5" s="178" t="s">
        <v>43</v>
      </c>
      <c r="O5" s="178" t="s">
        <v>44</v>
      </c>
      <c r="P5" s="182" t="s">
        <v>45</v>
      </c>
      <c r="Q5" s="180" t="s">
        <v>83</v>
      </c>
      <c r="R5" s="178" t="s">
        <v>47</v>
      </c>
      <c r="S5" s="178" t="s">
        <v>48</v>
      </c>
      <c r="T5" s="178" t="s">
        <v>49</v>
      </c>
      <c r="U5" s="178" t="s">
        <v>50</v>
      </c>
      <c r="V5" s="178" t="s">
        <v>51</v>
      </c>
      <c r="W5" s="182" t="s">
        <v>45</v>
      </c>
      <c r="X5" s="474"/>
    </row>
    <row r="6" spans="2:24" ht="21" customHeight="1" x14ac:dyDescent="0.2">
      <c r="B6" s="84" t="s">
        <v>4</v>
      </c>
      <c r="C6" s="184">
        <v>0</v>
      </c>
      <c r="D6" s="184">
        <v>0</v>
      </c>
      <c r="E6" s="189">
        <v>0</v>
      </c>
      <c r="F6" s="186">
        <v>0</v>
      </c>
      <c r="G6" s="184">
        <v>101271</v>
      </c>
      <c r="H6" s="184">
        <v>105082</v>
      </c>
      <c r="I6" s="184">
        <v>62408</v>
      </c>
      <c r="J6" s="184">
        <v>31226</v>
      </c>
      <c r="K6" s="184">
        <v>13917</v>
      </c>
      <c r="L6" s="189">
        <v>313904</v>
      </c>
      <c r="M6" s="188">
        <v>313904</v>
      </c>
      <c r="N6" s="184">
        <v>20</v>
      </c>
      <c r="O6" s="184">
        <v>40</v>
      </c>
      <c r="P6" s="189">
        <v>60</v>
      </c>
      <c r="Q6" s="186">
        <v>0</v>
      </c>
      <c r="R6" s="184">
        <v>6358</v>
      </c>
      <c r="S6" s="184">
        <v>8856</v>
      </c>
      <c r="T6" s="184">
        <v>11500</v>
      </c>
      <c r="U6" s="184">
        <v>6714</v>
      </c>
      <c r="V6" s="184">
        <v>4862</v>
      </c>
      <c r="W6" s="189">
        <v>38290</v>
      </c>
      <c r="X6" s="188">
        <v>38350</v>
      </c>
    </row>
    <row r="7" spans="2:24" ht="21" customHeight="1" x14ac:dyDescent="0.2">
      <c r="B7" s="95" t="s">
        <v>5</v>
      </c>
      <c r="C7" s="191">
        <v>0</v>
      </c>
      <c r="D7" s="191">
        <v>0</v>
      </c>
      <c r="E7" s="196">
        <v>0</v>
      </c>
      <c r="F7" s="193">
        <v>0</v>
      </c>
      <c r="G7" s="191">
        <v>35871</v>
      </c>
      <c r="H7" s="191">
        <v>50832</v>
      </c>
      <c r="I7" s="191">
        <v>29881</v>
      </c>
      <c r="J7" s="191">
        <v>14225</v>
      </c>
      <c r="K7" s="191">
        <v>6603</v>
      </c>
      <c r="L7" s="196">
        <v>137412</v>
      </c>
      <c r="M7" s="195">
        <v>137412</v>
      </c>
      <c r="N7" s="191">
        <v>10</v>
      </c>
      <c r="O7" s="191">
        <v>4</v>
      </c>
      <c r="P7" s="196">
        <v>14</v>
      </c>
      <c r="Q7" s="193">
        <v>0</v>
      </c>
      <c r="R7" s="191">
        <v>3240</v>
      </c>
      <c r="S7" s="191">
        <v>4649</v>
      </c>
      <c r="T7" s="191">
        <v>5982</v>
      </c>
      <c r="U7" s="191">
        <v>3810</v>
      </c>
      <c r="V7" s="191">
        <v>2674</v>
      </c>
      <c r="W7" s="196">
        <v>20355</v>
      </c>
      <c r="X7" s="195">
        <v>20369</v>
      </c>
    </row>
    <row r="8" spans="2:24" ht="21" customHeight="1" x14ac:dyDescent="0.2">
      <c r="B8" s="106" t="s">
        <v>6</v>
      </c>
      <c r="C8" s="191">
        <v>0</v>
      </c>
      <c r="D8" s="191">
        <v>0</v>
      </c>
      <c r="E8" s="196">
        <v>0</v>
      </c>
      <c r="F8" s="193">
        <v>0</v>
      </c>
      <c r="G8" s="191">
        <v>13852</v>
      </c>
      <c r="H8" s="191">
        <v>11084</v>
      </c>
      <c r="I8" s="191">
        <v>7040</v>
      </c>
      <c r="J8" s="191">
        <v>4267</v>
      </c>
      <c r="K8" s="191">
        <v>1918</v>
      </c>
      <c r="L8" s="196">
        <v>38161</v>
      </c>
      <c r="M8" s="195">
        <v>38161</v>
      </c>
      <c r="N8" s="191">
        <v>3</v>
      </c>
      <c r="O8" s="191">
        <v>0</v>
      </c>
      <c r="P8" s="196">
        <v>3</v>
      </c>
      <c r="Q8" s="193">
        <v>0</v>
      </c>
      <c r="R8" s="191">
        <v>1375</v>
      </c>
      <c r="S8" s="191">
        <v>2159</v>
      </c>
      <c r="T8" s="191">
        <v>2613</v>
      </c>
      <c r="U8" s="191">
        <v>1407</v>
      </c>
      <c r="V8" s="191">
        <v>1186</v>
      </c>
      <c r="W8" s="196">
        <v>8740</v>
      </c>
      <c r="X8" s="195">
        <v>8743</v>
      </c>
    </row>
    <row r="9" spans="2:24" ht="21" customHeight="1" x14ac:dyDescent="0.2">
      <c r="B9" s="106" t="s">
        <v>14</v>
      </c>
      <c r="C9" s="191">
        <v>0</v>
      </c>
      <c r="D9" s="191">
        <v>0</v>
      </c>
      <c r="E9" s="196">
        <v>0</v>
      </c>
      <c r="F9" s="193">
        <v>0</v>
      </c>
      <c r="G9" s="191">
        <v>7683</v>
      </c>
      <c r="H9" s="191">
        <v>9206</v>
      </c>
      <c r="I9" s="191">
        <v>5646</v>
      </c>
      <c r="J9" s="191">
        <v>2744</v>
      </c>
      <c r="K9" s="191">
        <v>1211</v>
      </c>
      <c r="L9" s="196">
        <v>26490</v>
      </c>
      <c r="M9" s="195">
        <v>26490</v>
      </c>
      <c r="N9" s="191">
        <v>0</v>
      </c>
      <c r="O9" s="191">
        <v>0</v>
      </c>
      <c r="P9" s="196">
        <v>0</v>
      </c>
      <c r="Q9" s="193">
        <v>0</v>
      </c>
      <c r="R9" s="191">
        <v>104</v>
      </c>
      <c r="S9" s="191">
        <v>203</v>
      </c>
      <c r="T9" s="191">
        <v>423</v>
      </c>
      <c r="U9" s="191">
        <v>219</v>
      </c>
      <c r="V9" s="191">
        <v>216</v>
      </c>
      <c r="W9" s="196">
        <v>1165</v>
      </c>
      <c r="X9" s="195">
        <v>1165</v>
      </c>
    </row>
    <row r="10" spans="2:24" ht="21" customHeight="1" x14ac:dyDescent="0.2">
      <c r="B10" s="106" t="s">
        <v>7</v>
      </c>
      <c r="C10" s="191">
        <v>0</v>
      </c>
      <c r="D10" s="191">
        <v>0</v>
      </c>
      <c r="E10" s="196">
        <v>0</v>
      </c>
      <c r="F10" s="193">
        <v>0</v>
      </c>
      <c r="G10" s="191">
        <v>8426</v>
      </c>
      <c r="H10" s="191">
        <v>5500</v>
      </c>
      <c r="I10" s="191">
        <v>2413</v>
      </c>
      <c r="J10" s="191">
        <v>1018</v>
      </c>
      <c r="K10" s="191">
        <v>544</v>
      </c>
      <c r="L10" s="196">
        <v>17901</v>
      </c>
      <c r="M10" s="195">
        <v>17901</v>
      </c>
      <c r="N10" s="191">
        <v>0</v>
      </c>
      <c r="O10" s="191">
        <v>3</v>
      </c>
      <c r="P10" s="196">
        <v>3</v>
      </c>
      <c r="Q10" s="193">
        <v>0</v>
      </c>
      <c r="R10" s="191">
        <v>706</v>
      </c>
      <c r="S10" s="191">
        <v>765</v>
      </c>
      <c r="T10" s="191">
        <v>898</v>
      </c>
      <c r="U10" s="191">
        <v>448</v>
      </c>
      <c r="V10" s="191">
        <v>179</v>
      </c>
      <c r="W10" s="196">
        <v>2996</v>
      </c>
      <c r="X10" s="195">
        <v>2999</v>
      </c>
    </row>
    <row r="11" spans="2:24" ht="21" customHeight="1" x14ac:dyDescent="0.2">
      <c r="B11" s="106" t="s">
        <v>8</v>
      </c>
      <c r="C11" s="191">
        <v>0</v>
      </c>
      <c r="D11" s="191">
        <v>0</v>
      </c>
      <c r="E11" s="196">
        <v>0</v>
      </c>
      <c r="F11" s="193">
        <v>0</v>
      </c>
      <c r="G11" s="191">
        <v>4619</v>
      </c>
      <c r="H11" s="191">
        <v>4724</v>
      </c>
      <c r="I11" s="191">
        <v>2369</v>
      </c>
      <c r="J11" s="191">
        <v>1188</v>
      </c>
      <c r="K11" s="191">
        <v>539</v>
      </c>
      <c r="L11" s="196">
        <v>13439</v>
      </c>
      <c r="M11" s="195">
        <v>13439</v>
      </c>
      <c r="N11" s="191">
        <v>0</v>
      </c>
      <c r="O11" s="191">
        <v>0</v>
      </c>
      <c r="P11" s="196">
        <v>0</v>
      </c>
      <c r="Q11" s="193">
        <v>0</v>
      </c>
      <c r="R11" s="191">
        <v>47</v>
      </c>
      <c r="S11" s="191">
        <v>88</v>
      </c>
      <c r="T11" s="191">
        <v>78</v>
      </c>
      <c r="U11" s="191">
        <v>153</v>
      </c>
      <c r="V11" s="191">
        <v>79</v>
      </c>
      <c r="W11" s="196">
        <v>445</v>
      </c>
      <c r="X11" s="195">
        <v>445</v>
      </c>
    </row>
    <row r="12" spans="2:24" ht="21" customHeight="1" x14ac:dyDescent="0.2">
      <c r="B12" s="106" t="s">
        <v>9</v>
      </c>
      <c r="C12" s="191">
        <v>0</v>
      </c>
      <c r="D12" s="191">
        <v>0</v>
      </c>
      <c r="E12" s="196">
        <v>0</v>
      </c>
      <c r="F12" s="193">
        <v>0</v>
      </c>
      <c r="G12" s="191">
        <v>3057</v>
      </c>
      <c r="H12" s="191">
        <v>2101</v>
      </c>
      <c r="I12" s="191">
        <v>1595</v>
      </c>
      <c r="J12" s="191">
        <v>989</v>
      </c>
      <c r="K12" s="191">
        <v>336</v>
      </c>
      <c r="L12" s="196">
        <v>8078</v>
      </c>
      <c r="M12" s="195">
        <v>8078</v>
      </c>
      <c r="N12" s="191">
        <v>0</v>
      </c>
      <c r="O12" s="191">
        <v>0</v>
      </c>
      <c r="P12" s="196">
        <v>0</v>
      </c>
      <c r="Q12" s="193">
        <v>0</v>
      </c>
      <c r="R12" s="191">
        <v>37</v>
      </c>
      <c r="S12" s="191">
        <v>68</v>
      </c>
      <c r="T12" s="191">
        <v>75</v>
      </c>
      <c r="U12" s="191">
        <v>0</v>
      </c>
      <c r="V12" s="191">
        <v>56</v>
      </c>
      <c r="W12" s="196">
        <v>236</v>
      </c>
      <c r="X12" s="195">
        <v>236</v>
      </c>
    </row>
    <row r="13" spans="2:24" ht="21" customHeight="1" x14ac:dyDescent="0.2">
      <c r="B13" s="106" t="s">
        <v>10</v>
      </c>
      <c r="C13" s="191">
        <v>0</v>
      </c>
      <c r="D13" s="191">
        <v>0</v>
      </c>
      <c r="E13" s="196">
        <v>0</v>
      </c>
      <c r="F13" s="193">
        <v>0</v>
      </c>
      <c r="G13" s="191">
        <v>4085</v>
      </c>
      <c r="H13" s="191">
        <v>2010</v>
      </c>
      <c r="I13" s="191">
        <v>1086</v>
      </c>
      <c r="J13" s="191">
        <v>662</v>
      </c>
      <c r="K13" s="191">
        <v>186</v>
      </c>
      <c r="L13" s="196">
        <v>8029</v>
      </c>
      <c r="M13" s="195">
        <v>8029</v>
      </c>
      <c r="N13" s="191">
        <v>0</v>
      </c>
      <c r="O13" s="191">
        <v>4</v>
      </c>
      <c r="P13" s="196">
        <v>4</v>
      </c>
      <c r="Q13" s="193">
        <v>0</v>
      </c>
      <c r="R13" s="191">
        <v>81</v>
      </c>
      <c r="S13" s="191">
        <v>91</v>
      </c>
      <c r="T13" s="191">
        <v>249</v>
      </c>
      <c r="U13" s="191">
        <v>138</v>
      </c>
      <c r="V13" s="191">
        <v>107</v>
      </c>
      <c r="W13" s="196">
        <v>666</v>
      </c>
      <c r="X13" s="195">
        <v>670</v>
      </c>
    </row>
    <row r="14" spans="2:24" ht="21" customHeight="1" x14ac:dyDescent="0.2">
      <c r="B14" s="106" t="s">
        <v>11</v>
      </c>
      <c r="C14" s="191">
        <v>0</v>
      </c>
      <c r="D14" s="191">
        <v>0</v>
      </c>
      <c r="E14" s="196">
        <v>0</v>
      </c>
      <c r="F14" s="193">
        <v>0</v>
      </c>
      <c r="G14" s="191">
        <v>3985</v>
      </c>
      <c r="H14" s="191">
        <v>2482</v>
      </c>
      <c r="I14" s="191">
        <v>1758</v>
      </c>
      <c r="J14" s="191">
        <v>885</v>
      </c>
      <c r="K14" s="191">
        <v>474</v>
      </c>
      <c r="L14" s="196">
        <v>9584</v>
      </c>
      <c r="M14" s="195">
        <v>9584</v>
      </c>
      <c r="N14" s="191">
        <v>0</v>
      </c>
      <c r="O14" s="191">
        <v>0</v>
      </c>
      <c r="P14" s="196">
        <v>0</v>
      </c>
      <c r="Q14" s="193">
        <v>0</v>
      </c>
      <c r="R14" s="191">
        <v>185</v>
      </c>
      <c r="S14" s="191">
        <v>169</v>
      </c>
      <c r="T14" s="191">
        <v>127</v>
      </c>
      <c r="U14" s="191">
        <v>13</v>
      </c>
      <c r="V14" s="191">
        <v>10</v>
      </c>
      <c r="W14" s="196">
        <v>504</v>
      </c>
      <c r="X14" s="195">
        <v>504</v>
      </c>
    </row>
    <row r="15" spans="2:24" ht="21" customHeight="1" x14ac:dyDescent="0.2">
      <c r="B15" s="106" t="s">
        <v>12</v>
      </c>
      <c r="C15" s="191">
        <v>0</v>
      </c>
      <c r="D15" s="191">
        <v>0</v>
      </c>
      <c r="E15" s="196">
        <v>0</v>
      </c>
      <c r="F15" s="193">
        <v>0</v>
      </c>
      <c r="G15" s="191">
        <v>3131</v>
      </c>
      <c r="H15" s="191">
        <v>2237</v>
      </c>
      <c r="I15" s="191">
        <v>1436</v>
      </c>
      <c r="J15" s="191">
        <v>546</v>
      </c>
      <c r="K15" s="191">
        <v>226</v>
      </c>
      <c r="L15" s="196">
        <v>7576</v>
      </c>
      <c r="M15" s="195">
        <v>7576</v>
      </c>
      <c r="N15" s="191">
        <v>0</v>
      </c>
      <c r="O15" s="191">
        <v>0</v>
      </c>
      <c r="P15" s="196">
        <v>0</v>
      </c>
      <c r="Q15" s="193">
        <v>0</v>
      </c>
      <c r="R15" s="191">
        <v>43</v>
      </c>
      <c r="S15" s="191">
        <v>9</v>
      </c>
      <c r="T15" s="191">
        <v>3</v>
      </c>
      <c r="U15" s="191">
        <v>7</v>
      </c>
      <c r="V15" s="191">
        <v>17</v>
      </c>
      <c r="W15" s="196">
        <v>79</v>
      </c>
      <c r="X15" s="195">
        <v>79</v>
      </c>
    </row>
    <row r="16" spans="2:24" ht="21" customHeight="1" x14ac:dyDescent="0.2">
      <c r="B16" s="106" t="s">
        <v>13</v>
      </c>
      <c r="C16" s="191">
        <v>0</v>
      </c>
      <c r="D16" s="191">
        <v>0</v>
      </c>
      <c r="E16" s="196">
        <v>0</v>
      </c>
      <c r="F16" s="193">
        <v>0</v>
      </c>
      <c r="G16" s="191">
        <v>1029</v>
      </c>
      <c r="H16" s="191">
        <v>1214</v>
      </c>
      <c r="I16" s="191">
        <v>627</v>
      </c>
      <c r="J16" s="191">
        <v>313</v>
      </c>
      <c r="K16" s="191">
        <v>98</v>
      </c>
      <c r="L16" s="196">
        <v>3281</v>
      </c>
      <c r="M16" s="195">
        <v>3281</v>
      </c>
      <c r="N16" s="191">
        <v>0</v>
      </c>
      <c r="O16" s="191">
        <v>0</v>
      </c>
      <c r="P16" s="196">
        <v>0</v>
      </c>
      <c r="Q16" s="193">
        <v>0</v>
      </c>
      <c r="R16" s="191">
        <v>13</v>
      </c>
      <c r="S16" s="191">
        <v>65</v>
      </c>
      <c r="T16" s="191">
        <v>119</v>
      </c>
      <c r="U16" s="191">
        <v>28</v>
      </c>
      <c r="V16" s="191">
        <v>47</v>
      </c>
      <c r="W16" s="196">
        <v>272</v>
      </c>
      <c r="X16" s="195">
        <v>272</v>
      </c>
    </row>
    <row r="17" spans="2:24" ht="21" customHeight="1" x14ac:dyDescent="0.2">
      <c r="B17" s="106" t="s">
        <v>15</v>
      </c>
      <c r="C17" s="191">
        <v>0</v>
      </c>
      <c r="D17" s="191">
        <v>0</v>
      </c>
      <c r="E17" s="196">
        <v>0</v>
      </c>
      <c r="F17" s="193">
        <v>0</v>
      </c>
      <c r="G17" s="191">
        <v>1192</v>
      </c>
      <c r="H17" s="191">
        <v>1248</v>
      </c>
      <c r="I17" s="191">
        <v>688</v>
      </c>
      <c r="J17" s="191">
        <v>283</v>
      </c>
      <c r="K17" s="191">
        <v>112</v>
      </c>
      <c r="L17" s="196">
        <v>3523</v>
      </c>
      <c r="M17" s="195">
        <v>3523</v>
      </c>
      <c r="N17" s="191">
        <v>0</v>
      </c>
      <c r="O17" s="191">
        <v>10</v>
      </c>
      <c r="P17" s="196">
        <v>10</v>
      </c>
      <c r="Q17" s="193">
        <v>0</v>
      </c>
      <c r="R17" s="191">
        <v>8</v>
      </c>
      <c r="S17" s="191">
        <v>22</v>
      </c>
      <c r="T17" s="191">
        <v>54</v>
      </c>
      <c r="U17" s="191">
        <v>35</v>
      </c>
      <c r="V17" s="191">
        <v>24</v>
      </c>
      <c r="W17" s="196">
        <v>143</v>
      </c>
      <c r="X17" s="195">
        <v>153</v>
      </c>
    </row>
    <row r="18" spans="2:24" ht="21" customHeight="1" x14ac:dyDescent="0.2">
      <c r="B18" s="106" t="s">
        <v>16</v>
      </c>
      <c r="C18" s="191">
        <v>0</v>
      </c>
      <c r="D18" s="191">
        <v>0</v>
      </c>
      <c r="E18" s="196">
        <v>0</v>
      </c>
      <c r="F18" s="193">
        <v>0</v>
      </c>
      <c r="G18" s="191">
        <v>1204</v>
      </c>
      <c r="H18" s="191">
        <v>1419</v>
      </c>
      <c r="I18" s="191">
        <v>935</v>
      </c>
      <c r="J18" s="191">
        <v>425</v>
      </c>
      <c r="K18" s="191">
        <v>133</v>
      </c>
      <c r="L18" s="196">
        <v>4116</v>
      </c>
      <c r="M18" s="195">
        <v>4116</v>
      </c>
      <c r="N18" s="191">
        <v>0</v>
      </c>
      <c r="O18" s="191">
        <v>0</v>
      </c>
      <c r="P18" s="196">
        <v>0</v>
      </c>
      <c r="Q18" s="193">
        <v>0</v>
      </c>
      <c r="R18" s="191">
        <v>54</v>
      </c>
      <c r="S18" s="191">
        <v>88</v>
      </c>
      <c r="T18" s="191">
        <v>58</v>
      </c>
      <c r="U18" s="191">
        <v>46</v>
      </c>
      <c r="V18" s="191">
        <v>39</v>
      </c>
      <c r="W18" s="196">
        <v>285</v>
      </c>
      <c r="X18" s="195">
        <v>285</v>
      </c>
    </row>
    <row r="19" spans="2:24" ht="21" customHeight="1" x14ac:dyDescent="0.2">
      <c r="B19" s="106" t="s">
        <v>17</v>
      </c>
      <c r="C19" s="191">
        <v>0</v>
      </c>
      <c r="D19" s="191">
        <v>0</v>
      </c>
      <c r="E19" s="196">
        <v>0</v>
      </c>
      <c r="F19" s="193">
        <v>0</v>
      </c>
      <c r="G19" s="191">
        <v>1907</v>
      </c>
      <c r="H19" s="191">
        <v>2540</v>
      </c>
      <c r="I19" s="191">
        <v>1543</v>
      </c>
      <c r="J19" s="191">
        <v>1307</v>
      </c>
      <c r="K19" s="191">
        <v>430</v>
      </c>
      <c r="L19" s="196">
        <v>7727</v>
      </c>
      <c r="M19" s="195">
        <v>7727</v>
      </c>
      <c r="N19" s="191">
        <v>7</v>
      </c>
      <c r="O19" s="191">
        <v>19</v>
      </c>
      <c r="P19" s="196">
        <v>26</v>
      </c>
      <c r="Q19" s="193">
        <v>0</v>
      </c>
      <c r="R19" s="191">
        <v>81</v>
      </c>
      <c r="S19" s="191">
        <v>67</v>
      </c>
      <c r="T19" s="191">
        <v>95</v>
      </c>
      <c r="U19" s="191">
        <v>64</v>
      </c>
      <c r="V19" s="191">
        <v>29</v>
      </c>
      <c r="W19" s="196">
        <v>336</v>
      </c>
      <c r="X19" s="195">
        <v>362</v>
      </c>
    </row>
    <row r="20" spans="2:24" ht="21" customHeight="1" x14ac:dyDescent="0.2">
      <c r="B20" s="106" t="s">
        <v>18</v>
      </c>
      <c r="C20" s="191">
        <v>0</v>
      </c>
      <c r="D20" s="191">
        <v>0</v>
      </c>
      <c r="E20" s="196">
        <v>0</v>
      </c>
      <c r="F20" s="193">
        <v>0</v>
      </c>
      <c r="G20" s="191">
        <v>2209</v>
      </c>
      <c r="H20" s="191">
        <v>1622</v>
      </c>
      <c r="I20" s="191">
        <v>932</v>
      </c>
      <c r="J20" s="191">
        <v>392</v>
      </c>
      <c r="K20" s="191">
        <v>224</v>
      </c>
      <c r="L20" s="196">
        <v>5379</v>
      </c>
      <c r="M20" s="195">
        <v>5379</v>
      </c>
      <c r="N20" s="191">
        <v>0</v>
      </c>
      <c r="O20" s="191">
        <v>0</v>
      </c>
      <c r="P20" s="196">
        <v>0</v>
      </c>
      <c r="Q20" s="193">
        <v>0</v>
      </c>
      <c r="R20" s="191">
        <v>89</v>
      </c>
      <c r="S20" s="191">
        <v>79</v>
      </c>
      <c r="T20" s="191">
        <v>247</v>
      </c>
      <c r="U20" s="191">
        <v>158</v>
      </c>
      <c r="V20" s="191">
        <v>50</v>
      </c>
      <c r="W20" s="196">
        <v>623</v>
      </c>
      <c r="X20" s="195">
        <v>623</v>
      </c>
    </row>
    <row r="21" spans="2:24" ht="21" customHeight="1" x14ac:dyDescent="0.2">
      <c r="B21" s="106" t="s">
        <v>19</v>
      </c>
      <c r="C21" s="191">
        <v>0</v>
      </c>
      <c r="D21" s="191">
        <v>0</v>
      </c>
      <c r="E21" s="196">
        <v>0</v>
      </c>
      <c r="F21" s="193">
        <v>0</v>
      </c>
      <c r="G21" s="191">
        <v>987</v>
      </c>
      <c r="H21" s="191">
        <v>896</v>
      </c>
      <c r="I21" s="191">
        <v>464</v>
      </c>
      <c r="J21" s="191">
        <v>269</v>
      </c>
      <c r="K21" s="191">
        <v>115</v>
      </c>
      <c r="L21" s="196">
        <v>2731</v>
      </c>
      <c r="M21" s="195">
        <v>2731</v>
      </c>
      <c r="N21" s="191">
        <v>0</v>
      </c>
      <c r="O21" s="191">
        <v>0</v>
      </c>
      <c r="P21" s="196">
        <v>0</v>
      </c>
      <c r="Q21" s="193">
        <v>0</v>
      </c>
      <c r="R21" s="191">
        <v>86</v>
      </c>
      <c r="S21" s="191">
        <v>176</v>
      </c>
      <c r="T21" s="191">
        <v>208</v>
      </c>
      <c r="U21" s="191">
        <v>42</v>
      </c>
      <c r="V21" s="191">
        <v>57</v>
      </c>
      <c r="W21" s="196">
        <v>569</v>
      </c>
      <c r="X21" s="195">
        <v>569</v>
      </c>
    </row>
    <row r="22" spans="2:24" ht="21" customHeight="1" x14ac:dyDescent="0.2">
      <c r="B22" s="106" t="s">
        <v>20</v>
      </c>
      <c r="C22" s="191">
        <v>0</v>
      </c>
      <c r="D22" s="191">
        <v>0</v>
      </c>
      <c r="E22" s="196">
        <v>0</v>
      </c>
      <c r="F22" s="193">
        <v>0</v>
      </c>
      <c r="G22" s="191">
        <v>1277</v>
      </c>
      <c r="H22" s="191">
        <v>812</v>
      </c>
      <c r="I22" s="191">
        <v>501</v>
      </c>
      <c r="J22" s="191">
        <v>192</v>
      </c>
      <c r="K22" s="191">
        <v>71</v>
      </c>
      <c r="L22" s="196">
        <v>2853</v>
      </c>
      <c r="M22" s="195">
        <v>2853</v>
      </c>
      <c r="N22" s="191">
        <v>0</v>
      </c>
      <c r="O22" s="191">
        <v>0</v>
      </c>
      <c r="P22" s="196">
        <v>0</v>
      </c>
      <c r="Q22" s="193">
        <v>0</v>
      </c>
      <c r="R22" s="191">
        <v>37</v>
      </c>
      <c r="S22" s="191">
        <v>0</v>
      </c>
      <c r="T22" s="191">
        <v>58</v>
      </c>
      <c r="U22" s="191">
        <v>12</v>
      </c>
      <c r="V22" s="191">
        <v>22</v>
      </c>
      <c r="W22" s="196">
        <v>129</v>
      </c>
      <c r="X22" s="195">
        <v>129</v>
      </c>
    </row>
    <row r="23" spans="2:24" ht="21" customHeight="1" x14ac:dyDescent="0.2">
      <c r="B23" s="106" t="s">
        <v>21</v>
      </c>
      <c r="C23" s="191">
        <v>0</v>
      </c>
      <c r="D23" s="191">
        <v>0</v>
      </c>
      <c r="E23" s="196">
        <v>0</v>
      </c>
      <c r="F23" s="193">
        <v>0</v>
      </c>
      <c r="G23" s="191">
        <v>1670</v>
      </c>
      <c r="H23" s="191">
        <v>1337</v>
      </c>
      <c r="I23" s="191">
        <v>757</v>
      </c>
      <c r="J23" s="191">
        <v>280</v>
      </c>
      <c r="K23" s="191">
        <v>141</v>
      </c>
      <c r="L23" s="196">
        <v>4185</v>
      </c>
      <c r="M23" s="195">
        <v>4185</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894</v>
      </c>
      <c r="H24" s="191">
        <v>921</v>
      </c>
      <c r="I24" s="191">
        <v>581</v>
      </c>
      <c r="J24" s="191">
        <v>291</v>
      </c>
      <c r="K24" s="191">
        <v>51</v>
      </c>
      <c r="L24" s="196">
        <v>2738</v>
      </c>
      <c r="M24" s="195">
        <v>2738</v>
      </c>
      <c r="N24" s="191">
        <v>0</v>
      </c>
      <c r="O24" s="191">
        <v>0</v>
      </c>
      <c r="P24" s="196">
        <v>0</v>
      </c>
      <c r="Q24" s="193">
        <v>0</v>
      </c>
      <c r="R24" s="191">
        <v>10</v>
      </c>
      <c r="S24" s="191">
        <v>9</v>
      </c>
      <c r="T24" s="191">
        <v>78</v>
      </c>
      <c r="U24" s="191">
        <v>28</v>
      </c>
      <c r="V24" s="191">
        <v>12</v>
      </c>
      <c r="W24" s="196">
        <v>137</v>
      </c>
      <c r="X24" s="195">
        <v>137</v>
      </c>
    </row>
    <row r="25" spans="2:24" ht="21" customHeight="1" x14ac:dyDescent="0.2">
      <c r="B25" s="106" t="s">
        <v>23</v>
      </c>
      <c r="C25" s="191">
        <v>0</v>
      </c>
      <c r="D25" s="191">
        <v>0</v>
      </c>
      <c r="E25" s="196">
        <v>0</v>
      </c>
      <c r="F25" s="193">
        <v>0</v>
      </c>
      <c r="G25" s="191">
        <v>556</v>
      </c>
      <c r="H25" s="191">
        <v>570</v>
      </c>
      <c r="I25" s="191">
        <v>334</v>
      </c>
      <c r="J25" s="191">
        <v>220</v>
      </c>
      <c r="K25" s="191">
        <v>79</v>
      </c>
      <c r="L25" s="196">
        <v>1759</v>
      </c>
      <c r="M25" s="195">
        <v>1759</v>
      </c>
      <c r="N25" s="191">
        <v>0</v>
      </c>
      <c r="O25" s="191">
        <v>0</v>
      </c>
      <c r="P25" s="196">
        <v>0</v>
      </c>
      <c r="Q25" s="193">
        <v>0</v>
      </c>
      <c r="R25" s="191">
        <v>0</v>
      </c>
      <c r="S25" s="191">
        <v>0</v>
      </c>
      <c r="T25" s="191">
        <v>21</v>
      </c>
      <c r="U25" s="191">
        <v>21</v>
      </c>
      <c r="V25" s="191">
        <v>0</v>
      </c>
      <c r="W25" s="196">
        <v>42</v>
      </c>
      <c r="X25" s="195">
        <v>42</v>
      </c>
    </row>
    <row r="26" spans="2:24" ht="21" customHeight="1" x14ac:dyDescent="0.2">
      <c r="B26" s="106" t="s">
        <v>24</v>
      </c>
      <c r="C26" s="191">
        <v>0</v>
      </c>
      <c r="D26" s="191">
        <v>0</v>
      </c>
      <c r="E26" s="196">
        <v>0</v>
      </c>
      <c r="F26" s="193">
        <v>0</v>
      </c>
      <c r="G26" s="191">
        <v>198</v>
      </c>
      <c r="H26" s="191">
        <v>159</v>
      </c>
      <c r="I26" s="191">
        <v>127</v>
      </c>
      <c r="J26" s="191">
        <v>49</v>
      </c>
      <c r="K26" s="191">
        <v>4</v>
      </c>
      <c r="L26" s="196">
        <v>537</v>
      </c>
      <c r="M26" s="195">
        <v>537</v>
      </c>
      <c r="N26" s="191">
        <v>0</v>
      </c>
      <c r="O26" s="191">
        <v>0</v>
      </c>
      <c r="P26" s="196">
        <v>0</v>
      </c>
      <c r="Q26" s="193">
        <v>0</v>
      </c>
      <c r="R26" s="191">
        <v>43</v>
      </c>
      <c r="S26" s="191">
        <v>52</v>
      </c>
      <c r="T26" s="191">
        <v>27</v>
      </c>
      <c r="U26" s="191">
        <v>27</v>
      </c>
      <c r="V26" s="191">
        <v>6</v>
      </c>
      <c r="W26" s="196">
        <v>155</v>
      </c>
      <c r="X26" s="195">
        <v>155</v>
      </c>
    </row>
    <row r="27" spans="2:24" ht="21" customHeight="1" x14ac:dyDescent="0.2">
      <c r="B27" s="106" t="s">
        <v>25</v>
      </c>
      <c r="C27" s="191">
        <v>0</v>
      </c>
      <c r="D27" s="191">
        <v>0</v>
      </c>
      <c r="E27" s="196">
        <v>0</v>
      </c>
      <c r="F27" s="193">
        <v>0</v>
      </c>
      <c r="G27" s="191">
        <v>665</v>
      </c>
      <c r="H27" s="191">
        <v>317</v>
      </c>
      <c r="I27" s="191">
        <v>159</v>
      </c>
      <c r="J27" s="191">
        <v>51</v>
      </c>
      <c r="K27" s="191">
        <v>2</v>
      </c>
      <c r="L27" s="196">
        <v>1194</v>
      </c>
      <c r="M27" s="195">
        <v>1194</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48</v>
      </c>
      <c r="H28" s="191">
        <v>353</v>
      </c>
      <c r="I28" s="191">
        <v>324</v>
      </c>
      <c r="J28" s="191">
        <v>98</v>
      </c>
      <c r="K28" s="191">
        <v>71</v>
      </c>
      <c r="L28" s="196">
        <v>1194</v>
      </c>
      <c r="M28" s="195">
        <v>1194</v>
      </c>
      <c r="N28" s="191">
        <v>0</v>
      </c>
      <c r="O28" s="191">
        <v>0</v>
      </c>
      <c r="P28" s="196">
        <v>0</v>
      </c>
      <c r="Q28" s="193">
        <v>0</v>
      </c>
      <c r="R28" s="191">
        <v>0</v>
      </c>
      <c r="S28" s="191">
        <v>21</v>
      </c>
      <c r="T28" s="191">
        <v>16</v>
      </c>
      <c r="U28" s="191">
        <v>0</v>
      </c>
      <c r="V28" s="191">
        <v>19</v>
      </c>
      <c r="W28" s="196">
        <v>56</v>
      </c>
      <c r="X28" s="195">
        <v>56</v>
      </c>
    </row>
    <row r="29" spans="2:24" ht="21" customHeight="1" x14ac:dyDescent="0.2">
      <c r="B29" s="106" t="s">
        <v>27</v>
      </c>
      <c r="C29" s="191">
        <v>0</v>
      </c>
      <c r="D29" s="191">
        <v>0</v>
      </c>
      <c r="E29" s="196">
        <v>0</v>
      </c>
      <c r="F29" s="193">
        <v>0</v>
      </c>
      <c r="G29" s="191">
        <v>265</v>
      </c>
      <c r="H29" s="191">
        <v>111</v>
      </c>
      <c r="I29" s="191">
        <v>70</v>
      </c>
      <c r="J29" s="191">
        <v>15</v>
      </c>
      <c r="K29" s="191">
        <v>0</v>
      </c>
      <c r="L29" s="196">
        <v>461</v>
      </c>
      <c r="M29" s="195">
        <v>461</v>
      </c>
      <c r="N29" s="191">
        <v>0</v>
      </c>
      <c r="O29" s="191">
        <v>0</v>
      </c>
      <c r="P29" s="196">
        <v>0</v>
      </c>
      <c r="Q29" s="193">
        <v>0</v>
      </c>
      <c r="R29" s="191">
        <v>11</v>
      </c>
      <c r="S29" s="191">
        <v>6</v>
      </c>
      <c r="T29" s="191">
        <v>26</v>
      </c>
      <c r="U29" s="191">
        <v>16</v>
      </c>
      <c r="V29" s="191">
        <v>13</v>
      </c>
      <c r="W29" s="196">
        <v>72</v>
      </c>
      <c r="X29" s="195">
        <v>72</v>
      </c>
    </row>
    <row r="30" spans="2:24" ht="21" customHeight="1" x14ac:dyDescent="0.2">
      <c r="B30" s="106" t="s">
        <v>28</v>
      </c>
      <c r="C30" s="191">
        <v>0</v>
      </c>
      <c r="D30" s="191">
        <v>0</v>
      </c>
      <c r="E30" s="196">
        <v>0</v>
      </c>
      <c r="F30" s="193">
        <v>0</v>
      </c>
      <c r="G30" s="191">
        <v>224</v>
      </c>
      <c r="H30" s="191">
        <v>94</v>
      </c>
      <c r="I30" s="191">
        <v>59</v>
      </c>
      <c r="J30" s="191">
        <v>26</v>
      </c>
      <c r="K30" s="191">
        <v>4</v>
      </c>
      <c r="L30" s="196">
        <v>407</v>
      </c>
      <c r="M30" s="195">
        <v>407</v>
      </c>
      <c r="N30" s="191">
        <v>0</v>
      </c>
      <c r="O30" s="191">
        <v>0</v>
      </c>
      <c r="P30" s="196">
        <v>0</v>
      </c>
      <c r="Q30" s="193">
        <v>0</v>
      </c>
      <c r="R30" s="191">
        <v>29</v>
      </c>
      <c r="S30" s="191">
        <v>17</v>
      </c>
      <c r="T30" s="191">
        <v>9</v>
      </c>
      <c r="U30" s="191">
        <v>23</v>
      </c>
      <c r="V30" s="191">
        <v>0</v>
      </c>
      <c r="W30" s="196">
        <v>78</v>
      </c>
      <c r="X30" s="195">
        <v>78</v>
      </c>
    </row>
    <row r="31" spans="2:24" ht="21" customHeight="1" x14ac:dyDescent="0.2">
      <c r="B31" s="106" t="s">
        <v>29</v>
      </c>
      <c r="C31" s="191">
        <v>0</v>
      </c>
      <c r="D31" s="191">
        <v>0</v>
      </c>
      <c r="E31" s="196">
        <v>0</v>
      </c>
      <c r="F31" s="193">
        <v>0</v>
      </c>
      <c r="G31" s="191">
        <v>102</v>
      </c>
      <c r="H31" s="191">
        <v>141</v>
      </c>
      <c r="I31" s="191">
        <v>93</v>
      </c>
      <c r="J31" s="191">
        <v>20</v>
      </c>
      <c r="K31" s="191">
        <v>0</v>
      </c>
      <c r="L31" s="196">
        <v>356</v>
      </c>
      <c r="M31" s="195">
        <v>356</v>
      </c>
      <c r="N31" s="191">
        <v>0</v>
      </c>
      <c r="O31" s="191">
        <v>0</v>
      </c>
      <c r="P31" s="196">
        <v>0</v>
      </c>
      <c r="Q31" s="193">
        <v>0</v>
      </c>
      <c r="R31" s="191">
        <v>17</v>
      </c>
      <c r="S31" s="191">
        <v>9</v>
      </c>
      <c r="T31" s="191">
        <v>24</v>
      </c>
      <c r="U31" s="191">
        <v>0</v>
      </c>
      <c r="V31" s="191">
        <v>0</v>
      </c>
      <c r="W31" s="196">
        <v>50</v>
      </c>
      <c r="X31" s="195">
        <v>50</v>
      </c>
    </row>
    <row r="32" spans="2:24" ht="21" customHeight="1" x14ac:dyDescent="0.2">
      <c r="B32" s="106" t="s">
        <v>30</v>
      </c>
      <c r="C32" s="191">
        <v>0</v>
      </c>
      <c r="D32" s="191">
        <v>0</v>
      </c>
      <c r="E32" s="196">
        <v>0</v>
      </c>
      <c r="F32" s="193">
        <v>0</v>
      </c>
      <c r="G32" s="191">
        <v>220</v>
      </c>
      <c r="H32" s="191">
        <v>82</v>
      </c>
      <c r="I32" s="191">
        <v>64</v>
      </c>
      <c r="J32" s="191">
        <v>65</v>
      </c>
      <c r="K32" s="191">
        <v>6</v>
      </c>
      <c r="L32" s="196">
        <v>437</v>
      </c>
      <c r="M32" s="195">
        <v>437</v>
      </c>
      <c r="N32" s="191">
        <v>0</v>
      </c>
      <c r="O32" s="191">
        <v>0</v>
      </c>
      <c r="P32" s="196">
        <v>0</v>
      </c>
      <c r="Q32" s="193">
        <v>0</v>
      </c>
      <c r="R32" s="191">
        <v>4</v>
      </c>
      <c r="S32" s="191">
        <v>28</v>
      </c>
      <c r="T32" s="191">
        <v>0</v>
      </c>
      <c r="U32" s="191">
        <v>0</v>
      </c>
      <c r="V32" s="191">
        <v>0</v>
      </c>
      <c r="W32" s="196">
        <v>32</v>
      </c>
      <c r="X32" s="195">
        <v>32</v>
      </c>
    </row>
    <row r="33" spans="2:24" ht="21" customHeight="1" x14ac:dyDescent="0.2">
      <c r="B33" s="106" t="s">
        <v>31</v>
      </c>
      <c r="C33" s="191">
        <v>0</v>
      </c>
      <c r="D33" s="191">
        <v>0</v>
      </c>
      <c r="E33" s="196">
        <v>0</v>
      </c>
      <c r="F33" s="193">
        <v>0</v>
      </c>
      <c r="G33" s="191">
        <v>171</v>
      </c>
      <c r="H33" s="191">
        <v>108</v>
      </c>
      <c r="I33" s="191">
        <v>100</v>
      </c>
      <c r="J33" s="191">
        <v>4</v>
      </c>
      <c r="K33" s="191">
        <v>0</v>
      </c>
      <c r="L33" s="196">
        <v>383</v>
      </c>
      <c r="M33" s="195">
        <v>383</v>
      </c>
      <c r="N33" s="191">
        <v>0</v>
      </c>
      <c r="O33" s="191">
        <v>0</v>
      </c>
      <c r="P33" s="196">
        <v>0</v>
      </c>
      <c r="Q33" s="193">
        <v>0</v>
      </c>
      <c r="R33" s="191">
        <v>0</v>
      </c>
      <c r="S33" s="191">
        <v>7</v>
      </c>
      <c r="T33" s="191">
        <v>4</v>
      </c>
      <c r="U33" s="191">
        <v>16</v>
      </c>
      <c r="V33" s="191">
        <v>0</v>
      </c>
      <c r="W33" s="196">
        <v>27</v>
      </c>
      <c r="X33" s="195">
        <v>27</v>
      </c>
    </row>
    <row r="34" spans="2:24" ht="21" customHeight="1" x14ac:dyDescent="0.2">
      <c r="B34" s="106" t="s">
        <v>32</v>
      </c>
      <c r="C34" s="191">
        <v>0</v>
      </c>
      <c r="D34" s="191">
        <v>0</v>
      </c>
      <c r="E34" s="196">
        <v>0</v>
      </c>
      <c r="F34" s="193">
        <v>0</v>
      </c>
      <c r="G34" s="191">
        <v>351</v>
      </c>
      <c r="H34" s="191">
        <v>272</v>
      </c>
      <c r="I34" s="191">
        <v>26</v>
      </c>
      <c r="J34" s="191">
        <v>38</v>
      </c>
      <c r="K34" s="191">
        <v>18</v>
      </c>
      <c r="L34" s="196">
        <v>705</v>
      </c>
      <c r="M34" s="195">
        <v>705</v>
      </c>
      <c r="N34" s="191">
        <v>0</v>
      </c>
      <c r="O34" s="191">
        <v>0</v>
      </c>
      <c r="P34" s="196">
        <v>0</v>
      </c>
      <c r="Q34" s="193">
        <v>0</v>
      </c>
      <c r="R34" s="191">
        <v>54</v>
      </c>
      <c r="S34" s="191">
        <v>9</v>
      </c>
      <c r="T34" s="191">
        <v>8</v>
      </c>
      <c r="U34" s="191">
        <v>0</v>
      </c>
      <c r="V34" s="191">
        <v>11</v>
      </c>
      <c r="W34" s="196">
        <v>82</v>
      </c>
      <c r="X34" s="195">
        <v>82</v>
      </c>
    </row>
    <row r="35" spans="2:24" ht="21" customHeight="1" x14ac:dyDescent="0.2">
      <c r="B35" s="106" t="s">
        <v>33</v>
      </c>
      <c r="C35" s="191">
        <v>0</v>
      </c>
      <c r="D35" s="191">
        <v>0</v>
      </c>
      <c r="E35" s="196">
        <v>0</v>
      </c>
      <c r="F35" s="193">
        <v>0</v>
      </c>
      <c r="G35" s="191">
        <v>156</v>
      </c>
      <c r="H35" s="191">
        <v>123</v>
      </c>
      <c r="I35" s="191">
        <v>54</v>
      </c>
      <c r="J35" s="191">
        <v>49</v>
      </c>
      <c r="K35" s="191">
        <v>9</v>
      </c>
      <c r="L35" s="196">
        <v>391</v>
      </c>
      <c r="M35" s="195">
        <v>391</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79</v>
      </c>
      <c r="H36" s="191">
        <v>41</v>
      </c>
      <c r="I36" s="191">
        <v>24</v>
      </c>
      <c r="J36" s="191">
        <v>13</v>
      </c>
      <c r="K36" s="191">
        <v>0</v>
      </c>
      <c r="L36" s="196">
        <v>157</v>
      </c>
      <c r="M36" s="195">
        <v>157</v>
      </c>
      <c r="N36" s="191">
        <v>0</v>
      </c>
      <c r="O36" s="191">
        <v>0</v>
      </c>
      <c r="P36" s="196">
        <v>0</v>
      </c>
      <c r="Q36" s="193">
        <v>0</v>
      </c>
      <c r="R36" s="191">
        <v>0</v>
      </c>
      <c r="S36" s="191">
        <v>0</v>
      </c>
      <c r="T36" s="191">
        <v>0</v>
      </c>
      <c r="U36" s="191">
        <v>0</v>
      </c>
      <c r="V36" s="191">
        <v>9</v>
      </c>
      <c r="W36" s="196">
        <v>9</v>
      </c>
      <c r="X36" s="195">
        <v>9</v>
      </c>
    </row>
    <row r="37" spans="2:24" ht="21" customHeight="1" x14ac:dyDescent="0.2">
      <c r="B37" s="106" t="s">
        <v>35</v>
      </c>
      <c r="C37" s="191">
        <v>0</v>
      </c>
      <c r="D37" s="191">
        <v>0</v>
      </c>
      <c r="E37" s="196">
        <v>0</v>
      </c>
      <c r="F37" s="193">
        <v>0</v>
      </c>
      <c r="G37" s="191">
        <v>160</v>
      </c>
      <c r="H37" s="191">
        <v>145</v>
      </c>
      <c r="I37" s="191">
        <v>123</v>
      </c>
      <c r="J37" s="191">
        <v>90</v>
      </c>
      <c r="K37" s="191">
        <v>29</v>
      </c>
      <c r="L37" s="196">
        <v>547</v>
      </c>
      <c r="M37" s="195">
        <v>547</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95</v>
      </c>
      <c r="H38" s="191">
        <v>315</v>
      </c>
      <c r="I38" s="191">
        <v>517</v>
      </c>
      <c r="J38" s="191">
        <v>212</v>
      </c>
      <c r="K38" s="191">
        <v>257</v>
      </c>
      <c r="L38" s="196">
        <v>1896</v>
      </c>
      <c r="M38" s="195">
        <v>1896</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03</v>
      </c>
      <c r="H39" s="198">
        <v>66</v>
      </c>
      <c r="I39" s="198">
        <v>82</v>
      </c>
      <c r="J39" s="198">
        <v>0</v>
      </c>
      <c r="K39" s="198">
        <v>26</v>
      </c>
      <c r="L39" s="203">
        <v>277</v>
      </c>
      <c r="M39" s="202">
        <v>277</v>
      </c>
      <c r="N39" s="198">
        <v>0</v>
      </c>
      <c r="O39" s="198">
        <v>0</v>
      </c>
      <c r="P39" s="203">
        <v>0</v>
      </c>
      <c r="Q39" s="200">
        <v>0</v>
      </c>
      <c r="R39" s="198">
        <v>4</v>
      </c>
      <c r="S39" s="198">
        <v>0</v>
      </c>
      <c r="T39" s="198">
        <v>0</v>
      </c>
      <c r="U39" s="198">
        <v>3</v>
      </c>
      <c r="V39" s="198">
        <v>0</v>
      </c>
      <c r="W39" s="203">
        <v>7</v>
      </c>
      <c r="X39" s="202">
        <v>7</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6">
        <f>第１表!F2</f>
        <v>6</v>
      </c>
      <c r="I1" s="446"/>
      <c r="J1" s="18">
        <f>第１表!G2</f>
        <v>5</v>
      </c>
      <c r="K1" s="451">
        <f>IF(J1&lt;3,J1+12-2,J1-2)</f>
        <v>3</v>
      </c>
      <c r="L1" s="451"/>
    </row>
    <row r="2" spans="2:24" ht="24" customHeight="1" thickBot="1" x14ac:dyDescent="0.25">
      <c r="B2" s="142" t="s">
        <v>132</v>
      </c>
    </row>
    <row r="3" spans="2:24" ht="21" customHeight="1" x14ac:dyDescent="0.2">
      <c r="B3" s="469"/>
      <c r="C3" s="470" t="s">
        <v>140</v>
      </c>
      <c r="D3" s="470"/>
      <c r="E3" s="470"/>
      <c r="F3" s="470"/>
      <c r="G3" s="470"/>
      <c r="H3" s="470"/>
      <c r="I3" s="470"/>
      <c r="J3" s="470"/>
      <c r="K3" s="470"/>
      <c r="L3" s="470"/>
      <c r="M3" s="500"/>
      <c r="N3" s="470" t="s">
        <v>112</v>
      </c>
      <c r="O3" s="470"/>
      <c r="P3" s="470"/>
      <c r="Q3" s="470"/>
      <c r="R3" s="470"/>
      <c r="S3" s="470"/>
      <c r="T3" s="470"/>
      <c r="U3" s="470"/>
      <c r="V3" s="470"/>
      <c r="W3" s="470"/>
      <c r="X3" s="500"/>
    </row>
    <row r="4" spans="2:24" ht="21" customHeight="1" x14ac:dyDescent="0.2">
      <c r="B4" s="506"/>
      <c r="C4" s="501" t="s">
        <v>61</v>
      </c>
      <c r="D4" s="501"/>
      <c r="E4" s="502"/>
      <c r="F4" s="503" t="s">
        <v>62</v>
      </c>
      <c r="G4" s="501"/>
      <c r="H4" s="501"/>
      <c r="I4" s="501"/>
      <c r="J4" s="501"/>
      <c r="K4" s="501"/>
      <c r="L4" s="504"/>
      <c r="M4" s="505" t="s">
        <v>52</v>
      </c>
      <c r="N4" s="501" t="s">
        <v>61</v>
      </c>
      <c r="O4" s="501"/>
      <c r="P4" s="502"/>
      <c r="Q4" s="503" t="s">
        <v>62</v>
      </c>
      <c r="R4" s="501"/>
      <c r="S4" s="501"/>
      <c r="T4" s="501"/>
      <c r="U4" s="501"/>
      <c r="V4" s="501"/>
      <c r="W4" s="504"/>
      <c r="X4" s="505" t="s">
        <v>52</v>
      </c>
    </row>
    <row r="5" spans="2:24" ht="30" customHeight="1" thickBot="1" x14ac:dyDescent="0.25">
      <c r="B5" s="507"/>
      <c r="C5" s="178" t="s">
        <v>43</v>
      </c>
      <c r="D5" s="178" t="s">
        <v>44</v>
      </c>
      <c r="E5" s="182" t="s">
        <v>45</v>
      </c>
      <c r="F5" s="180" t="s">
        <v>83</v>
      </c>
      <c r="G5" s="178" t="s">
        <v>47</v>
      </c>
      <c r="H5" s="178" t="s">
        <v>48</v>
      </c>
      <c r="I5" s="178" t="s">
        <v>49</v>
      </c>
      <c r="J5" s="178" t="s">
        <v>50</v>
      </c>
      <c r="K5" s="178" t="s">
        <v>51</v>
      </c>
      <c r="L5" s="182" t="s">
        <v>45</v>
      </c>
      <c r="M5" s="474"/>
      <c r="N5" s="178" t="s">
        <v>43</v>
      </c>
      <c r="O5" s="178" t="s">
        <v>44</v>
      </c>
      <c r="P5" s="182" t="s">
        <v>45</v>
      </c>
      <c r="Q5" s="180" t="s">
        <v>83</v>
      </c>
      <c r="R5" s="178" t="s">
        <v>47</v>
      </c>
      <c r="S5" s="178" t="s">
        <v>48</v>
      </c>
      <c r="T5" s="178" t="s">
        <v>49</v>
      </c>
      <c r="U5" s="178" t="s">
        <v>50</v>
      </c>
      <c r="V5" s="178" t="s">
        <v>51</v>
      </c>
      <c r="W5" s="182" t="s">
        <v>45</v>
      </c>
      <c r="X5" s="474"/>
    </row>
    <row r="6" spans="2:24" ht="21" customHeight="1" x14ac:dyDescent="0.2">
      <c r="B6" s="84" t="s">
        <v>4</v>
      </c>
      <c r="C6" s="184">
        <v>0</v>
      </c>
      <c r="D6" s="184">
        <v>0</v>
      </c>
      <c r="E6" s="189">
        <v>0</v>
      </c>
      <c r="F6" s="186">
        <v>0</v>
      </c>
      <c r="G6" s="184">
        <v>6369</v>
      </c>
      <c r="H6" s="184">
        <v>6359</v>
      </c>
      <c r="I6" s="184">
        <v>3354</v>
      </c>
      <c r="J6" s="184">
        <v>1389</v>
      </c>
      <c r="K6" s="184">
        <v>543</v>
      </c>
      <c r="L6" s="189">
        <v>18014</v>
      </c>
      <c r="M6" s="188">
        <v>18014</v>
      </c>
      <c r="N6" s="184">
        <v>3</v>
      </c>
      <c r="O6" s="184">
        <v>10</v>
      </c>
      <c r="P6" s="189">
        <v>13</v>
      </c>
      <c r="Q6" s="186">
        <v>0</v>
      </c>
      <c r="R6" s="184">
        <v>470</v>
      </c>
      <c r="S6" s="184">
        <v>653</v>
      </c>
      <c r="T6" s="184">
        <v>780</v>
      </c>
      <c r="U6" s="184">
        <v>474</v>
      </c>
      <c r="V6" s="184">
        <v>169</v>
      </c>
      <c r="W6" s="189">
        <v>2546</v>
      </c>
      <c r="X6" s="188">
        <v>2559</v>
      </c>
    </row>
    <row r="7" spans="2:24" ht="21" customHeight="1" x14ac:dyDescent="0.2">
      <c r="B7" s="95" t="s">
        <v>5</v>
      </c>
      <c r="C7" s="191">
        <v>0</v>
      </c>
      <c r="D7" s="191">
        <v>0</v>
      </c>
      <c r="E7" s="196">
        <v>0</v>
      </c>
      <c r="F7" s="193">
        <v>0</v>
      </c>
      <c r="G7" s="191">
        <v>2494</v>
      </c>
      <c r="H7" s="191">
        <v>3173</v>
      </c>
      <c r="I7" s="191">
        <v>1770</v>
      </c>
      <c r="J7" s="191">
        <v>572</v>
      </c>
      <c r="K7" s="191">
        <v>276</v>
      </c>
      <c r="L7" s="196">
        <v>8285</v>
      </c>
      <c r="M7" s="195">
        <v>8285</v>
      </c>
      <c r="N7" s="191">
        <v>0</v>
      </c>
      <c r="O7" s="191">
        <v>0</v>
      </c>
      <c r="P7" s="196">
        <v>0</v>
      </c>
      <c r="Q7" s="193">
        <v>0</v>
      </c>
      <c r="R7" s="191">
        <v>234</v>
      </c>
      <c r="S7" s="191">
        <v>384</v>
      </c>
      <c r="T7" s="191">
        <v>379</v>
      </c>
      <c r="U7" s="191">
        <v>207</v>
      </c>
      <c r="V7" s="191">
        <v>78</v>
      </c>
      <c r="W7" s="196">
        <v>1282</v>
      </c>
      <c r="X7" s="195">
        <v>1282</v>
      </c>
    </row>
    <row r="8" spans="2:24" ht="21" customHeight="1" x14ac:dyDescent="0.2">
      <c r="B8" s="106" t="s">
        <v>6</v>
      </c>
      <c r="C8" s="191">
        <v>0</v>
      </c>
      <c r="D8" s="191">
        <v>0</v>
      </c>
      <c r="E8" s="196">
        <v>0</v>
      </c>
      <c r="F8" s="193">
        <v>0</v>
      </c>
      <c r="G8" s="191">
        <v>760</v>
      </c>
      <c r="H8" s="191">
        <v>648</v>
      </c>
      <c r="I8" s="191">
        <v>260</v>
      </c>
      <c r="J8" s="191">
        <v>215</v>
      </c>
      <c r="K8" s="191">
        <v>43</v>
      </c>
      <c r="L8" s="196">
        <v>1926</v>
      </c>
      <c r="M8" s="195">
        <v>1926</v>
      </c>
      <c r="N8" s="191">
        <v>0</v>
      </c>
      <c r="O8" s="191">
        <v>0</v>
      </c>
      <c r="P8" s="196">
        <v>0</v>
      </c>
      <c r="Q8" s="193">
        <v>0</v>
      </c>
      <c r="R8" s="191">
        <v>110</v>
      </c>
      <c r="S8" s="191">
        <v>126</v>
      </c>
      <c r="T8" s="191">
        <v>170</v>
      </c>
      <c r="U8" s="191">
        <v>128</v>
      </c>
      <c r="V8" s="191">
        <v>59</v>
      </c>
      <c r="W8" s="196">
        <v>593</v>
      </c>
      <c r="X8" s="195">
        <v>593</v>
      </c>
    </row>
    <row r="9" spans="2:24" ht="21" customHeight="1" x14ac:dyDescent="0.2">
      <c r="B9" s="106" t="s">
        <v>14</v>
      </c>
      <c r="C9" s="191">
        <v>0</v>
      </c>
      <c r="D9" s="191">
        <v>0</v>
      </c>
      <c r="E9" s="196">
        <v>0</v>
      </c>
      <c r="F9" s="193">
        <v>0</v>
      </c>
      <c r="G9" s="191">
        <v>492</v>
      </c>
      <c r="H9" s="191">
        <v>540</v>
      </c>
      <c r="I9" s="191">
        <v>412</v>
      </c>
      <c r="J9" s="191">
        <v>170</v>
      </c>
      <c r="K9" s="191">
        <v>38</v>
      </c>
      <c r="L9" s="196">
        <v>1652</v>
      </c>
      <c r="M9" s="195">
        <v>1652</v>
      </c>
      <c r="N9" s="191">
        <v>0</v>
      </c>
      <c r="O9" s="191">
        <v>0</v>
      </c>
      <c r="P9" s="196">
        <v>0</v>
      </c>
      <c r="Q9" s="193">
        <v>0</v>
      </c>
      <c r="R9" s="191">
        <v>9</v>
      </c>
      <c r="S9" s="191">
        <v>19</v>
      </c>
      <c r="T9" s="191">
        <v>8</v>
      </c>
      <c r="U9" s="191">
        <v>0</v>
      </c>
      <c r="V9" s="191">
        <v>0</v>
      </c>
      <c r="W9" s="196">
        <v>36</v>
      </c>
      <c r="X9" s="195">
        <v>36</v>
      </c>
    </row>
    <row r="10" spans="2:24" ht="21" customHeight="1" x14ac:dyDescent="0.2">
      <c r="B10" s="106" t="s">
        <v>7</v>
      </c>
      <c r="C10" s="191">
        <v>0</v>
      </c>
      <c r="D10" s="191">
        <v>0</v>
      </c>
      <c r="E10" s="196">
        <v>0</v>
      </c>
      <c r="F10" s="193">
        <v>0</v>
      </c>
      <c r="G10" s="191">
        <v>495</v>
      </c>
      <c r="H10" s="191">
        <v>398</v>
      </c>
      <c r="I10" s="191">
        <v>146</v>
      </c>
      <c r="J10" s="191">
        <v>84</v>
      </c>
      <c r="K10" s="191">
        <v>34</v>
      </c>
      <c r="L10" s="196">
        <v>1157</v>
      </c>
      <c r="M10" s="195">
        <v>1157</v>
      </c>
      <c r="N10" s="191">
        <v>0</v>
      </c>
      <c r="O10" s="191">
        <v>0</v>
      </c>
      <c r="P10" s="196">
        <v>0</v>
      </c>
      <c r="Q10" s="193">
        <v>0</v>
      </c>
      <c r="R10" s="191">
        <v>38</v>
      </c>
      <c r="S10" s="191">
        <v>46</v>
      </c>
      <c r="T10" s="191">
        <v>31</v>
      </c>
      <c r="U10" s="191">
        <v>60</v>
      </c>
      <c r="V10" s="191">
        <v>15</v>
      </c>
      <c r="W10" s="196">
        <v>190</v>
      </c>
      <c r="X10" s="195">
        <v>190</v>
      </c>
    </row>
    <row r="11" spans="2:24" ht="21" customHeight="1" x14ac:dyDescent="0.2">
      <c r="B11" s="106" t="s">
        <v>8</v>
      </c>
      <c r="C11" s="191">
        <v>0</v>
      </c>
      <c r="D11" s="191">
        <v>0</v>
      </c>
      <c r="E11" s="196">
        <v>0</v>
      </c>
      <c r="F11" s="193">
        <v>0</v>
      </c>
      <c r="G11" s="191">
        <v>204</v>
      </c>
      <c r="H11" s="191">
        <v>293</v>
      </c>
      <c r="I11" s="191">
        <v>92</v>
      </c>
      <c r="J11" s="191">
        <v>44</v>
      </c>
      <c r="K11" s="191">
        <v>10</v>
      </c>
      <c r="L11" s="196">
        <v>643</v>
      </c>
      <c r="M11" s="195">
        <v>643</v>
      </c>
      <c r="N11" s="191">
        <v>0</v>
      </c>
      <c r="O11" s="191">
        <v>0</v>
      </c>
      <c r="P11" s="196">
        <v>0</v>
      </c>
      <c r="Q11" s="193">
        <v>0</v>
      </c>
      <c r="R11" s="191">
        <v>6</v>
      </c>
      <c r="S11" s="191">
        <v>0</v>
      </c>
      <c r="T11" s="191">
        <v>0</v>
      </c>
      <c r="U11" s="191">
        <v>8</v>
      </c>
      <c r="V11" s="191">
        <v>0</v>
      </c>
      <c r="W11" s="196">
        <v>14</v>
      </c>
      <c r="X11" s="195">
        <v>14</v>
      </c>
    </row>
    <row r="12" spans="2:24" ht="21" customHeight="1" x14ac:dyDescent="0.2">
      <c r="B12" s="106" t="s">
        <v>9</v>
      </c>
      <c r="C12" s="191">
        <v>0</v>
      </c>
      <c r="D12" s="191">
        <v>0</v>
      </c>
      <c r="E12" s="196">
        <v>0</v>
      </c>
      <c r="F12" s="193">
        <v>0</v>
      </c>
      <c r="G12" s="191">
        <v>296</v>
      </c>
      <c r="H12" s="191">
        <v>190</v>
      </c>
      <c r="I12" s="191">
        <v>133</v>
      </c>
      <c r="J12" s="191">
        <v>61</v>
      </c>
      <c r="K12" s="191">
        <v>39</v>
      </c>
      <c r="L12" s="196">
        <v>719</v>
      </c>
      <c r="M12" s="195">
        <v>719</v>
      </c>
      <c r="N12" s="191">
        <v>0</v>
      </c>
      <c r="O12" s="191">
        <v>0</v>
      </c>
      <c r="P12" s="196">
        <v>0</v>
      </c>
      <c r="Q12" s="193">
        <v>0</v>
      </c>
      <c r="R12" s="191">
        <v>0</v>
      </c>
      <c r="S12" s="191">
        <v>0</v>
      </c>
      <c r="T12" s="191">
        <v>0</v>
      </c>
      <c r="U12" s="191">
        <v>0</v>
      </c>
      <c r="V12" s="191">
        <v>13</v>
      </c>
      <c r="W12" s="196">
        <v>13</v>
      </c>
      <c r="X12" s="195">
        <v>13</v>
      </c>
    </row>
    <row r="13" spans="2:24" ht="21" customHeight="1" x14ac:dyDescent="0.2">
      <c r="B13" s="106" t="s">
        <v>10</v>
      </c>
      <c r="C13" s="191">
        <v>0</v>
      </c>
      <c r="D13" s="191">
        <v>0</v>
      </c>
      <c r="E13" s="196">
        <v>0</v>
      </c>
      <c r="F13" s="193">
        <v>0</v>
      </c>
      <c r="G13" s="191">
        <v>289</v>
      </c>
      <c r="H13" s="191">
        <v>116</v>
      </c>
      <c r="I13" s="191">
        <v>87</v>
      </c>
      <c r="J13" s="191">
        <v>59</v>
      </c>
      <c r="K13" s="191">
        <v>24</v>
      </c>
      <c r="L13" s="196">
        <v>575</v>
      </c>
      <c r="M13" s="195">
        <v>575</v>
      </c>
      <c r="N13" s="191">
        <v>0</v>
      </c>
      <c r="O13" s="191">
        <v>0</v>
      </c>
      <c r="P13" s="196">
        <v>0</v>
      </c>
      <c r="Q13" s="193">
        <v>0</v>
      </c>
      <c r="R13" s="191">
        <v>25</v>
      </c>
      <c r="S13" s="191">
        <v>0</v>
      </c>
      <c r="T13" s="191">
        <v>13</v>
      </c>
      <c r="U13" s="191">
        <v>0</v>
      </c>
      <c r="V13" s="191">
        <v>0</v>
      </c>
      <c r="W13" s="196">
        <v>38</v>
      </c>
      <c r="X13" s="195">
        <v>38</v>
      </c>
    </row>
    <row r="14" spans="2:24" ht="21" customHeight="1" x14ac:dyDescent="0.2">
      <c r="B14" s="106" t="s">
        <v>11</v>
      </c>
      <c r="C14" s="191">
        <v>0</v>
      </c>
      <c r="D14" s="191">
        <v>0</v>
      </c>
      <c r="E14" s="196">
        <v>0</v>
      </c>
      <c r="F14" s="193">
        <v>0</v>
      </c>
      <c r="G14" s="191">
        <v>128</v>
      </c>
      <c r="H14" s="191">
        <v>37</v>
      </c>
      <c r="I14" s="191">
        <v>45</v>
      </c>
      <c r="J14" s="191">
        <v>36</v>
      </c>
      <c r="K14" s="191">
        <v>18</v>
      </c>
      <c r="L14" s="196">
        <v>264</v>
      </c>
      <c r="M14" s="195">
        <v>264</v>
      </c>
      <c r="N14" s="191">
        <v>0</v>
      </c>
      <c r="O14" s="191">
        <v>0</v>
      </c>
      <c r="P14" s="196">
        <v>0</v>
      </c>
      <c r="Q14" s="193">
        <v>0</v>
      </c>
      <c r="R14" s="191">
        <v>19</v>
      </c>
      <c r="S14" s="191">
        <v>23</v>
      </c>
      <c r="T14" s="191">
        <v>23</v>
      </c>
      <c r="U14" s="191">
        <v>0</v>
      </c>
      <c r="V14" s="191">
        <v>0</v>
      </c>
      <c r="W14" s="196">
        <v>65</v>
      </c>
      <c r="X14" s="195">
        <v>65</v>
      </c>
    </row>
    <row r="15" spans="2:24" ht="21" customHeight="1" x14ac:dyDescent="0.2">
      <c r="B15" s="106" t="s">
        <v>12</v>
      </c>
      <c r="C15" s="191">
        <v>0</v>
      </c>
      <c r="D15" s="191">
        <v>0</v>
      </c>
      <c r="E15" s="196">
        <v>0</v>
      </c>
      <c r="F15" s="193">
        <v>0</v>
      </c>
      <c r="G15" s="191">
        <v>152</v>
      </c>
      <c r="H15" s="191">
        <v>124</v>
      </c>
      <c r="I15" s="191">
        <v>58</v>
      </c>
      <c r="J15" s="191">
        <v>18</v>
      </c>
      <c r="K15" s="191">
        <v>36</v>
      </c>
      <c r="L15" s="196">
        <v>388</v>
      </c>
      <c r="M15" s="195">
        <v>388</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41</v>
      </c>
      <c r="H16" s="191">
        <v>84</v>
      </c>
      <c r="I16" s="191">
        <v>30</v>
      </c>
      <c r="J16" s="191">
        <v>31</v>
      </c>
      <c r="K16" s="191">
        <v>0</v>
      </c>
      <c r="L16" s="196">
        <v>286</v>
      </c>
      <c r="M16" s="195">
        <v>286</v>
      </c>
      <c r="N16" s="191">
        <v>0</v>
      </c>
      <c r="O16" s="191">
        <v>0</v>
      </c>
      <c r="P16" s="196">
        <v>0</v>
      </c>
      <c r="Q16" s="193">
        <v>0</v>
      </c>
      <c r="R16" s="191">
        <v>0</v>
      </c>
      <c r="S16" s="191">
        <v>11</v>
      </c>
      <c r="T16" s="191">
        <v>32</v>
      </c>
      <c r="U16" s="191">
        <v>0</v>
      </c>
      <c r="V16" s="191">
        <v>4</v>
      </c>
      <c r="W16" s="196">
        <v>47</v>
      </c>
      <c r="X16" s="195">
        <v>47</v>
      </c>
    </row>
    <row r="17" spans="2:24" ht="21" customHeight="1" x14ac:dyDescent="0.2">
      <c r="B17" s="106" t="s">
        <v>15</v>
      </c>
      <c r="C17" s="191">
        <v>0</v>
      </c>
      <c r="D17" s="191">
        <v>0</v>
      </c>
      <c r="E17" s="196">
        <v>0</v>
      </c>
      <c r="F17" s="193">
        <v>0</v>
      </c>
      <c r="G17" s="191">
        <v>53</v>
      </c>
      <c r="H17" s="191">
        <v>44</v>
      </c>
      <c r="I17" s="191">
        <v>6</v>
      </c>
      <c r="J17" s="191">
        <v>13</v>
      </c>
      <c r="K17" s="191">
        <v>0</v>
      </c>
      <c r="L17" s="196">
        <v>116</v>
      </c>
      <c r="M17" s="195">
        <v>116</v>
      </c>
      <c r="N17" s="191">
        <v>0</v>
      </c>
      <c r="O17" s="191">
        <v>10</v>
      </c>
      <c r="P17" s="196">
        <v>10</v>
      </c>
      <c r="Q17" s="193">
        <v>0</v>
      </c>
      <c r="R17" s="191">
        <v>0</v>
      </c>
      <c r="S17" s="191">
        <v>0</v>
      </c>
      <c r="T17" s="191">
        <v>0</v>
      </c>
      <c r="U17" s="191">
        <v>9</v>
      </c>
      <c r="V17" s="191">
        <v>0</v>
      </c>
      <c r="W17" s="196">
        <v>9</v>
      </c>
      <c r="X17" s="195">
        <v>19</v>
      </c>
    </row>
    <row r="18" spans="2:24" ht="21" customHeight="1" x14ac:dyDescent="0.2">
      <c r="B18" s="106" t="s">
        <v>16</v>
      </c>
      <c r="C18" s="191">
        <v>0</v>
      </c>
      <c r="D18" s="191">
        <v>0</v>
      </c>
      <c r="E18" s="196">
        <v>0</v>
      </c>
      <c r="F18" s="193">
        <v>0</v>
      </c>
      <c r="G18" s="191">
        <v>47</v>
      </c>
      <c r="H18" s="191">
        <v>85</v>
      </c>
      <c r="I18" s="191">
        <v>63</v>
      </c>
      <c r="J18" s="191">
        <v>13</v>
      </c>
      <c r="K18" s="191">
        <v>0</v>
      </c>
      <c r="L18" s="196">
        <v>208</v>
      </c>
      <c r="M18" s="195">
        <v>208</v>
      </c>
      <c r="N18" s="191">
        <v>0</v>
      </c>
      <c r="O18" s="191">
        <v>0</v>
      </c>
      <c r="P18" s="196">
        <v>0</v>
      </c>
      <c r="Q18" s="193">
        <v>0</v>
      </c>
      <c r="R18" s="191">
        <v>13</v>
      </c>
      <c r="S18" s="191">
        <v>18</v>
      </c>
      <c r="T18" s="191">
        <v>7</v>
      </c>
      <c r="U18" s="191">
        <v>9</v>
      </c>
      <c r="V18" s="191">
        <v>0</v>
      </c>
      <c r="W18" s="196">
        <v>47</v>
      </c>
      <c r="X18" s="195">
        <v>47</v>
      </c>
    </row>
    <row r="19" spans="2:24" ht="21" customHeight="1" x14ac:dyDescent="0.2">
      <c r="B19" s="106" t="s">
        <v>17</v>
      </c>
      <c r="C19" s="191">
        <v>0</v>
      </c>
      <c r="D19" s="191">
        <v>0</v>
      </c>
      <c r="E19" s="196">
        <v>0</v>
      </c>
      <c r="F19" s="193">
        <v>0</v>
      </c>
      <c r="G19" s="191">
        <v>156</v>
      </c>
      <c r="H19" s="191">
        <v>129</v>
      </c>
      <c r="I19" s="191">
        <v>81</v>
      </c>
      <c r="J19" s="191">
        <v>16</v>
      </c>
      <c r="K19" s="191">
        <v>0</v>
      </c>
      <c r="L19" s="196">
        <v>382</v>
      </c>
      <c r="M19" s="195">
        <v>382</v>
      </c>
      <c r="N19" s="191">
        <v>3</v>
      </c>
      <c r="O19" s="191">
        <v>0</v>
      </c>
      <c r="P19" s="196">
        <v>3</v>
      </c>
      <c r="Q19" s="193">
        <v>0</v>
      </c>
      <c r="R19" s="191">
        <v>4</v>
      </c>
      <c r="S19" s="191">
        <v>5</v>
      </c>
      <c r="T19" s="191">
        <v>0</v>
      </c>
      <c r="U19" s="191">
        <v>0</v>
      </c>
      <c r="V19" s="191">
        <v>0</v>
      </c>
      <c r="W19" s="196">
        <v>9</v>
      </c>
      <c r="X19" s="195">
        <v>12</v>
      </c>
    </row>
    <row r="20" spans="2:24" ht="21" customHeight="1" x14ac:dyDescent="0.2">
      <c r="B20" s="106" t="s">
        <v>18</v>
      </c>
      <c r="C20" s="191">
        <v>0</v>
      </c>
      <c r="D20" s="191">
        <v>0</v>
      </c>
      <c r="E20" s="196">
        <v>0</v>
      </c>
      <c r="F20" s="193">
        <v>0</v>
      </c>
      <c r="G20" s="191">
        <v>147</v>
      </c>
      <c r="H20" s="191">
        <v>130</v>
      </c>
      <c r="I20" s="191">
        <v>25</v>
      </c>
      <c r="J20" s="191">
        <v>0</v>
      </c>
      <c r="K20" s="191">
        <v>0</v>
      </c>
      <c r="L20" s="196">
        <v>302</v>
      </c>
      <c r="M20" s="195">
        <v>302</v>
      </c>
      <c r="N20" s="191">
        <v>0</v>
      </c>
      <c r="O20" s="191">
        <v>0</v>
      </c>
      <c r="P20" s="196">
        <v>0</v>
      </c>
      <c r="Q20" s="193">
        <v>0</v>
      </c>
      <c r="R20" s="191">
        <v>0</v>
      </c>
      <c r="S20" s="191">
        <v>11</v>
      </c>
      <c r="T20" s="191">
        <v>48</v>
      </c>
      <c r="U20" s="191">
        <v>21</v>
      </c>
      <c r="V20" s="191">
        <v>0</v>
      </c>
      <c r="W20" s="196">
        <v>80</v>
      </c>
      <c r="X20" s="195">
        <v>80</v>
      </c>
    </row>
    <row r="21" spans="2:24" ht="21" customHeight="1" x14ac:dyDescent="0.2">
      <c r="B21" s="106" t="s">
        <v>19</v>
      </c>
      <c r="C21" s="191">
        <v>0</v>
      </c>
      <c r="D21" s="191">
        <v>0</v>
      </c>
      <c r="E21" s="196">
        <v>0</v>
      </c>
      <c r="F21" s="193">
        <v>0</v>
      </c>
      <c r="G21" s="191">
        <v>60</v>
      </c>
      <c r="H21" s="191">
        <v>71</v>
      </c>
      <c r="I21" s="191">
        <v>21</v>
      </c>
      <c r="J21" s="191">
        <v>0</v>
      </c>
      <c r="K21" s="191">
        <v>0</v>
      </c>
      <c r="L21" s="196">
        <v>152</v>
      </c>
      <c r="M21" s="195">
        <v>152</v>
      </c>
      <c r="N21" s="191">
        <v>0</v>
      </c>
      <c r="O21" s="191">
        <v>0</v>
      </c>
      <c r="P21" s="196">
        <v>0</v>
      </c>
      <c r="Q21" s="193">
        <v>0</v>
      </c>
      <c r="R21" s="191">
        <v>12</v>
      </c>
      <c r="S21" s="191">
        <v>10</v>
      </c>
      <c r="T21" s="191">
        <v>35</v>
      </c>
      <c r="U21" s="191">
        <v>0</v>
      </c>
      <c r="V21" s="191">
        <v>0</v>
      </c>
      <c r="W21" s="196">
        <v>57</v>
      </c>
      <c r="X21" s="195">
        <v>57</v>
      </c>
    </row>
    <row r="22" spans="2:24" ht="21" customHeight="1" x14ac:dyDescent="0.2">
      <c r="B22" s="106" t="s">
        <v>20</v>
      </c>
      <c r="C22" s="191">
        <v>0</v>
      </c>
      <c r="D22" s="191">
        <v>0</v>
      </c>
      <c r="E22" s="196">
        <v>0</v>
      </c>
      <c r="F22" s="193">
        <v>0</v>
      </c>
      <c r="G22" s="191">
        <v>89</v>
      </c>
      <c r="H22" s="191">
        <v>88</v>
      </c>
      <c r="I22" s="191">
        <v>36</v>
      </c>
      <c r="J22" s="191">
        <v>8</v>
      </c>
      <c r="K22" s="191">
        <v>11</v>
      </c>
      <c r="L22" s="196">
        <v>232</v>
      </c>
      <c r="M22" s="195">
        <v>232</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31</v>
      </c>
      <c r="H23" s="191">
        <v>60</v>
      </c>
      <c r="I23" s="191">
        <v>28</v>
      </c>
      <c r="J23" s="191">
        <v>23</v>
      </c>
      <c r="K23" s="191">
        <v>0</v>
      </c>
      <c r="L23" s="196">
        <v>242</v>
      </c>
      <c r="M23" s="195">
        <v>242</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21</v>
      </c>
      <c r="H24" s="191">
        <v>21</v>
      </c>
      <c r="I24" s="191">
        <v>8</v>
      </c>
      <c r="J24" s="191">
        <v>9</v>
      </c>
      <c r="K24" s="191">
        <v>4</v>
      </c>
      <c r="L24" s="196">
        <v>63</v>
      </c>
      <c r="M24" s="195">
        <v>63</v>
      </c>
      <c r="N24" s="191">
        <v>0</v>
      </c>
      <c r="O24" s="191">
        <v>0</v>
      </c>
      <c r="P24" s="196">
        <v>0</v>
      </c>
      <c r="Q24" s="193">
        <v>0</v>
      </c>
      <c r="R24" s="191">
        <v>0</v>
      </c>
      <c r="S24" s="191">
        <v>0</v>
      </c>
      <c r="T24" s="191">
        <v>14</v>
      </c>
      <c r="U24" s="191">
        <v>0</v>
      </c>
      <c r="V24" s="191">
        <v>0</v>
      </c>
      <c r="W24" s="196">
        <v>14</v>
      </c>
      <c r="X24" s="195">
        <v>14</v>
      </c>
    </row>
    <row r="25" spans="2:24" ht="21" customHeight="1" x14ac:dyDescent="0.2">
      <c r="B25" s="106" t="s">
        <v>23</v>
      </c>
      <c r="C25" s="191">
        <v>0</v>
      </c>
      <c r="D25" s="191">
        <v>0</v>
      </c>
      <c r="E25" s="196">
        <v>0</v>
      </c>
      <c r="F25" s="193">
        <v>0</v>
      </c>
      <c r="G25" s="191">
        <v>31</v>
      </c>
      <c r="H25" s="191">
        <v>23</v>
      </c>
      <c r="I25" s="191">
        <v>4</v>
      </c>
      <c r="J25" s="191">
        <v>0</v>
      </c>
      <c r="K25" s="191">
        <v>0</v>
      </c>
      <c r="L25" s="196">
        <v>58</v>
      </c>
      <c r="M25" s="195">
        <v>58</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4</v>
      </c>
      <c r="H26" s="191">
        <v>8</v>
      </c>
      <c r="I26" s="191">
        <v>17</v>
      </c>
      <c r="J26" s="191">
        <v>0</v>
      </c>
      <c r="K26" s="191">
        <v>0</v>
      </c>
      <c r="L26" s="196">
        <v>29</v>
      </c>
      <c r="M26" s="195">
        <v>29</v>
      </c>
      <c r="N26" s="191">
        <v>0</v>
      </c>
      <c r="O26" s="191">
        <v>0</v>
      </c>
      <c r="P26" s="196">
        <v>0</v>
      </c>
      <c r="Q26" s="193">
        <v>0</v>
      </c>
      <c r="R26" s="191">
        <v>0</v>
      </c>
      <c r="S26" s="191">
        <v>0</v>
      </c>
      <c r="T26" s="191">
        <v>11</v>
      </c>
      <c r="U26" s="191">
        <v>0</v>
      </c>
      <c r="V26" s="191">
        <v>0</v>
      </c>
      <c r="W26" s="196">
        <v>11</v>
      </c>
      <c r="X26" s="195">
        <v>11</v>
      </c>
    </row>
    <row r="27" spans="2:24" ht="21" customHeight="1" x14ac:dyDescent="0.2">
      <c r="B27" s="106" t="s">
        <v>25</v>
      </c>
      <c r="C27" s="191">
        <v>0</v>
      </c>
      <c r="D27" s="191">
        <v>0</v>
      </c>
      <c r="E27" s="196">
        <v>0</v>
      </c>
      <c r="F27" s="193">
        <v>0</v>
      </c>
      <c r="G27" s="191">
        <v>34</v>
      </c>
      <c r="H27" s="191">
        <v>17</v>
      </c>
      <c r="I27" s="191">
        <v>4</v>
      </c>
      <c r="J27" s="191">
        <v>0</v>
      </c>
      <c r="K27" s="191">
        <v>2</v>
      </c>
      <c r="L27" s="196">
        <v>57</v>
      </c>
      <c r="M27" s="195">
        <v>57</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50</v>
      </c>
      <c r="H28" s="191">
        <v>13</v>
      </c>
      <c r="I28" s="191">
        <v>22</v>
      </c>
      <c r="J28" s="191">
        <v>9</v>
      </c>
      <c r="K28" s="191">
        <v>4</v>
      </c>
      <c r="L28" s="196">
        <v>98</v>
      </c>
      <c r="M28" s="195">
        <v>98</v>
      </c>
      <c r="N28" s="191">
        <v>0</v>
      </c>
      <c r="O28" s="191">
        <v>0</v>
      </c>
      <c r="P28" s="196">
        <v>0</v>
      </c>
      <c r="Q28" s="193">
        <v>0</v>
      </c>
      <c r="R28" s="191">
        <v>0</v>
      </c>
      <c r="S28" s="191">
        <v>0</v>
      </c>
      <c r="T28" s="191">
        <v>9</v>
      </c>
      <c r="U28" s="191">
        <v>0</v>
      </c>
      <c r="V28" s="191">
        <v>0</v>
      </c>
      <c r="W28" s="196">
        <v>9</v>
      </c>
      <c r="X28" s="195">
        <v>9</v>
      </c>
    </row>
    <row r="29" spans="2:24" ht="21" customHeight="1" x14ac:dyDescent="0.2">
      <c r="B29" s="106" t="s">
        <v>27</v>
      </c>
      <c r="C29" s="191">
        <v>0</v>
      </c>
      <c r="D29" s="191">
        <v>0</v>
      </c>
      <c r="E29" s="196">
        <v>0</v>
      </c>
      <c r="F29" s="193">
        <v>0</v>
      </c>
      <c r="G29" s="191">
        <v>0</v>
      </c>
      <c r="H29" s="191">
        <v>3</v>
      </c>
      <c r="I29" s="191">
        <v>0</v>
      </c>
      <c r="J29" s="191">
        <v>0</v>
      </c>
      <c r="K29" s="191">
        <v>0</v>
      </c>
      <c r="L29" s="196">
        <v>3</v>
      </c>
      <c r="M29" s="195">
        <v>3</v>
      </c>
      <c r="N29" s="191">
        <v>0</v>
      </c>
      <c r="O29" s="191">
        <v>0</v>
      </c>
      <c r="P29" s="196">
        <v>0</v>
      </c>
      <c r="Q29" s="193">
        <v>0</v>
      </c>
      <c r="R29" s="191">
        <v>0</v>
      </c>
      <c r="S29" s="191">
        <v>0</v>
      </c>
      <c r="T29" s="191">
        <v>0</v>
      </c>
      <c r="U29" s="191">
        <v>16</v>
      </c>
      <c r="V29" s="191">
        <v>0</v>
      </c>
      <c r="W29" s="196">
        <v>16</v>
      </c>
      <c r="X29" s="195">
        <v>16</v>
      </c>
    </row>
    <row r="30" spans="2:24" ht="21" customHeight="1" x14ac:dyDescent="0.2">
      <c r="B30" s="106" t="s">
        <v>28</v>
      </c>
      <c r="C30" s="191">
        <v>0</v>
      </c>
      <c r="D30" s="191">
        <v>0</v>
      </c>
      <c r="E30" s="196">
        <v>0</v>
      </c>
      <c r="F30" s="193">
        <v>0</v>
      </c>
      <c r="G30" s="191">
        <v>33</v>
      </c>
      <c r="H30" s="191">
        <v>0</v>
      </c>
      <c r="I30" s="191">
        <v>0</v>
      </c>
      <c r="J30" s="191">
        <v>0</v>
      </c>
      <c r="K30" s="191">
        <v>0</v>
      </c>
      <c r="L30" s="196">
        <v>33</v>
      </c>
      <c r="M30" s="195">
        <v>33</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4</v>
      </c>
      <c r="I31" s="191">
        <v>6</v>
      </c>
      <c r="J31" s="191">
        <v>0</v>
      </c>
      <c r="K31" s="191">
        <v>0</v>
      </c>
      <c r="L31" s="196">
        <v>20</v>
      </c>
      <c r="M31" s="195">
        <v>20</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9</v>
      </c>
      <c r="H32" s="191">
        <v>0</v>
      </c>
      <c r="I32" s="191">
        <v>0</v>
      </c>
      <c r="J32" s="191">
        <v>0</v>
      </c>
      <c r="K32" s="191">
        <v>0</v>
      </c>
      <c r="L32" s="196">
        <v>9</v>
      </c>
      <c r="M32" s="195">
        <v>9</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4</v>
      </c>
      <c r="I33" s="191">
        <v>0</v>
      </c>
      <c r="J33" s="191">
        <v>0</v>
      </c>
      <c r="K33" s="191">
        <v>0</v>
      </c>
      <c r="L33" s="196">
        <v>4</v>
      </c>
      <c r="M33" s="195">
        <v>4</v>
      </c>
      <c r="N33" s="191">
        <v>0</v>
      </c>
      <c r="O33" s="191">
        <v>0</v>
      </c>
      <c r="P33" s="196">
        <v>0</v>
      </c>
      <c r="Q33" s="193">
        <v>0</v>
      </c>
      <c r="R33" s="191">
        <v>0</v>
      </c>
      <c r="S33" s="191">
        <v>0</v>
      </c>
      <c r="T33" s="191">
        <v>0</v>
      </c>
      <c r="U33" s="191">
        <v>16</v>
      </c>
      <c r="V33" s="191">
        <v>0</v>
      </c>
      <c r="W33" s="196">
        <v>16</v>
      </c>
      <c r="X33" s="195">
        <v>16</v>
      </c>
    </row>
    <row r="34" spans="2:24" ht="21" customHeight="1" x14ac:dyDescent="0.2">
      <c r="B34" s="106" t="s">
        <v>32</v>
      </c>
      <c r="C34" s="191">
        <v>0</v>
      </c>
      <c r="D34" s="191">
        <v>0</v>
      </c>
      <c r="E34" s="196">
        <v>0</v>
      </c>
      <c r="F34" s="193">
        <v>0</v>
      </c>
      <c r="G34" s="191">
        <v>17</v>
      </c>
      <c r="H34" s="191">
        <v>27</v>
      </c>
      <c r="I34" s="191">
        <v>0</v>
      </c>
      <c r="J34" s="191">
        <v>0</v>
      </c>
      <c r="K34" s="191">
        <v>4</v>
      </c>
      <c r="L34" s="196">
        <v>48</v>
      </c>
      <c r="M34" s="195">
        <v>48</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8</v>
      </c>
      <c r="H35" s="191">
        <v>0</v>
      </c>
      <c r="I35" s="191">
        <v>0</v>
      </c>
      <c r="J35" s="191">
        <v>0</v>
      </c>
      <c r="K35" s="191">
        <v>0</v>
      </c>
      <c r="L35" s="196">
        <v>8</v>
      </c>
      <c r="M35" s="195">
        <v>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1</v>
      </c>
      <c r="H36" s="191">
        <v>13</v>
      </c>
      <c r="I36" s="191">
        <v>0</v>
      </c>
      <c r="J36" s="191">
        <v>0</v>
      </c>
      <c r="K36" s="191">
        <v>0</v>
      </c>
      <c r="L36" s="196">
        <v>24</v>
      </c>
      <c r="M36" s="195">
        <v>24</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7</v>
      </c>
      <c r="H38" s="191">
        <v>6</v>
      </c>
      <c r="I38" s="191">
        <v>0</v>
      </c>
      <c r="J38" s="191">
        <v>8</v>
      </c>
      <c r="K38" s="191">
        <v>0</v>
      </c>
      <c r="L38" s="196">
        <v>31</v>
      </c>
      <c r="M38" s="195">
        <v>31</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6">
        <f>第１表!F2</f>
        <v>6</v>
      </c>
      <c r="I1" s="446"/>
      <c r="J1" s="18">
        <f>第１表!G2</f>
        <v>5</v>
      </c>
      <c r="K1" s="451">
        <f>IF(J1&lt;3,J1+12-2,J1-2)</f>
        <v>3</v>
      </c>
      <c r="L1" s="451"/>
    </row>
    <row r="2" spans="2:24" ht="24" customHeight="1" thickBot="1" x14ac:dyDescent="0.25">
      <c r="B2" s="142" t="s">
        <v>152</v>
      </c>
    </row>
    <row r="3" spans="2:24" ht="21" customHeight="1" x14ac:dyDescent="0.2">
      <c r="B3" s="469"/>
      <c r="C3" s="470" t="s">
        <v>139</v>
      </c>
      <c r="D3" s="470"/>
      <c r="E3" s="470"/>
      <c r="F3" s="470"/>
      <c r="G3" s="470"/>
      <c r="H3" s="470"/>
      <c r="I3" s="470"/>
      <c r="J3" s="470"/>
      <c r="K3" s="470"/>
      <c r="L3" s="470"/>
      <c r="M3" s="500"/>
      <c r="N3" s="470" t="s">
        <v>112</v>
      </c>
      <c r="O3" s="470"/>
      <c r="P3" s="470"/>
      <c r="Q3" s="470"/>
      <c r="R3" s="470"/>
      <c r="S3" s="470"/>
      <c r="T3" s="470"/>
      <c r="U3" s="470"/>
      <c r="V3" s="470"/>
      <c r="W3" s="470"/>
      <c r="X3" s="500"/>
    </row>
    <row r="4" spans="2:24" ht="21" customHeight="1" x14ac:dyDescent="0.2">
      <c r="B4" s="506"/>
      <c r="C4" s="501" t="s">
        <v>61</v>
      </c>
      <c r="D4" s="501"/>
      <c r="E4" s="502"/>
      <c r="F4" s="503" t="s">
        <v>62</v>
      </c>
      <c r="G4" s="501"/>
      <c r="H4" s="501"/>
      <c r="I4" s="501"/>
      <c r="J4" s="501"/>
      <c r="K4" s="501"/>
      <c r="L4" s="504"/>
      <c r="M4" s="505" t="s">
        <v>52</v>
      </c>
      <c r="N4" s="501" t="s">
        <v>61</v>
      </c>
      <c r="O4" s="501"/>
      <c r="P4" s="502"/>
      <c r="Q4" s="503" t="s">
        <v>62</v>
      </c>
      <c r="R4" s="501"/>
      <c r="S4" s="501"/>
      <c r="T4" s="501"/>
      <c r="U4" s="501"/>
      <c r="V4" s="501"/>
      <c r="W4" s="504"/>
      <c r="X4" s="505" t="s">
        <v>52</v>
      </c>
    </row>
    <row r="5" spans="2:24" ht="30" customHeight="1" thickBot="1" x14ac:dyDescent="0.25">
      <c r="B5" s="507"/>
      <c r="C5" s="178" t="s">
        <v>43</v>
      </c>
      <c r="D5" s="178" t="s">
        <v>44</v>
      </c>
      <c r="E5" s="182" t="s">
        <v>45</v>
      </c>
      <c r="F5" s="180" t="s">
        <v>83</v>
      </c>
      <c r="G5" s="178" t="s">
        <v>47</v>
      </c>
      <c r="H5" s="178" t="s">
        <v>48</v>
      </c>
      <c r="I5" s="178" t="s">
        <v>49</v>
      </c>
      <c r="J5" s="178" t="s">
        <v>50</v>
      </c>
      <c r="K5" s="178" t="s">
        <v>51</v>
      </c>
      <c r="L5" s="182" t="s">
        <v>45</v>
      </c>
      <c r="M5" s="474"/>
      <c r="N5" s="178" t="s">
        <v>43</v>
      </c>
      <c r="O5" s="178" t="s">
        <v>44</v>
      </c>
      <c r="P5" s="182" t="s">
        <v>45</v>
      </c>
      <c r="Q5" s="180" t="s">
        <v>83</v>
      </c>
      <c r="R5" s="178" t="s">
        <v>47</v>
      </c>
      <c r="S5" s="178" t="s">
        <v>48</v>
      </c>
      <c r="T5" s="178" t="s">
        <v>49</v>
      </c>
      <c r="U5" s="178" t="s">
        <v>50</v>
      </c>
      <c r="V5" s="178" t="s">
        <v>51</v>
      </c>
      <c r="W5" s="182" t="s">
        <v>45</v>
      </c>
      <c r="X5" s="474"/>
    </row>
    <row r="6" spans="2:24" ht="21" customHeight="1" x14ac:dyDescent="0.2">
      <c r="B6" s="84" t="s">
        <v>4</v>
      </c>
      <c r="C6" s="184">
        <v>0</v>
      </c>
      <c r="D6" s="184">
        <v>0</v>
      </c>
      <c r="E6" s="189">
        <v>0</v>
      </c>
      <c r="F6" s="186">
        <v>0</v>
      </c>
      <c r="G6" s="184">
        <v>5432</v>
      </c>
      <c r="H6" s="184">
        <v>5096</v>
      </c>
      <c r="I6" s="184">
        <v>2840</v>
      </c>
      <c r="J6" s="184">
        <v>1228</v>
      </c>
      <c r="K6" s="184">
        <v>509</v>
      </c>
      <c r="L6" s="189">
        <v>15105</v>
      </c>
      <c r="M6" s="188">
        <v>15105</v>
      </c>
      <c r="N6" s="184">
        <v>4</v>
      </c>
      <c r="O6" s="184">
        <v>0</v>
      </c>
      <c r="P6" s="189">
        <v>4</v>
      </c>
      <c r="Q6" s="186">
        <v>0</v>
      </c>
      <c r="R6" s="184">
        <v>324</v>
      </c>
      <c r="S6" s="184">
        <v>510</v>
      </c>
      <c r="T6" s="184">
        <v>722</v>
      </c>
      <c r="U6" s="184">
        <v>219</v>
      </c>
      <c r="V6" s="184">
        <v>196</v>
      </c>
      <c r="W6" s="189">
        <v>1971</v>
      </c>
      <c r="X6" s="188">
        <v>1975</v>
      </c>
    </row>
    <row r="7" spans="2:24" ht="21" customHeight="1" x14ac:dyDescent="0.2">
      <c r="B7" s="95" t="s">
        <v>5</v>
      </c>
      <c r="C7" s="191">
        <v>0</v>
      </c>
      <c r="D7" s="191">
        <v>0</v>
      </c>
      <c r="E7" s="196">
        <v>0</v>
      </c>
      <c r="F7" s="193">
        <v>0</v>
      </c>
      <c r="G7" s="191">
        <v>2069</v>
      </c>
      <c r="H7" s="191">
        <v>2712</v>
      </c>
      <c r="I7" s="191">
        <v>1420</v>
      </c>
      <c r="J7" s="191">
        <v>601</v>
      </c>
      <c r="K7" s="191">
        <v>188</v>
      </c>
      <c r="L7" s="196">
        <v>6990</v>
      </c>
      <c r="M7" s="195">
        <v>6990</v>
      </c>
      <c r="N7" s="191">
        <v>4</v>
      </c>
      <c r="O7" s="191">
        <v>0</v>
      </c>
      <c r="P7" s="196">
        <v>4</v>
      </c>
      <c r="Q7" s="193">
        <v>0</v>
      </c>
      <c r="R7" s="191">
        <v>158</v>
      </c>
      <c r="S7" s="191">
        <v>245</v>
      </c>
      <c r="T7" s="191">
        <v>369</v>
      </c>
      <c r="U7" s="191">
        <v>99</v>
      </c>
      <c r="V7" s="191">
        <v>166</v>
      </c>
      <c r="W7" s="196">
        <v>1037</v>
      </c>
      <c r="X7" s="195">
        <v>1041</v>
      </c>
    </row>
    <row r="8" spans="2:24" ht="21" customHeight="1" x14ac:dyDescent="0.2">
      <c r="B8" s="106" t="s">
        <v>6</v>
      </c>
      <c r="C8" s="191">
        <v>0</v>
      </c>
      <c r="D8" s="191">
        <v>0</v>
      </c>
      <c r="E8" s="196">
        <v>0</v>
      </c>
      <c r="F8" s="193">
        <v>0</v>
      </c>
      <c r="G8" s="191">
        <v>954</v>
      </c>
      <c r="H8" s="191">
        <v>653</v>
      </c>
      <c r="I8" s="191">
        <v>366</v>
      </c>
      <c r="J8" s="191">
        <v>186</v>
      </c>
      <c r="K8" s="191">
        <v>99</v>
      </c>
      <c r="L8" s="196">
        <v>2258</v>
      </c>
      <c r="M8" s="195">
        <v>2258</v>
      </c>
      <c r="N8" s="191">
        <v>0</v>
      </c>
      <c r="O8" s="191">
        <v>0</v>
      </c>
      <c r="P8" s="196">
        <v>0</v>
      </c>
      <c r="Q8" s="193">
        <v>0</v>
      </c>
      <c r="R8" s="191">
        <v>89</v>
      </c>
      <c r="S8" s="191">
        <v>177</v>
      </c>
      <c r="T8" s="191">
        <v>244</v>
      </c>
      <c r="U8" s="191">
        <v>25</v>
      </c>
      <c r="V8" s="191">
        <v>24</v>
      </c>
      <c r="W8" s="196">
        <v>559</v>
      </c>
      <c r="X8" s="195">
        <v>559</v>
      </c>
    </row>
    <row r="9" spans="2:24" ht="21" customHeight="1" x14ac:dyDescent="0.2">
      <c r="B9" s="106" t="s">
        <v>14</v>
      </c>
      <c r="C9" s="191">
        <v>0</v>
      </c>
      <c r="D9" s="191">
        <v>0</v>
      </c>
      <c r="E9" s="196">
        <v>0</v>
      </c>
      <c r="F9" s="193">
        <v>0</v>
      </c>
      <c r="G9" s="191">
        <v>129</v>
      </c>
      <c r="H9" s="191">
        <v>389</v>
      </c>
      <c r="I9" s="191">
        <v>191</v>
      </c>
      <c r="J9" s="191">
        <v>82</v>
      </c>
      <c r="K9" s="191">
        <v>49</v>
      </c>
      <c r="L9" s="196">
        <v>840</v>
      </c>
      <c r="M9" s="195">
        <v>840</v>
      </c>
      <c r="N9" s="191">
        <v>0</v>
      </c>
      <c r="O9" s="191">
        <v>0</v>
      </c>
      <c r="P9" s="196">
        <v>0</v>
      </c>
      <c r="Q9" s="193">
        <v>0</v>
      </c>
      <c r="R9" s="191">
        <v>0</v>
      </c>
      <c r="S9" s="191">
        <v>11</v>
      </c>
      <c r="T9" s="191">
        <v>0</v>
      </c>
      <c r="U9" s="191">
        <v>3</v>
      </c>
      <c r="V9" s="191">
        <v>0</v>
      </c>
      <c r="W9" s="196">
        <v>14</v>
      </c>
      <c r="X9" s="195">
        <v>14</v>
      </c>
    </row>
    <row r="10" spans="2:24" ht="21" customHeight="1" x14ac:dyDescent="0.2">
      <c r="B10" s="106" t="s">
        <v>7</v>
      </c>
      <c r="C10" s="191">
        <v>0</v>
      </c>
      <c r="D10" s="191">
        <v>0</v>
      </c>
      <c r="E10" s="196">
        <v>0</v>
      </c>
      <c r="F10" s="193">
        <v>0</v>
      </c>
      <c r="G10" s="191">
        <v>264</v>
      </c>
      <c r="H10" s="191">
        <v>139</v>
      </c>
      <c r="I10" s="191">
        <v>86</v>
      </c>
      <c r="J10" s="191">
        <v>46</v>
      </c>
      <c r="K10" s="191">
        <v>13</v>
      </c>
      <c r="L10" s="196">
        <v>548</v>
      </c>
      <c r="M10" s="195">
        <v>548</v>
      </c>
      <c r="N10" s="191">
        <v>0</v>
      </c>
      <c r="O10" s="191">
        <v>0</v>
      </c>
      <c r="P10" s="196">
        <v>0</v>
      </c>
      <c r="Q10" s="193">
        <v>0</v>
      </c>
      <c r="R10" s="191">
        <v>19</v>
      </c>
      <c r="S10" s="191">
        <v>32</v>
      </c>
      <c r="T10" s="191">
        <v>56</v>
      </c>
      <c r="U10" s="191">
        <v>22</v>
      </c>
      <c r="V10" s="191">
        <v>0</v>
      </c>
      <c r="W10" s="196">
        <v>129</v>
      </c>
      <c r="X10" s="195">
        <v>129</v>
      </c>
    </row>
    <row r="11" spans="2:24" ht="21" customHeight="1" x14ac:dyDescent="0.2">
      <c r="B11" s="106" t="s">
        <v>8</v>
      </c>
      <c r="C11" s="191">
        <v>0</v>
      </c>
      <c r="D11" s="191">
        <v>0</v>
      </c>
      <c r="E11" s="196">
        <v>0</v>
      </c>
      <c r="F11" s="193">
        <v>0</v>
      </c>
      <c r="G11" s="191">
        <v>263</v>
      </c>
      <c r="H11" s="191">
        <v>141</v>
      </c>
      <c r="I11" s="191">
        <v>49</v>
      </c>
      <c r="J11" s="191">
        <v>22</v>
      </c>
      <c r="K11" s="191">
        <v>17</v>
      </c>
      <c r="L11" s="196">
        <v>492</v>
      </c>
      <c r="M11" s="195">
        <v>492</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272</v>
      </c>
      <c r="H12" s="191">
        <v>132</v>
      </c>
      <c r="I12" s="191">
        <v>258</v>
      </c>
      <c r="J12" s="191">
        <v>41</v>
      </c>
      <c r="K12" s="191">
        <v>24</v>
      </c>
      <c r="L12" s="196">
        <v>727</v>
      </c>
      <c r="M12" s="195">
        <v>727</v>
      </c>
      <c r="N12" s="191">
        <v>0</v>
      </c>
      <c r="O12" s="191">
        <v>0</v>
      </c>
      <c r="P12" s="196">
        <v>0</v>
      </c>
      <c r="Q12" s="193">
        <v>0</v>
      </c>
      <c r="R12" s="191">
        <v>0</v>
      </c>
      <c r="S12" s="191">
        <v>6</v>
      </c>
      <c r="T12" s="191">
        <v>0</v>
      </c>
      <c r="U12" s="191">
        <v>0</v>
      </c>
      <c r="V12" s="191">
        <v>0</v>
      </c>
      <c r="W12" s="196">
        <v>6</v>
      </c>
      <c r="X12" s="195">
        <v>6</v>
      </c>
    </row>
    <row r="13" spans="2:24" ht="21" customHeight="1" x14ac:dyDescent="0.2">
      <c r="B13" s="106" t="s">
        <v>10</v>
      </c>
      <c r="C13" s="191">
        <v>0</v>
      </c>
      <c r="D13" s="191">
        <v>0</v>
      </c>
      <c r="E13" s="196">
        <v>0</v>
      </c>
      <c r="F13" s="193">
        <v>0</v>
      </c>
      <c r="G13" s="191">
        <v>236</v>
      </c>
      <c r="H13" s="191">
        <v>115</v>
      </c>
      <c r="I13" s="191">
        <v>30</v>
      </c>
      <c r="J13" s="191">
        <v>42</v>
      </c>
      <c r="K13" s="191">
        <v>0</v>
      </c>
      <c r="L13" s="196">
        <v>423</v>
      </c>
      <c r="M13" s="195">
        <v>423</v>
      </c>
      <c r="N13" s="191">
        <v>0</v>
      </c>
      <c r="O13" s="191">
        <v>0</v>
      </c>
      <c r="P13" s="196">
        <v>0</v>
      </c>
      <c r="Q13" s="193">
        <v>0</v>
      </c>
      <c r="R13" s="191">
        <v>11</v>
      </c>
      <c r="S13" s="191">
        <v>0</v>
      </c>
      <c r="T13" s="191">
        <v>17</v>
      </c>
      <c r="U13" s="191">
        <v>26</v>
      </c>
      <c r="V13" s="191">
        <v>0</v>
      </c>
      <c r="W13" s="196">
        <v>54</v>
      </c>
      <c r="X13" s="195">
        <v>54</v>
      </c>
    </row>
    <row r="14" spans="2:24" ht="21" customHeight="1" x14ac:dyDescent="0.2">
      <c r="B14" s="106" t="s">
        <v>11</v>
      </c>
      <c r="C14" s="191">
        <v>0</v>
      </c>
      <c r="D14" s="191">
        <v>0</v>
      </c>
      <c r="E14" s="196">
        <v>0</v>
      </c>
      <c r="F14" s="193">
        <v>0</v>
      </c>
      <c r="G14" s="191">
        <v>250</v>
      </c>
      <c r="H14" s="191">
        <v>58</v>
      </c>
      <c r="I14" s="191">
        <v>20</v>
      </c>
      <c r="J14" s="191">
        <v>36</v>
      </c>
      <c r="K14" s="191">
        <v>22</v>
      </c>
      <c r="L14" s="196">
        <v>386</v>
      </c>
      <c r="M14" s="195">
        <v>386</v>
      </c>
      <c r="N14" s="191">
        <v>0</v>
      </c>
      <c r="O14" s="191">
        <v>0</v>
      </c>
      <c r="P14" s="196">
        <v>0</v>
      </c>
      <c r="Q14" s="193">
        <v>0</v>
      </c>
      <c r="R14" s="191">
        <v>20</v>
      </c>
      <c r="S14" s="191">
        <v>0</v>
      </c>
      <c r="T14" s="191">
        <v>0</v>
      </c>
      <c r="U14" s="191">
        <v>0</v>
      </c>
      <c r="V14" s="191">
        <v>0</v>
      </c>
      <c r="W14" s="196">
        <v>20</v>
      </c>
      <c r="X14" s="195">
        <v>20</v>
      </c>
    </row>
    <row r="15" spans="2:24" ht="21" customHeight="1" x14ac:dyDescent="0.2">
      <c r="B15" s="106" t="s">
        <v>12</v>
      </c>
      <c r="C15" s="191">
        <v>0</v>
      </c>
      <c r="D15" s="191">
        <v>0</v>
      </c>
      <c r="E15" s="196">
        <v>0</v>
      </c>
      <c r="F15" s="193">
        <v>0</v>
      </c>
      <c r="G15" s="191">
        <v>128</v>
      </c>
      <c r="H15" s="191">
        <v>116</v>
      </c>
      <c r="I15" s="191">
        <v>50</v>
      </c>
      <c r="J15" s="191">
        <v>21</v>
      </c>
      <c r="K15" s="191">
        <v>49</v>
      </c>
      <c r="L15" s="196">
        <v>364</v>
      </c>
      <c r="M15" s="195">
        <v>364</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64</v>
      </c>
      <c r="H16" s="191">
        <v>89</v>
      </c>
      <c r="I16" s="191">
        <v>61</v>
      </c>
      <c r="J16" s="191">
        <v>14</v>
      </c>
      <c r="K16" s="191">
        <v>12</v>
      </c>
      <c r="L16" s="196">
        <v>240</v>
      </c>
      <c r="M16" s="195">
        <v>240</v>
      </c>
      <c r="N16" s="191">
        <v>0</v>
      </c>
      <c r="O16" s="191">
        <v>0</v>
      </c>
      <c r="P16" s="196">
        <v>0</v>
      </c>
      <c r="Q16" s="193">
        <v>0</v>
      </c>
      <c r="R16" s="191">
        <v>0</v>
      </c>
      <c r="S16" s="191">
        <v>8</v>
      </c>
      <c r="T16" s="191">
        <v>0</v>
      </c>
      <c r="U16" s="191">
        <v>0</v>
      </c>
      <c r="V16" s="191">
        <v>0</v>
      </c>
      <c r="W16" s="196">
        <v>8</v>
      </c>
      <c r="X16" s="195">
        <v>8</v>
      </c>
    </row>
    <row r="17" spans="2:24" ht="21" customHeight="1" x14ac:dyDescent="0.2">
      <c r="B17" s="106" t="s">
        <v>15</v>
      </c>
      <c r="C17" s="191">
        <v>0</v>
      </c>
      <c r="D17" s="191">
        <v>0</v>
      </c>
      <c r="E17" s="196">
        <v>0</v>
      </c>
      <c r="F17" s="193">
        <v>0</v>
      </c>
      <c r="G17" s="191">
        <v>30</v>
      </c>
      <c r="H17" s="191">
        <v>59</v>
      </c>
      <c r="I17" s="191">
        <v>4</v>
      </c>
      <c r="J17" s="191">
        <v>18</v>
      </c>
      <c r="K17" s="191">
        <v>11</v>
      </c>
      <c r="L17" s="196">
        <v>122</v>
      </c>
      <c r="M17" s="195">
        <v>122</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50</v>
      </c>
      <c r="H18" s="191">
        <v>82</v>
      </c>
      <c r="I18" s="191">
        <v>55</v>
      </c>
      <c r="J18" s="191">
        <v>4</v>
      </c>
      <c r="K18" s="191">
        <v>0</v>
      </c>
      <c r="L18" s="196">
        <v>191</v>
      </c>
      <c r="M18" s="195">
        <v>191</v>
      </c>
      <c r="N18" s="191">
        <v>0</v>
      </c>
      <c r="O18" s="191">
        <v>0</v>
      </c>
      <c r="P18" s="196">
        <v>0</v>
      </c>
      <c r="Q18" s="193">
        <v>0</v>
      </c>
      <c r="R18" s="191">
        <v>6</v>
      </c>
      <c r="S18" s="191">
        <v>13</v>
      </c>
      <c r="T18" s="191">
        <v>8</v>
      </c>
      <c r="U18" s="191">
        <v>0</v>
      </c>
      <c r="V18" s="191">
        <v>0</v>
      </c>
      <c r="W18" s="196">
        <v>27</v>
      </c>
      <c r="X18" s="195">
        <v>27</v>
      </c>
    </row>
    <row r="19" spans="2:24" ht="21" customHeight="1" x14ac:dyDescent="0.2">
      <c r="B19" s="106" t="s">
        <v>17</v>
      </c>
      <c r="C19" s="191">
        <v>0</v>
      </c>
      <c r="D19" s="191">
        <v>0</v>
      </c>
      <c r="E19" s="196">
        <v>0</v>
      </c>
      <c r="F19" s="193">
        <v>0</v>
      </c>
      <c r="G19" s="191">
        <v>151</v>
      </c>
      <c r="H19" s="191">
        <v>109</v>
      </c>
      <c r="I19" s="191">
        <v>78</v>
      </c>
      <c r="J19" s="191">
        <v>12</v>
      </c>
      <c r="K19" s="191">
        <v>7</v>
      </c>
      <c r="L19" s="196">
        <v>357</v>
      </c>
      <c r="M19" s="195">
        <v>357</v>
      </c>
      <c r="N19" s="191">
        <v>0</v>
      </c>
      <c r="O19" s="191">
        <v>0</v>
      </c>
      <c r="P19" s="196">
        <v>0</v>
      </c>
      <c r="Q19" s="193">
        <v>0</v>
      </c>
      <c r="R19" s="191">
        <v>0</v>
      </c>
      <c r="S19" s="191">
        <v>0</v>
      </c>
      <c r="T19" s="191">
        <v>0</v>
      </c>
      <c r="U19" s="191">
        <v>0</v>
      </c>
      <c r="V19" s="191">
        <v>0</v>
      </c>
      <c r="W19" s="196">
        <v>0</v>
      </c>
      <c r="X19" s="195">
        <v>0</v>
      </c>
    </row>
    <row r="20" spans="2:24" ht="21" customHeight="1" x14ac:dyDescent="0.2">
      <c r="B20" s="106" t="s">
        <v>18</v>
      </c>
      <c r="C20" s="191">
        <v>0</v>
      </c>
      <c r="D20" s="191">
        <v>0</v>
      </c>
      <c r="E20" s="196">
        <v>0</v>
      </c>
      <c r="F20" s="193">
        <v>0</v>
      </c>
      <c r="G20" s="191">
        <v>147</v>
      </c>
      <c r="H20" s="191">
        <v>58</v>
      </c>
      <c r="I20" s="191">
        <v>71</v>
      </c>
      <c r="J20" s="191">
        <v>22</v>
      </c>
      <c r="K20" s="191">
        <v>0</v>
      </c>
      <c r="L20" s="196">
        <v>298</v>
      </c>
      <c r="M20" s="195">
        <v>298</v>
      </c>
      <c r="N20" s="191">
        <v>0</v>
      </c>
      <c r="O20" s="191">
        <v>0</v>
      </c>
      <c r="P20" s="196">
        <v>0</v>
      </c>
      <c r="Q20" s="193">
        <v>0</v>
      </c>
      <c r="R20" s="191">
        <v>0</v>
      </c>
      <c r="S20" s="191">
        <v>0</v>
      </c>
      <c r="T20" s="191">
        <v>0</v>
      </c>
      <c r="U20" s="191">
        <v>38</v>
      </c>
      <c r="V20" s="191">
        <v>0</v>
      </c>
      <c r="W20" s="196">
        <v>38</v>
      </c>
      <c r="X20" s="195">
        <v>38</v>
      </c>
    </row>
    <row r="21" spans="2:24" ht="21" customHeight="1" x14ac:dyDescent="0.2">
      <c r="B21" s="106" t="s">
        <v>19</v>
      </c>
      <c r="C21" s="191">
        <v>0</v>
      </c>
      <c r="D21" s="191">
        <v>0</v>
      </c>
      <c r="E21" s="196">
        <v>0</v>
      </c>
      <c r="F21" s="193">
        <v>0</v>
      </c>
      <c r="G21" s="191">
        <v>60</v>
      </c>
      <c r="H21" s="191">
        <v>56</v>
      </c>
      <c r="I21" s="191">
        <v>16</v>
      </c>
      <c r="J21" s="191">
        <v>18</v>
      </c>
      <c r="K21" s="191">
        <v>0</v>
      </c>
      <c r="L21" s="196">
        <v>150</v>
      </c>
      <c r="M21" s="195">
        <v>150</v>
      </c>
      <c r="N21" s="191">
        <v>0</v>
      </c>
      <c r="O21" s="191">
        <v>0</v>
      </c>
      <c r="P21" s="196">
        <v>0</v>
      </c>
      <c r="Q21" s="193">
        <v>0</v>
      </c>
      <c r="R21" s="191">
        <v>8</v>
      </c>
      <c r="S21" s="191">
        <v>8</v>
      </c>
      <c r="T21" s="191">
        <v>4</v>
      </c>
      <c r="U21" s="191">
        <v>6</v>
      </c>
      <c r="V21" s="191">
        <v>0</v>
      </c>
      <c r="W21" s="196">
        <v>26</v>
      </c>
      <c r="X21" s="195">
        <v>26</v>
      </c>
    </row>
    <row r="22" spans="2:24" ht="21" customHeight="1" x14ac:dyDescent="0.2">
      <c r="B22" s="106" t="s">
        <v>20</v>
      </c>
      <c r="C22" s="191">
        <v>0</v>
      </c>
      <c r="D22" s="191">
        <v>0</v>
      </c>
      <c r="E22" s="196">
        <v>0</v>
      </c>
      <c r="F22" s="193">
        <v>0</v>
      </c>
      <c r="G22" s="191">
        <v>55</v>
      </c>
      <c r="H22" s="191">
        <v>37</v>
      </c>
      <c r="I22" s="191">
        <v>12</v>
      </c>
      <c r="J22" s="191">
        <v>3</v>
      </c>
      <c r="K22" s="191">
        <v>0</v>
      </c>
      <c r="L22" s="196">
        <v>107</v>
      </c>
      <c r="M22" s="195">
        <v>107</v>
      </c>
      <c r="N22" s="191">
        <v>0</v>
      </c>
      <c r="O22" s="191">
        <v>0</v>
      </c>
      <c r="P22" s="196">
        <v>0</v>
      </c>
      <c r="Q22" s="193">
        <v>0</v>
      </c>
      <c r="R22" s="191">
        <v>0</v>
      </c>
      <c r="S22" s="191">
        <v>0</v>
      </c>
      <c r="T22" s="191">
        <v>7</v>
      </c>
      <c r="U22" s="191">
        <v>0</v>
      </c>
      <c r="V22" s="191">
        <v>0</v>
      </c>
      <c r="W22" s="196">
        <v>7</v>
      </c>
      <c r="X22" s="195">
        <v>7</v>
      </c>
    </row>
    <row r="23" spans="2:24" ht="21" customHeight="1" x14ac:dyDescent="0.2">
      <c r="B23" s="106" t="s">
        <v>21</v>
      </c>
      <c r="C23" s="191">
        <v>0</v>
      </c>
      <c r="D23" s="191">
        <v>0</v>
      </c>
      <c r="E23" s="196">
        <v>0</v>
      </c>
      <c r="F23" s="193">
        <v>0</v>
      </c>
      <c r="G23" s="191">
        <v>91</v>
      </c>
      <c r="H23" s="191">
        <v>36</v>
      </c>
      <c r="I23" s="191">
        <v>7</v>
      </c>
      <c r="J23" s="191">
        <v>4</v>
      </c>
      <c r="K23" s="191">
        <v>0</v>
      </c>
      <c r="L23" s="196">
        <v>138</v>
      </c>
      <c r="M23" s="195">
        <v>138</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49</v>
      </c>
      <c r="H24" s="191">
        <v>40</v>
      </c>
      <c r="I24" s="191">
        <v>0</v>
      </c>
      <c r="J24" s="191">
        <v>7</v>
      </c>
      <c r="K24" s="191">
        <v>0</v>
      </c>
      <c r="L24" s="196">
        <v>96</v>
      </c>
      <c r="M24" s="195">
        <v>96</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8</v>
      </c>
      <c r="H25" s="191">
        <v>15</v>
      </c>
      <c r="I25" s="191">
        <v>17</v>
      </c>
      <c r="J25" s="191">
        <v>0</v>
      </c>
      <c r="K25" s="191">
        <v>0</v>
      </c>
      <c r="L25" s="196">
        <v>40</v>
      </c>
      <c r="M25" s="195">
        <v>40</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0</v>
      </c>
      <c r="I26" s="191">
        <v>0</v>
      </c>
      <c r="J26" s="191">
        <v>17</v>
      </c>
      <c r="K26" s="191">
        <v>0</v>
      </c>
      <c r="L26" s="196">
        <v>17</v>
      </c>
      <c r="M26" s="195">
        <v>17</v>
      </c>
      <c r="N26" s="191">
        <v>0</v>
      </c>
      <c r="O26" s="191">
        <v>0</v>
      </c>
      <c r="P26" s="196">
        <v>0</v>
      </c>
      <c r="Q26" s="193">
        <v>0</v>
      </c>
      <c r="R26" s="191">
        <v>0</v>
      </c>
      <c r="S26" s="191">
        <v>0</v>
      </c>
      <c r="T26" s="191">
        <v>0</v>
      </c>
      <c r="U26" s="191">
        <v>0</v>
      </c>
      <c r="V26" s="191">
        <v>6</v>
      </c>
      <c r="W26" s="196">
        <v>6</v>
      </c>
      <c r="X26" s="195">
        <v>6</v>
      </c>
    </row>
    <row r="27" spans="2:24" ht="21" customHeight="1" x14ac:dyDescent="0.2">
      <c r="B27" s="106" t="s">
        <v>25</v>
      </c>
      <c r="C27" s="191">
        <v>0</v>
      </c>
      <c r="D27" s="191">
        <v>0</v>
      </c>
      <c r="E27" s="196">
        <v>0</v>
      </c>
      <c r="F27" s="193">
        <v>0</v>
      </c>
      <c r="G27" s="191">
        <v>29</v>
      </c>
      <c r="H27" s="191">
        <v>10</v>
      </c>
      <c r="I27" s="191">
        <v>0</v>
      </c>
      <c r="J27" s="191">
        <v>0</v>
      </c>
      <c r="K27" s="191">
        <v>0</v>
      </c>
      <c r="L27" s="196">
        <v>39</v>
      </c>
      <c r="M27" s="195">
        <v>39</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4</v>
      </c>
      <c r="H28" s="191">
        <v>17</v>
      </c>
      <c r="I28" s="191">
        <v>22</v>
      </c>
      <c r="J28" s="191">
        <v>0</v>
      </c>
      <c r="K28" s="191">
        <v>4</v>
      </c>
      <c r="L28" s="196">
        <v>47</v>
      </c>
      <c r="M28" s="195">
        <v>47</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30</v>
      </c>
      <c r="H29" s="191">
        <v>11</v>
      </c>
      <c r="I29" s="191">
        <v>0</v>
      </c>
      <c r="J29" s="191">
        <v>0</v>
      </c>
      <c r="K29" s="191">
        <v>0</v>
      </c>
      <c r="L29" s="196">
        <v>41</v>
      </c>
      <c r="M29" s="195">
        <v>41</v>
      </c>
      <c r="N29" s="191">
        <v>0</v>
      </c>
      <c r="O29" s="191">
        <v>0</v>
      </c>
      <c r="P29" s="196">
        <v>0</v>
      </c>
      <c r="Q29" s="193">
        <v>0</v>
      </c>
      <c r="R29" s="191">
        <v>0</v>
      </c>
      <c r="S29" s="191">
        <v>6</v>
      </c>
      <c r="T29" s="191">
        <v>9</v>
      </c>
      <c r="U29" s="191">
        <v>0</v>
      </c>
      <c r="V29" s="191">
        <v>0</v>
      </c>
      <c r="W29" s="196">
        <v>15</v>
      </c>
      <c r="X29" s="195">
        <v>15</v>
      </c>
    </row>
    <row r="30" spans="2:24" ht="21" customHeight="1" x14ac:dyDescent="0.2">
      <c r="B30" s="106" t="s">
        <v>28</v>
      </c>
      <c r="C30" s="191">
        <v>0</v>
      </c>
      <c r="D30" s="191">
        <v>0</v>
      </c>
      <c r="E30" s="196">
        <v>0</v>
      </c>
      <c r="F30" s="193">
        <v>0</v>
      </c>
      <c r="G30" s="191">
        <v>43</v>
      </c>
      <c r="H30" s="191">
        <v>7</v>
      </c>
      <c r="I30" s="191">
        <v>0</v>
      </c>
      <c r="J30" s="191">
        <v>0</v>
      </c>
      <c r="K30" s="191">
        <v>0</v>
      </c>
      <c r="L30" s="196">
        <v>50</v>
      </c>
      <c r="M30" s="195">
        <v>50</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9</v>
      </c>
      <c r="H31" s="191">
        <v>0</v>
      </c>
      <c r="I31" s="191">
        <v>7</v>
      </c>
      <c r="J31" s="191">
        <v>4</v>
      </c>
      <c r="K31" s="191">
        <v>0</v>
      </c>
      <c r="L31" s="196">
        <v>20</v>
      </c>
      <c r="M31" s="195">
        <v>20</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16</v>
      </c>
      <c r="K32" s="191">
        <v>0</v>
      </c>
      <c r="L32" s="196">
        <v>16</v>
      </c>
      <c r="M32" s="195">
        <v>16</v>
      </c>
      <c r="N32" s="191">
        <v>0</v>
      </c>
      <c r="O32" s="191">
        <v>0</v>
      </c>
      <c r="P32" s="196">
        <v>0</v>
      </c>
      <c r="Q32" s="193">
        <v>0</v>
      </c>
      <c r="R32" s="191">
        <v>0</v>
      </c>
      <c r="S32" s="191">
        <v>4</v>
      </c>
      <c r="T32" s="191">
        <v>0</v>
      </c>
      <c r="U32" s="191">
        <v>0</v>
      </c>
      <c r="V32" s="191">
        <v>0</v>
      </c>
      <c r="W32" s="196">
        <v>4</v>
      </c>
      <c r="X32" s="195">
        <v>4</v>
      </c>
    </row>
    <row r="33" spans="2:24" ht="21" customHeight="1" x14ac:dyDescent="0.2">
      <c r="B33" s="106" t="s">
        <v>31</v>
      </c>
      <c r="C33" s="191">
        <v>0</v>
      </c>
      <c r="D33" s="191">
        <v>0</v>
      </c>
      <c r="E33" s="196">
        <v>0</v>
      </c>
      <c r="F33" s="193">
        <v>0</v>
      </c>
      <c r="G33" s="191">
        <v>9</v>
      </c>
      <c r="H33" s="191">
        <v>6</v>
      </c>
      <c r="I33" s="191">
        <v>9</v>
      </c>
      <c r="J33" s="191">
        <v>0</v>
      </c>
      <c r="K33" s="191">
        <v>0</v>
      </c>
      <c r="L33" s="196">
        <v>24</v>
      </c>
      <c r="M33" s="195">
        <v>24</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22</v>
      </c>
      <c r="H34" s="191">
        <v>7</v>
      </c>
      <c r="I34" s="191">
        <v>0</v>
      </c>
      <c r="J34" s="191">
        <v>0</v>
      </c>
      <c r="K34" s="191">
        <v>0</v>
      </c>
      <c r="L34" s="196">
        <v>29</v>
      </c>
      <c r="M34" s="195">
        <v>29</v>
      </c>
      <c r="N34" s="191">
        <v>0</v>
      </c>
      <c r="O34" s="191">
        <v>0</v>
      </c>
      <c r="P34" s="196">
        <v>0</v>
      </c>
      <c r="Q34" s="193">
        <v>0</v>
      </c>
      <c r="R34" s="191">
        <v>13</v>
      </c>
      <c r="S34" s="191">
        <v>0</v>
      </c>
      <c r="T34" s="191">
        <v>8</v>
      </c>
      <c r="U34" s="191">
        <v>0</v>
      </c>
      <c r="V34" s="191">
        <v>0</v>
      </c>
      <c r="W34" s="196">
        <v>21</v>
      </c>
      <c r="X34" s="195">
        <v>21</v>
      </c>
    </row>
    <row r="35" spans="2:24" ht="21" customHeight="1" x14ac:dyDescent="0.2">
      <c r="B35" s="106" t="s">
        <v>33</v>
      </c>
      <c r="C35" s="191">
        <v>0</v>
      </c>
      <c r="D35" s="191">
        <v>0</v>
      </c>
      <c r="E35" s="196">
        <v>0</v>
      </c>
      <c r="F35" s="193">
        <v>0</v>
      </c>
      <c r="G35" s="191">
        <v>0</v>
      </c>
      <c r="H35" s="191">
        <v>0</v>
      </c>
      <c r="I35" s="191">
        <v>7</v>
      </c>
      <c r="J35" s="191">
        <v>12</v>
      </c>
      <c r="K35" s="191">
        <v>0</v>
      </c>
      <c r="L35" s="196">
        <v>19</v>
      </c>
      <c r="M35" s="195">
        <v>19</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0</v>
      </c>
      <c r="H36" s="191">
        <v>0</v>
      </c>
      <c r="I36" s="191">
        <v>0</v>
      </c>
      <c r="J36" s="191">
        <v>0</v>
      </c>
      <c r="K36" s="191">
        <v>0</v>
      </c>
      <c r="L36" s="196">
        <v>0</v>
      </c>
      <c r="M36" s="195">
        <v>0</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6</v>
      </c>
      <c r="H38" s="191">
        <v>2</v>
      </c>
      <c r="I38" s="191">
        <v>4</v>
      </c>
      <c r="J38" s="191">
        <v>0</v>
      </c>
      <c r="K38" s="191">
        <v>0</v>
      </c>
      <c r="L38" s="196">
        <v>22</v>
      </c>
      <c r="M38" s="195">
        <v>2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4</v>
      </c>
      <c r="L39" s="203">
        <v>14</v>
      </c>
      <c r="M39" s="202">
        <v>14</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6">
        <f>第１表!F2</f>
        <v>6</v>
      </c>
      <c r="G1" s="446"/>
      <c r="H1" s="18">
        <f>第１表!G2</f>
        <v>5</v>
      </c>
      <c r="I1" s="451">
        <f>IF(H1&lt;3,H1-2+12,H1-2)</f>
        <v>3</v>
      </c>
      <c r="J1" s="451"/>
    </row>
    <row r="2" spans="2:133" ht="24" customHeight="1" thickBot="1" x14ac:dyDescent="0.25"/>
    <row r="3" spans="2:133" ht="21" customHeight="1" thickBot="1" x14ac:dyDescent="0.25">
      <c r="B3" s="508"/>
      <c r="C3" s="511" t="s">
        <v>57</v>
      </c>
      <c r="D3" s="512"/>
      <c r="E3" s="512"/>
      <c r="F3" s="512"/>
      <c r="G3" s="512"/>
      <c r="H3" s="512"/>
      <c r="I3" s="512"/>
      <c r="J3" s="512"/>
      <c r="K3" s="512"/>
      <c r="L3" s="512"/>
      <c r="M3" s="512"/>
      <c r="N3" s="512"/>
      <c r="O3" s="512"/>
      <c r="P3" s="512"/>
      <c r="Q3" s="512"/>
      <c r="R3" s="512"/>
      <c r="S3" s="512"/>
      <c r="T3" s="512"/>
      <c r="U3" s="512"/>
      <c r="V3" s="512"/>
      <c r="W3" s="512"/>
      <c r="X3" s="512"/>
      <c r="Y3" s="512"/>
      <c r="Z3" s="512"/>
      <c r="AA3" s="512"/>
      <c r="AB3" s="512"/>
      <c r="AC3" s="512"/>
      <c r="AD3" s="512"/>
      <c r="AE3" s="512"/>
      <c r="AF3" s="513"/>
      <c r="AG3" s="511" t="s">
        <v>58</v>
      </c>
      <c r="AH3" s="514"/>
      <c r="AI3" s="514"/>
      <c r="AJ3" s="514"/>
      <c r="AK3" s="514"/>
      <c r="AL3" s="514"/>
      <c r="AM3" s="514"/>
      <c r="AN3" s="514"/>
      <c r="AO3" s="514"/>
      <c r="AP3" s="514"/>
      <c r="AQ3" s="514"/>
      <c r="AR3" s="514"/>
      <c r="AS3" s="514"/>
      <c r="AT3" s="514"/>
      <c r="AU3" s="514"/>
      <c r="AV3" s="514"/>
      <c r="AW3" s="514"/>
      <c r="AX3" s="514"/>
      <c r="AY3" s="514"/>
      <c r="AZ3" s="514"/>
      <c r="BA3" s="514"/>
      <c r="BB3" s="514"/>
      <c r="BC3" s="514"/>
      <c r="BD3" s="514"/>
      <c r="BE3" s="514"/>
      <c r="BF3" s="514"/>
      <c r="BG3" s="514"/>
      <c r="BH3" s="514"/>
      <c r="BI3" s="514"/>
      <c r="BJ3" s="515"/>
      <c r="BK3" s="511" t="s">
        <v>59</v>
      </c>
      <c r="BL3" s="512"/>
      <c r="BM3" s="512"/>
      <c r="BN3" s="512"/>
      <c r="BO3" s="512"/>
      <c r="BP3" s="512"/>
      <c r="BQ3" s="512"/>
      <c r="BR3" s="512"/>
      <c r="BS3" s="512"/>
      <c r="BT3" s="512"/>
      <c r="BU3" s="512"/>
      <c r="BV3" s="512"/>
      <c r="BW3" s="512"/>
      <c r="BX3" s="512"/>
      <c r="BY3" s="512"/>
      <c r="BZ3" s="512"/>
      <c r="CA3" s="512"/>
      <c r="CB3" s="512"/>
      <c r="CC3" s="512"/>
      <c r="CD3" s="512"/>
      <c r="CE3" s="512"/>
      <c r="CF3" s="512"/>
      <c r="CG3" s="512"/>
      <c r="CH3" s="512"/>
      <c r="CI3" s="512"/>
      <c r="CJ3" s="512"/>
      <c r="CK3" s="512"/>
      <c r="CL3" s="512"/>
      <c r="CM3" s="512"/>
      <c r="CN3" s="513"/>
      <c r="CO3" s="511" t="s">
        <v>148</v>
      </c>
      <c r="CP3" s="512"/>
      <c r="CQ3" s="512"/>
      <c r="CR3" s="512"/>
      <c r="CS3" s="512"/>
      <c r="CT3" s="512"/>
      <c r="CU3" s="512"/>
      <c r="CV3" s="512"/>
      <c r="CW3" s="512"/>
      <c r="CX3" s="512"/>
      <c r="CY3" s="512"/>
      <c r="CZ3" s="512"/>
      <c r="DA3" s="512"/>
      <c r="DB3" s="512"/>
      <c r="DC3" s="512"/>
      <c r="DD3" s="512"/>
      <c r="DE3" s="512"/>
      <c r="DF3" s="512"/>
      <c r="DG3" s="512"/>
      <c r="DH3" s="512"/>
      <c r="DI3" s="512"/>
      <c r="DJ3" s="512"/>
      <c r="DK3" s="512"/>
      <c r="DL3" s="512"/>
      <c r="DM3" s="512"/>
      <c r="DN3" s="512"/>
      <c r="DO3" s="512"/>
      <c r="DP3" s="512"/>
      <c r="DQ3" s="512"/>
      <c r="DR3" s="513"/>
      <c r="DS3" s="429" t="s">
        <v>60</v>
      </c>
      <c r="DT3" s="430"/>
      <c r="DU3" s="430"/>
      <c r="DV3" s="430"/>
      <c r="DW3" s="430"/>
      <c r="DX3" s="430"/>
      <c r="DY3" s="430"/>
      <c r="DZ3" s="430"/>
      <c r="EA3" s="430"/>
      <c r="EB3" s="431"/>
    </row>
    <row r="4" spans="2:133" ht="21" customHeight="1" thickBot="1" x14ac:dyDescent="0.25">
      <c r="B4" s="509"/>
      <c r="C4" s="435"/>
      <c r="D4" s="436"/>
      <c r="E4" s="436"/>
      <c r="F4" s="436"/>
      <c r="G4" s="436"/>
      <c r="H4" s="436"/>
      <c r="I4" s="436"/>
      <c r="J4" s="436"/>
      <c r="K4" s="436"/>
      <c r="L4" s="436"/>
      <c r="M4" s="438" t="s">
        <v>39</v>
      </c>
      <c r="N4" s="439"/>
      <c r="O4" s="439"/>
      <c r="P4" s="439"/>
      <c r="Q4" s="439"/>
      <c r="R4" s="439"/>
      <c r="S4" s="439"/>
      <c r="T4" s="439"/>
      <c r="U4" s="439"/>
      <c r="V4" s="440"/>
      <c r="W4" s="438" t="s">
        <v>40</v>
      </c>
      <c r="X4" s="439"/>
      <c r="Y4" s="439"/>
      <c r="Z4" s="439"/>
      <c r="AA4" s="439"/>
      <c r="AB4" s="439"/>
      <c r="AC4" s="439"/>
      <c r="AD4" s="439"/>
      <c r="AE4" s="439"/>
      <c r="AF4" s="440"/>
      <c r="AG4" s="435"/>
      <c r="AH4" s="436"/>
      <c r="AI4" s="436"/>
      <c r="AJ4" s="436"/>
      <c r="AK4" s="436"/>
      <c r="AL4" s="436"/>
      <c r="AM4" s="436"/>
      <c r="AN4" s="436"/>
      <c r="AO4" s="436"/>
      <c r="AP4" s="436"/>
      <c r="AQ4" s="438" t="s">
        <v>39</v>
      </c>
      <c r="AR4" s="439"/>
      <c r="AS4" s="439"/>
      <c r="AT4" s="439"/>
      <c r="AU4" s="439"/>
      <c r="AV4" s="439"/>
      <c r="AW4" s="439"/>
      <c r="AX4" s="439"/>
      <c r="AY4" s="439"/>
      <c r="AZ4" s="440"/>
      <c r="BA4" s="438" t="s">
        <v>40</v>
      </c>
      <c r="BB4" s="439"/>
      <c r="BC4" s="439"/>
      <c r="BD4" s="439"/>
      <c r="BE4" s="439"/>
      <c r="BF4" s="439"/>
      <c r="BG4" s="439"/>
      <c r="BH4" s="439"/>
      <c r="BI4" s="439"/>
      <c r="BJ4" s="440"/>
      <c r="BK4" s="435"/>
      <c r="BL4" s="436"/>
      <c r="BM4" s="436"/>
      <c r="BN4" s="436"/>
      <c r="BO4" s="436"/>
      <c r="BP4" s="436"/>
      <c r="BQ4" s="436"/>
      <c r="BR4" s="436"/>
      <c r="BS4" s="436"/>
      <c r="BT4" s="436"/>
      <c r="BU4" s="438" t="s">
        <v>39</v>
      </c>
      <c r="BV4" s="439"/>
      <c r="BW4" s="439"/>
      <c r="BX4" s="439"/>
      <c r="BY4" s="439"/>
      <c r="BZ4" s="439"/>
      <c r="CA4" s="439"/>
      <c r="CB4" s="439"/>
      <c r="CC4" s="439"/>
      <c r="CD4" s="440"/>
      <c r="CE4" s="438" t="s">
        <v>40</v>
      </c>
      <c r="CF4" s="439"/>
      <c r="CG4" s="439"/>
      <c r="CH4" s="439"/>
      <c r="CI4" s="439"/>
      <c r="CJ4" s="439"/>
      <c r="CK4" s="439"/>
      <c r="CL4" s="439"/>
      <c r="CM4" s="439"/>
      <c r="CN4" s="440"/>
      <c r="CO4" s="435"/>
      <c r="CP4" s="436"/>
      <c r="CQ4" s="436"/>
      <c r="CR4" s="436"/>
      <c r="CS4" s="436"/>
      <c r="CT4" s="436"/>
      <c r="CU4" s="436"/>
      <c r="CV4" s="436"/>
      <c r="CW4" s="436"/>
      <c r="CX4" s="436"/>
      <c r="CY4" s="438" t="s">
        <v>39</v>
      </c>
      <c r="CZ4" s="439"/>
      <c r="DA4" s="439"/>
      <c r="DB4" s="439"/>
      <c r="DC4" s="439"/>
      <c r="DD4" s="439"/>
      <c r="DE4" s="439"/>
      <c r="DF4" s="439"/>
      <c r="DG4" s="439"/>
      <c r="DH4" s="440"/>
      <c r="DI4" s="438" t="s">
        <v>40</v>
      </c>
      <c r="DJ4" s="439"/>
      <c r="DK4" s="439"/>
      <c r="DL4" s="439"/>
      <c r="DM4" s="439"/>
      <c r="DN4" s="439"/>
      <c r="DO4" s="439"/>
      <c r="DP4" s="439"/>
      <c r="DQ4" s="439"/>
      <c r="DR4" s="440"/>
      <c r="DS4" s="435"/>
      <c r="DT4" s="436"/>
      <c r="DU4" s="436"/>
      <c r="DV4" s="436"/>
      <c r="DW4" s="436"/>
      <c r="DX4" s="436"/>
      <c r="DY4" s="436"/>
      <c r="DZ4" s="436"/>
      <c r="EA4" s="436"/>
      <c r="EB4" s="437"/>
    </row>
    <row r="5" spans="2:133" ht="21" customHeight="1" x14ac:dyDescent="0.2">
      <c r="B5" s="510"/>
      <c r="C5" s="516" t="s">
        <v>61</v>
      </c>
      <c r="D5" s="517"/>
      <c r="E5" s="518"/>
      <c r="F5" s="519" t="s">
        <v>62</v>
      </c>
      <c r="G5" s="520"/>
      <c r="H5" s="520"/>
      <c r="I5" s="520"/>
      <c r="J5" s="520"/>
      <c r="K5" s="521"/>
      <c r="L5" s="531" t="s">
        <v>52</v>
      </c>
      <c r="M5" s="524" t="s">
        <v>61</v>
      </c>
      <c r="N5" s="525"/>
      <c r="O5" s="526"/>
      <c r="P5" s="527" t="s">
        <v>62</v>
      </c>
      <c r="Q5" s="436"/>
      <c r="R5" s="436"/>
      <c r="S5" s="436"/>
      <c r="T5" s="436"/>
      <c r="U5" s="528"/>
      <c r="V5" s="532" t="s">
        <v>52</v>
      </c>
      <c r="W5" s="533" t="s">
        <v>61</v>
      </c>
      <c r="X5" s="525"/>
      <c r="Y5" s="526"/>
      <c r="Z5" s="527" t="s">
        <v>62</v>
      </c>
      <c r="AA5" s="436"/>
      <c r="AB5" s="436"/>
      <c r="AC5" s="436"/>
      <c r="AD5" s="436"/>
      <c r="AE5" s="528"/>
      <c r="AF5" s="532" t="s">
        <v>52</v>
      </c>
      <c r="AG5" s="516" t="s">
        <v>61</v>
      </c>
      <c r="AH5" s="517"/>
      <c r="AI5" s="518"/>
      <c r="AJ5" s="519" t="s">
        <v>62</v>
      </c>
      <c r="AK5" s="520"/>
      <c r="AL5" s="520"/>
      <c r="AM5" s="520"/>
      <c r="AN5" s="520"/>
      <c r="AO5" s="521"/>
      <c r="AP5" s="522" t="s">
        <v>52</v>
      </c>
      <c r="AQ5" s="524" t="s">
        <v>61</v>
      </c>
      <c r="AR5" s="525"/>
      <c r="AS5" s="526"/>
      <c r="AT5" s="527" t="s">
        <v>62</v>
      </c>
      <c r="AU5" s="436"/>
      <c r="AV5" s="436"/>
      <c r="AW5" s="436"/>
      <c r="AX5" s="436"/>
      <c r="AY5" s="528"/>
      <c r="AZ5" s="529" t="s">
        <v>52</v>
      </c>
      <c r="BA5" s="524" t="s">
        <v>61</v>
      </c>
      <c r="BB5" s="525"/>
      <c r="BC5" s="526"/>
      <c r="BD5" s="527" t="s">
        <v>62</v>
      </c>
      <c r="BE5" s="436"/>
      <c r="BF5" s="436"/>
      <c r="BG5" s="436"/>
      <c r="BH5" s="436"/>
      <c r="BI5" s="528"/>
      <c r="BJ5" s="532" t="s">
        <v>52</v>
      </c>
      <c r="BK5" s="516" t="s">
        <v>61</v>
      </c>
      <c r="BL5" s="517"/>
      <c r="BM5" s="518"/>
      <c r="BN5" s="519" t="s">
        <v>62</v>
      </c>
      <c r="BO5" s="520"/>
      <c r="BP5" s="520"/>
      <c r="BQ5" s="520"/>
      <c r="BR5" s="520"/>
      <c r="BS5" s="521"/>
      <c r="BT5" s="531" t="s">
        <v>52</v>
      </c>
      <c r="BU5" s="524" t="s">
        <v>61</v>
      </c>
      <c r="BV5" s="525"/>
      <c r="BW5" s="526"/>
      <c r="BX5" s="527" t="s">
        <v>62</v>
      </c>
      <c r="BY5" s="436"/>
      <c r="BZ5" s="436"/>
      <c r="CA5" s="436"/>
      <c r="CB5" s="436"/>
      <c r="CC5" s="528"/>
      <c r="CD5" s="532" t="s">
        <v>52</v>
      </c>
      <c r="CE5" s="533" t="s">
        <v>61</v>
      </c>
      <c r="CF5" s="525"/>
      <c r="CG5" s="526"/>
      <c r="CH5" s="527" t="s">
        <v>62</v>
      </c>
      <c r="CI5" s="436"/>
      <c r="CJ5" s="436"/>
      <c r="CK5" s="436"/>
      <c r="CL5" s="436"/>
      <c r="CM5" s="528"/>
      <c r="CN5" s="532" t="s">
        <v>52</v>
      </c>
      <c r="CO5" s="516" t="s">
        <v>61</v>
      </c>
      <c r="CP5" s="517"/>
      <c r="CQ5" s="518"/>
      <c r="CR5" s="519" t="s">
        <v>62</v>
      </c>
      <c r="CS5" s="520"/>
      <c r="CT5" s="520"/>
      <c r="CU5" s="520"/>
      <c r="CV5" s="520"/>
      <c r="CW5" s="521"/>
      <c r="CX5" s="531" t="s">
        <v>52</v>
      </c>
      <c r="CY5" s="524" t="s">
        <v>61</v>
      </c>
      <c r="CZ5" s="525"/>
      <c r="DA5" s="526"/>
      <c r="DB5" s="527" t="s">
        <v>62</v>
      </c>
      <c r="DC5" s="436"/>
      <c r="DD5" s="436"/>
      <c r="DE5" s="436"/>
      <c r="DF5" s="436"/>
      <c r="DG5" s="528"/>
      <c r="DH5" s="532" t="s">
        <v>52</v>
      </c>
      <c r="DI5" s="533" t="s">
        <v>61</v>
      </c>
      <c r="DJ5" s="525"/>
      <c r="DK5" s="526"/>
      <c r="DL5" s="527" t="s">
        <v>62</v>
      </c>
      <c r="DM5" s="436"/>
      <c r="DN5" s="436"/>
      <c r="DO5" s="436"/>
      <c r="DP5" s="436"/>
      <c r="DQ5" s="528"/>
      <c r="DR5" s="532" t="s">
        <v>52</v>
      </c>
      <c r="DS5" s="516" t="s">
        <v>61</v>
      </c>
      <c r="DT5" s="517"/>
      <c r="DU5" s="518"/>
      <c r="DV5" s="519" t="s">
        <v>62</v>
      </c>
      <c r="DW5" s="520"/>
      <c r="DX5" s="520"/>
      <c r="DY5" s="520"/>
      <c r="DZ5" s="520"/>
      <c r="EA5" s="521"/>
      <c r="EB5" s="522"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30"/>
      <c r="M6" s="229" t="s">
        <v>43</v>
      </c>
      <c r="N6" s="230" t="s">
        <v>44</v>
      </c>
      <c r="O6" s="234" t="s">
        <v>45</v>
      </c>
      <c r="P6" s="231" t="s">
        <v>47</v>
      </c>
      <c r="Q6" s="232" t="s">
        <v>48</v>
      </c>
      <c r="R6" s="232" t="s">
        <v>49</v>
      </c>
      <c r="S6" s="233" t="s">
        <v>50</v>
      </c>
      <c r="T6" s="230" t="s">
        <v>51</v>
      </c>
      <c r="U6" s="234" t="s">
        <v>45</v>
      </c>
      <c r="V6" s="523"/>
      <c r="W6" s="235" t="s">
        <v>43</v>
      </c>
      <c r="X6" s="230" t="s">
        <v>44</v>
      </c>
      <c r="Y6" s="234" t="s">
        <v>45</v>
      </c>
      <c r="Z6" s="235" t="s">
        <v>47</v>
      </c>
      <c r="AA6" s="232" t="s">
        <v>48</v>
      </c>
      <c r="AB6" s="232" t="s">
        <v>49</v>
      </c>
      <c r="AC6" s="233" t="s">
        <v>50</v>
      </c>
      <c r="AD6" s="230" t="s">
        <v>51</v>
      </c>
      <c r="AE6" s="234" t="s">
        <v>45</v>
      </c>
      <c r="AF6" s="523"/>
      <c r="AG6" s="229" t="s">
        <v>43</v>
      </c>
      <c r="AH6" s="230" t="s">
        <v>44</v>
      </c>
      <c r="AI6" s="234" t="s">
        <v>45</v>
      </c>
      <c r="AJ6" s="235" t="s">
        <v>47</v>
      </c>
      <c r="AK6" s="232" t="s">
        <v>48</v>
      </c>
      <c r="AL6" s="232" t="s">
        <v>49</v>
      </c>
      <c r="AM6" s="233" t="s">
        <v>50</v>
      </c>
      <c r="AN6" s="230" t="s">
        <v>51</v>
      </c>
      <c r="AO6" s="234" t="s">
        <v>45</v>
      </c>
      <c r="AP6" s="523"/>
      <c r="AQ6" s="229" t="s">
        <v>43</v>
      </c>
      <c r="AR6" s="230" t="s">
        <v>44</v>
      </c>
      <c r="AS6" s="234" t="s">
        <v>45</v>
      </c>
      <c r="AT6" s="231" t="s">
        <v>47</v>
      </c>
      <c r="AU6" s="232" t="s">
        <v>48</v>
      </c>
      <c r="AV6" s="232" t="s">
        <v>49</v>
      </c>
      <c r="AW6" s="233" t="s">
        <v>50</v>
      </c>
      <c r="AX6" s="230" t="s">
        <v>51</v>
      </c>
      <c r="AY6" s="234" t="s">
        <v>45</v>
      </c>
      <c r="AZ6" s="530"/>
      <c r="BA6" s="229" t="s">
        <v>43</v>
      </c>
      <c r="BB6" s="230" t="s">
        <v>44</v>
      </c>
      <c r="BC6" s="230" t="s">
        <v>45</v>
      </c>
      <c r="BD6" s="231" t="s">
        <v>47</v>
      </c>
      <c r="BE6" s="232" t="s">
        <v>48</v>
      </c>
      <c r="BF6" s="232" t="s">
        <v>49</v>
      </c>
      <c r="BG6" s="233" t="s">
        <v>50</v>
      </c>
      <c r="BH6" s="230" t="s">
        <v>51</v>
      </c>
      <c r="BI6" s="234" t="s">
        <v>45</v>
      </c>
      <c r="BJ6" s="523"/>
      <c r="BK6" s="229" t="s">
        <v>43</v>
      </c>
      <c r="BL6" s="230" t="s">
        <v>44</v>
      </c>
      <c r="BM6" s="230" t="s">
        <v>45</v>
      </c>
      <c r="BN6" s="231" t="s">
        <v>47</v>
      </c>
      <c r="BO6" s="232" t="s">
        <v>48</v>
      </c>
      <c r="BP6" s="232" t="s">
        <v>49</v>
      </c>
      <c r="BQ6" s="233" t="s">
        <v>50</v>
      </c>
      <c r="BR6" s="230" t="s">
        <v>51</v>
      </c>
      <c r="BS6" s="234" t="s">
        <v>45</v>
      </c>
      <c r="BT6" s="530"/>
      <c r="BU6" s="229" t="s">
        <v>43</v>
      </c>
      <c r="BV6" s="230" t="s">
        <v>44</v>
      </c>
      <c r="BW6" s="230" t="s">
        <v>45</v>
      </c>
      <c r="BX6" s="231" t="s">
        <v>47</v>
      </c>
      <c r="BY6" s="232" t="s">
        <v>48</v>
      </c>
      <c r="BZ6" s="232" t="s">
        <v>49</v>
      </c>
      <c r="CA6" s="233" t="s">
        <v>50</v>
      </c>
      <c r="CB6" s="230" t="s">
        <v>51</v>
      </c>
      <c r="CC6" s="234" t="s">
        <v>45</v>
      </c>
      <c r="CD6" s="523"/>
      <c r="CE6" s="235" t="s">
        <v>43</v>
      </c>
      <c r="CF6" s="230" t="s">
        <v>44</v>
      </c>
      <c r="CG6" s="230" t="s">
        <v>45</v>
      </c>
      <c r="CH6" s="231" t="s">
        <v>47</v>
      </c>
      <c r="CI6" s="232" t="s">
        <v>48</v>
      </c>
      <c r="CJ6" s="232" t="s">
        <v>49</v>
      </c>
      <c r="CK6" s="233" t="s">
        <v>50</v>
      </c>
      <c r="CL6" s="230" t="s">
        <v>51</v>
      </c>
      <c r="CM6" s="234" t="s">
        <v>45</v>
      </c>
      <c r="CN6" s="523"/>
      <c r="CO6" s="229" t="s">
        <v>43</v>
      </c>
      <c r="CP6" s="230" t="s">
        <v>44</v>
      </c>
      <c r="CQ6" s="230" t="s">
        <v>45</v>
      </c>
      <c r="CR6" s="231" t="s">
        <v>47</v>
      </c>
      <c r="CS6" s="232" t="s">
        <v>48</v>
      </c>
      <c r="CT6" s="232" t="s">
        <v>49</v>
      </c>
      <c r="CU6" s="233" t="s">
        <v>50</v>
      </c>
      <c r="CV6" s="230" t="s">
        <v>51</v>
      </c>
      <c r="CW6" s="234" t="s">
        <v>45</v>
      </c>
      <c r="CX6" s="530"/>
      <c r="CY6" s="229" t="s">
        <v>43</v>
      </c>
      <c r="CZ6" s="230" t="s">
        <v>44</v>
      </c>
      <c r="DA6" s="230" t="s">
        <v>45</v>
      </c>
      <c r="DB6" s="231" t="s">
        <v>47</v>
      </c>
      <c r="DC6" s="232" t="s">
        <v>48</v>
      </c>
      <c r="DD6" s="232" t="s">
        <v>49</v>
      </c>
      <c r="DE6" s="233" t="s">
        <v>50</v>
      </c>
      <c r="DF6" s="230" t="s">
        <v>51</v>
      </c>
      <c r="DG6" s="234" t="s">
        <v>45</v>
      </c>
      <c r="DH6" s="523"/>
      <c r="DI6" s="235" t="s">
        <v>43</v>
      </c>
      <c r="DJ6" s="230" t="s">
        <v>44</v>
      </c>
      <c r="DK6" s="230" t="s">
        <v>45</v>
      </c>
      <c r="DL6" s="231" t="s">
        <v>47</v>
      </c>
      <c r="DM6" s="232" t="s">
        <v>48</v>
      </c>
      <c r="DN6" s="232" t="s">
        <v>49</v>
      </c>
      <c r="DO6" s="233" t="s">
        <v>50</v>
      </c>
      <c r="DP6" s="230" t="s">
        <v>51</v>
      </c>
      <c r="DQ6" s="234" t="s">
        <v>45</v>
      </c>
      <c r="DR6" s="523"/>
      <c r="DS6" s="229" t="s">
        <v>43</v>
      </c>
      <c r="DT6" s="230" t="s">
        <v>44</v>
      </c>
      <c r="DU6" s="230" t="s">
        <v>45</v>
      </c>
      <c r="DV6" s="231" t="s">
        <v>47</v>
      </c>
      <c r="DW6" s="232" t="s">
        <v>48</v>
      </c>
      <c r="DX6" s="232" t="s">
        <v>49</v>
      </c>
      <c r="DY6" s="233" t="s">
        <v>50</v>
      </c>
      <c r="DZ6" s="230" t="s">
        <v>51</v>
      </c>
      <c r="EA6" s="234" t="s">
        <v>45</v>
      </c>
      <c r="EB6" s="523"/>
    </row>
    <row r="7" spans="2:133" ht="21" customHeight="1" x14ac:dyDescent="0.2">
      <c r="B7" s="84" t="s">
        <v>4</v>
      </c>
      <c r="C7" s="211">
        <v>0</v>
      </c>
      <c r="D7" s="213">
        <v>0</v>
      </c>
      <c r="E7" s="213">
        <v>0</v>
      </c>
      <c r="F7" s="214">
        <v>461</v>
      </c>
      <c r="G7" s="212">
        <v>1720</v>
      </c>
      <c r="H7" s="212">
        <v>10235</v>
      </c>
      <c r="I7" s="212">
        <v>15062</v>
      </c>
      <c r="J7" s="213">
        <v>10032</v>
      </c>
      <c r="K7" s="236">
        <v>37510</v>
      </c>
      <c r="L7" s="237">
        <v>37510</v>
      </c>
      <c r="M7" s="211">
        <v>0</v>
      </c>
      <c r="N7" s="213">
        <v>0</v>
      </c>
      <c r="O7" s="236">
        <v>0</v>
      </c>
      <c r="P7" s="214">
        <v>458</v>
      </c>
      <c r="Q7" s="212">
        <v>1708</v>
      </c>
      <c r="R7" s="212">
        <v>10168</v>
      </c>
      <c r="S7" s="212">
        <v>14914</v>
      </c>
      <c r="T7" s="213">
        <v>9885</v>
      </c>
      <c r="U7" s="236">
        <v>37133</v>
      </c>
      <c r="V7" s="238">
        <v>37133</v>
      </c>
      <c r="W7" s="216">
        <v>0</v>
      </c>
      <c r="X7" s="213">
        <v>0</v>
      </c>
      <c r="Y7" s="236">
        <v>0</v>
      </c>
      <c r="Z7" s="216">
        <v>3</v>
      </c>
      <c r="AA7" s="212">
        <v>12</v>
      </c>
      <c r="AB7" s="212">
        <v>67</v>
      </c>
      <c r="AC7" s="212">
        <v>148</v>
      </c>
      <c r="AD7" s="213">
        <v>147</v>
      </c>
      <c r="AE7" s="236">
        <v>377</v>
      </c>
      <c r="AF7" s="215">
        <v>377</v>
      </c>
      <c r="AG7" s="216">
        <v>0</v>
      </c>
      <c r="AH7" s="213">
        <v>0</v>
      </c>
      <c r="AI7" s="236">
        <v>0</v>
      </c>
      <c r="AJ7" s="216">
        <v>1670</v>
      </c>
      <c r="AK7" s="212">
        <v>3424</v>
      </c>
      <c r="AL7" s="212">
        <v>4827</v>
      </c>
      <c r="AM7" s="212">
        <v>5825</v>
      </c>
      <c r="AN7" s="213">
        <v>2989</v>
      </c>
      <c r="AO7" s="236">
        <v>18735</v>
      </c>
      <c r="AP7" s="215">
        <v>18735</v>
      </c>
      <c r="AQ7" s="216">
        <v>0</v>
      </c>
      <c r="AR7" s="213">
        <v>0</v>
      </c>
      <c r="AS7" s="236">
        <v>0</v>
      </c>
      <c r="AT7" s="214">
        <v>1653</v>
      </c>
      <c r="AU7" s="212">
        <v>3386</v>
      </c>
      <c r="AV7" s="212">
        <v>4752</v>
      </c>
      <c r="AW7" s="212">
        <v>5714</v>
      </c>
      <c r="AX7" s="213">
        <v>2917</v>
      </c>
      <c r="AY7" s="236">
        <v>18422</v>
      </c>
      <c r="AZ7" s="237">
        <v>18422</v>
      </c>
      <c r="BA7" s="211">
        <v>0</v>
      </c>
      <c r="BB7" s="213">
        <v>0</v>
      </c>
      <c r="BC7" s="213">
        <v>0</v>
      </c>
      <c r="BD7" s="214">
        <v>17</v>
      </c>
      <c r="BE7" s="212">
        <v>38</v>
      </c>
      <c r="BF7" s="212">
        <v>75</v>
      </c>
      <c r="BG7" s="212">
        <v>111</v>
      </c>
      <c r="BH7" s="213">
        <v>72</v>
      </c>
      <c r="BI7" s="236">
        <v>313</v>
      </c>
      <c r="BJ7" s="238">
        <v>313</v>
      </c>
      <c r="BK7" s="216">
        <v>0</v>
      </c>
      <c r="BL7" s="213">
        <v>0</v>
      </c>
      <c r="BM7" s="213">
        <v>0</v>
      </c>
      <c r="BN7" s="214">
        <v>0</v>
      </c>
      <c r="BO7" s="212">
        <v>0</v>
      </c>
      <c r="BP7" s="212">
        <v>3</v>
      </c>
      <c r="BQ7" s="212">
        <v>37</v>
      </c>
      <c r="BR7" s="213">
        <v>59</v>
      </c>
      <c r="BS7" s="236">
        <v>99</v>
      </c>
      <c r="BT7" s="237">
        <v>99</v>
      </c>
      <c r="BU7" s="211">
        <v>0</v>
      </c>
      <c r="BV7" s="213">
        <v>0</v>
      </c>
      <c r="BW7" s="213">
        <v>0</v>
      </c>
      <c r="BX7" s="214">
        <v>0</v>
      </c>
      <c r="BY7" s="212">
        <v>0</v>
      </c>
      <c r="BZ7" s="212">
        <v>3</v>
      </c>
      <c r="CA7" s="212">
        <v>37</v>
      </c>
      <c r="CB7" s="213">
        <v>58</v>
      </c>
      <c r="CC7" s="236">
        <v>98</v>
      </c>
      <c r="CD7" s="238">
        <v>98</v>
      </c>
      <c r="CE7" s="216">
        <v>0</v>
      </c>
      <c r="CF7" s="213">
        <v>0</v>
      </c>
      <c r="CG7" s="213">
        <v>0</v>
      </c>
      <c r="CH7" s="214">
        <v>0</v>
      </c>
      <c r="CI7" s="212">
        <v>0</v>
      </c>
      <c r="CJ7" s="212">
        <v>0</v>
      </c>
      <c r="CK7" s="212">
        <v>0</v>
      </c>
      <c r="CL7" s="213">
        <v>1</v>
      </c>
      <c r="CM7" s="236">
        <v>1</v>
      </c>
      <c r="CN7" s="238">
        <v>1</v>
      </c>
      <c r="CO7" s="216">
        <v>0</v>
      </c>
      <c r="CP7" s="213">
        <v>0</v>
      </c>
      <c r="CQ7" s="213">
        <v>0</v>
      </c>
      <c r="CR7" s="214">
        <v>15</v>
      </c>
      <c r="CS7" s="212">
        <v>25</v>
      </c>
      <c r="CT7" s="212">
        <v>73</v>
      </c>
      <c r="CU7" s="212">
        <v>357</v>
      </c>
      <c r="CV7" s="213">
        <v>454</v>
      </c>
      <c r="CW7" s="236">
        <v>924</v>
      </c>
      <c r="CX7" s="237">
        <v>924</v>
      </c>
      <c r="CY7" s="211">
        <v>0</v>
      </c>
      <c r="CZ7" s="213">
        <v>0</v>
      </c>
      <c r="DA7" s="213">
        <v>0</v>
      </c>
      <c r="DB7" s="214">
        <v>13</v>
      </c>
      <c r="DC7" s="212">
        <v>25</v>
      </c>
      <c r="DD7" s="212">
        <v>72</v>
      </c>
      <c r="DE7" s="212">
        <v>349</v>
      </c>
      <c r="DF7" s="213">
        <v>443</v>
      </c>
      <c r="DG7" s="236">
        <v>902</v>
      </c>
      <c r="DH7" s="238">
        <v>902</v>
      </c>
      <c r="DI7" s="216">
        <v>0</v>
      </c>
      <c r="DJ7" s="213">
        <v>0</v>
      </c>
      <c r="DK7" s="213">
        <v>0</v>
      </c>
      <c r="DL7" s="214">
        <v>2</v>
      </c>
      <c r="DM7" s="212">
        <v>0</v>
      </c>
      <c r="DN7" s="212">
        <v>1</v>
      </c>
      <c r="DO7" s="212">
        <v>8</v>
      </c>
      <c r="DP7" s="213">
        <v>11</v>
      </c>
      <c r="DQ7" s="236">
        <v>22</v>
      </c>
      <c r="DR7" s="238">
        <v>22</v>
      </c>
      <c r="DS7" s="216">
        <v>0</v>
      </c>
      <c r="DT7" s="213">
        <v>0</v>
      </c>
      <c r="DU7" s="213">
        <v>0</v>
      </c>
      <c r="DV7" s="214">
        <v>2145</v>
      </c>
      <c r="DW7" s="212">
        <v>5166</v>
      </c>
      <c r="DX7" s="212">
        <v>15111</v>
      </c>
      <c r="DY7" s="212">
        <v>21234</v>
      </c>
      <c r="DZ7" s="213">
        <v>13514</v>
      </c>
      <c r="EA7" s="236">
        <v>57170</v>
      </c>
      <c r="EB7" s="238">
        <v>57170</v>
      </c>
      <c r="EC7" s="239"/>
    </row>
    <row r="8" spans="2:133" ht="21" customHeight="1" x14ac:dyDescent="0.2">
      <c r="B8" s="95" t="s">
        <v>5</v>
      </c>
      <c r="C8" s="217">
        <v>0</v>
      </c>
      <c r="D8" s="219">
        <v>0</v>
      </c>
      <c r="E8" s="219">
        <v>0</v>
      </c>
      <c r="F8" s="220">
        <v>267</v>
      </c>
      <c r="G8" s="218">
        <v>1153</v>
      </c>
      <c r="H8" s="218">
        <v>4529</v>
      </c>
      <c r="I8" s="218">
        <v>6354</v>
      </c>
      <c r="J8" s="219">
        <v>4251</v>
      </c>
      <c r="K8" s="240">
        <v>16554</v>
      </c>
      <c r="L8" s="241">
        <v>16554</v>
      </c>
      <c r="M8" s="217">
        <v>0</v>
      </c>
      <c r="N8" s="219">
        <v>0</v>
      </c>
      <c r="O8" s="240">
        <v>0</v>
      </c>
      <c r="P8" s="220">
        <v>266</v>
      </c>
      <c r="Q8" s="218">
        <v>1146</v>
      </c>
      <c r="R8" s="218">
        <v>4493</v>
      </c>
      <c r="S8" s="218">
        <v>6294</v>
      </c>
      <c r="T8" s="219">
        <v>4172</v>
      </c>
      <c r="U8" s="240">
        <v>16371</v>
      </c>
      <c r="V8" s="242">
        <v>16371</v>
      </c>
      <c r="W8" s="222">
        <v>0</v>
      </c>
      <c r="X8" s="219">
        <v>0</v>
      </c>
      <c r="Y8" s="240">
        <v>0</v>
      </c>
      <c r="Z8" s="222">
        <v>1</v>
      </c>
      <c r="AA8" s="218">
        <v>7</v>
      </c>
      <c r="AB8" s="218">
        <v>36</v>
      </c>
      <c r="AC8" s="218">
        <v>60</v>
      </c>
      <c r="AD8" s="219">
        <v>79</v>
      </c>
      <c r="AE8" s="240">
        <v>183</v>
      </c>
      <c r="AF8" s="221">
        <v>183</v>
      </c>
      <c r="AG8" s="222">
        <v>0</v>
      </c>
      <c r="AH8" s="219">
        <v>0</v>
      </c>
      <c r="AI8" s="240">
        <v>0</v>
      </c>
      <c r="AJ8" s="222">
        <v>630</v>
      </c>
      <c r="AK8" s="218">
        <v>1552</v>
      </c>
      <c r="AL8" s="218">
        <v>2096</v>
      </c>
      <c r="AM8" s="218">
        <v>2653</v>
      </c>
      <c r="AN8" s="219">
        <v>1400</v>
      </c>
      <c r="AO8" s="240">
        <v>8331</v>
      </c>
      <c r="AP8" s="221">
        <v>8331</v>
      </c>
      <c r="AQ8" s="222">
        <v>0</v>
      </c>
      <c r="AR8" s="219">
        <v>0</v>
      </c>
      <c r="AS8" s="240">
        <v>0</v>
      </c>
      <c r="AT8" s="220">
        <v>627</v>
      </c>
      <c r="AU8" s="218">
        <v>1532</v>
      </c>
      <c r="AV8" s="218">
        <v>2075</v>
      </c>
      <c r="AW8" s="218">
        <v>2611</v>
      </c>
      <c r="AX8" s="219">
        <v>1371</v>
      </c>
      <c r="AY8" s="240">
        <v>8216</v>
      </c>
      <c r="AZ8" s="241">
        <v>8216</v>
      </c>
      <c r="BA8" s="217">
        <v>0</v>
      </c>
      <c r="BB8" s="219">
        <v>0</v>
      </c>
      <c r="BC8" s="219">
        <v>0</v>
      </c>
      <c r="BD8" s="220">
        <v>3</v>
      </c>
      <c r="BE8" s="218">
        <v>20</v>
      </c>
      <c r="BF8" s="218">
        <v>21</v>
      </c>
      <c r="BG8" s="218">
        <v>42</v>
      </c>
      <c r="BH8" s="219">
        <v>29</v>
      </c>
      <c r="BI8" s="240">
        <v>115</v>
      </c>
      <c r="BJ8" s="242">
        <v>115</v>
      </c>
      <c r="BK8" s="222">
        <v>0</v>
      </c>
      <c r="BL8" s="219">
        <v>0</v>
      </c>
      <c r="BM8" s="219">
        <v>0</v>
      </c>
      <c r="BN8" s="220">
        <v>0</v>
      </c>
      <c r="BO8" s="218">
        <v>0</v>
      </c>
      <c r="BP8" s="218">
        <v>1</v>
      </c>
      <c r="BQ8" s="218">
        <v>11</v>
      </c>
      <c r="BR8" s="219">
        <v>23</v>
      </c>
      <c r="BS8" s="240">
        <v>35</v>
      </c>
      <c r="BT8" s="241">
        <v>35</v>
      </c>
      <c r="BU8" s="217">
        <v>0</v>
      </c>
      <c r="BV8" s="219">
        <v>0</v>
      </c>
      <c r="BW8" s="219">
        <v>0</v>
      </c>
      <c r="BX8" s="220">
        <v>0</v>
      </c>
      <c r="BY8" s="218">
        <v>0</v>
      </c>
      <c r="BZ8" s="218">
        <v>1</v>
      </c>
      <c r="CA8" s="218">
        <v>11</v>
      </c>
      <c r="CB8" s="219">
        <v>22</v>
      </c>
      <c r="CC8" s="240">
        <v>34</v>
      </c>
      <c r="CD8" s="242">
        <v>34</v>
      </c>
      <c r="CE8" s="222">
        <v>0</v>
      </c>
      <c r="CF8" s="219">
        <v>0</v>
      </c>
      <c r="CG8" s="219">
        <v>0</v>
      </c>
      <c r="CH8" s="220">
        <v>0</v>
      </c>
      <c r="CI8" s="218">
        <v>0</v>
      </c>
      <c r="CJ8" s="218">
        <v>0</v>
      </c>
      <c r="CK8" s="218">
        <v>0</v>
      </c>
      <c r="CL8" s="219">
        <v>1</v>
      </c>
      <c r="CM8" s="240">
        <v>1</v>
      </c>
      <c r="CN8" s="242">
        <v>1</v>
      </c>
      <c r="CO8" s="222">
        <v>0</v>
      </c>
      <c r="CP8" s="219">
        <v>0</v>
      </c>
      <c r="CQ8" s="219">
        <v>0</v>
      </c>
      <c r="CR8" s="220">
        <v>2</v>
      </c>
      <c r="CS8" s="218">
        <v>5</v>
      </c>
      <c r="CT8" s="218">
        <v>13</v>
      </c>
      <c r="CU8" s="218">
        <v>103</v>
      </c>
      <c r="CV8" s="219">
        <v>115</v>
      </c>
      <c r="CW8" s="240">
        <v>238</v>
      </c>
      <c r="CX8" s="241">
        <v>238</v>
      </c>
      <c r="CY8" s="217">
        <v>0</v>
      </c>
      <c r="CZ8" s="219">
        <v>0</v>
      </c>
      <c r="DA8" s="219">
        <v>0</v>
      </c>
      <c r="DB8" s="220">
        <v>2</v>
      </c>
      <c r="DC8" s="218">
        <v>5</v>
      </c>
      <c r="DD8" s="218">
        <v>13</v>
      </c>
      <c r="DE8" s="218">
        <v>101</v>
      </c>
      <c r="DF8" s="219">
        <v>115</v>
      </c>
      <c r="DG8" s="240">
        <v>236</v>
      </c>
      <c r="DH8" s="242">
        <v>236</v>
      </c>
      <c r="DI8" s="222">
        <v>0</v>
      </c>
      <c r="DJ8" s="219">
        <v>0</v>
      </c>
      <c r="DK8" s="219">
        <v>0</v>
      </c>
      <c r="DL8" s="220">
        <v>0</v>
      </c>
      <c r="DM8" s="218">
        <v>0</v>
      </c>
      <c r="DN8" s="218">
        <v>0</v>
      </c>
      <c r="DO8" s="218">
        <v>2</v>
      </c>
      <c r="DP8" s="219">
        <v>0</v>
      </c>
      <c r="DQ8" s="240">
        <v>2</v>
      </c>
      <c r="DR8" s="242">
        <v>2</v>
      </c>
      <c r="DS8" s="222">
        <v>0</v>
      </c>
      <c r="DT8" s="219">
        <v>0</v>
      </c>
      <c r="DU8" s="219">
        <v>0</v>
      </c>
      <c r="DV8" s="220">
        <v>899</v>
      </c>
      <c r="DW8" s="218">
        <v>2710</v>
      </c>
      <c r="DX8" s="218">
        <v>6639</v>
      </c>
      <c r="DY8" s="218">
        <v>9121</v>
      </c>
      <c r="DZ8" s="219">
        <v>5789</v>
      </c>
      <c r="EA8" s="240">
        <v>25158</v>
      </c>
      <c r="EB8" s="242">
        <v>25158</v>
      </c>
      <c r="EC8" s="239"/>
    </row>
    <row r="9" spans="2:133" ht="21" customHeight="1" x14ac:dyDescent="0.2">
      <c r="B9" s="106" t="s">
        <v>6</v>
      </c>
      <c r="C9" s="217">
        <v>0</v>
      </c>
      <c r="D9" s="219">
        <v>0</v>
      </c>
      <c r="E9" s="219">
        <v>0</v>
      </c>
      <c r="F9" s="220">
        <v>82</v>
      </c>
      <c r="G9" s="218">
        <v>189</v>
      </c>
      <c r="H9" s="218">
        <v>1274</v>
      </c>
      <c r="I9" s="218">
        <v>1881</v>
      </c>
      <c r="J9" s="219">
        <v>1290</v>
      </c>
      <c r="K9" s="240">
        <v>4716</v>
      </c>
      <c r="L9" s="241">
        <v>4716</v>
      </c>
      <c r="M9" s="217">
        <v>0</v>
      </c>
      <c r="N9" s="219">
        <v>0</v>
      </c>
      <c r="O9" s="240">
        <v>0</v>
      </c>
      <c r="P9" s="220">
        <v>82</v>
      </c>
      <c r="Q9" s="218">
        <v>189</v>
      </c>
      <c r="R9" s="218">
        <v>1263</v>
      </c>
      <c r="S9" s="218">
        <v>1858</v>
      </c>
      <c r="T9" s="219">
        <v>1275</v>
      </c>
      <c r="U9" s="240">
        <v>4667</v>
      </c>
      <c r="V9" s="242">
        <v>4667</v>
      </c>
      <c r="W9" s="222">
        <v>0</v>
      </c>
      <c r="X9" s="219">
        <v>0</v>
      </c>
      <c r="Y9" s="240">
        <v>0</v>
      </c>
      <c r="Z9" s="222">
        <v>0</v>
      </c>
      <c r="AA9" s="218">
        <v>0</v>
      </c>
      <c r="AB9" s="218">
        <v>11</v>
      </c>
      <c r="AC9" s="218">
        <v>23</v>
      </c>
      <c r="AD9" s="219">
        <v>15</v>
      </c>
      <c r="AE9" s="240">
        <v>49</v>
      </c>
      <c r="AF9" s="221">
        <v>49</v>
      </c>
      <c r="AG9" s="222">
        <v>0</v>
      </c>
      <c r="AH9" s="219">
        <v>0</v>
      </c>
      <c r="AI9" s="240">
        <v>0</v>
      </c>
      <c r="AJ9" s="222">
        <v>204</v>
      </c>
      <c r="AK9" s="218">
        <v>324</v>
      </c>
      <c r="AL9" s="218">
        <v>516</v>
      </c>
      <c r="AM9" s="218">
        <v>687</v>
      </c>
      <c r="AN9" s="219">
        <v>360</v>
      </c>
      <c r="AO9" s="240">
        <v>2091</v>
      </c>
      <c r="AP9" s="221">
        <v>2091</v>
      </c>
      <c r="AQ9" s="222">
        <v>0</v>
      </c>
      <c r="AR9" s="219">
        <v>0</v>
      </c>
      <c r="AS9" s="240">
        <v>0</v>
      </c>
      <c r="AT9" s="220">
        <v>200</v>
      </c>
      <c r="AU9" s="218">
        <v>321</v>
      </c>
      <c r="AV9" s="218">
        <v>499</v>
      </c>
      <c r="AW9" s="218">
        <v>665</v>
      </c>
      <c r="AX9" s="219">
        <v>348</v>
      </c>
      <c r="AY9" s="240">
        <v>2033</v>
      </c>
      <c r="AZ9" s="241">
        <v>2033</v>
      </c>
      <c r="BA9" s="217">
        <v>0</v>
      </c>
      <c r="BB9" s="219">
        <v>0</v>
      </c>
      <c r="BC9" s="219">
        <v>0</v>
      </c>
      <c r="BD9" s="220">
        <v>4</v>
      </c>
      <c r="BE9" s="218">
        <v>3</v>
      </c>
      <c r="BF9" s="218">
        <v>17</v>
      </c>
      <c r="BG9" s="218">
        <v>22</v>
      </c>
      <c r="BH9" s="219">
        <v>12</v>
      </c>
      <c r="BI9" s="240">
        <v>58</v>
      </c>
      <c r="BJ9" s="242">
        <v>58</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2</v>
      </c>
      <c r="CU9" s="218">
        <v>43</v>
      </c>
      <c r="CV9" s="219">
        <v>55</v>
      </c>
      <c r="CW9" s="240">
        <v>101</v>
      </c>
      <c r="CX9" s="241">
        <v>101</v>
      </c>
      <c r="CY9" s="217">
        <v>0</v>
      </c>
      <c r="CZ9" s="219">
        <v>0</v>
      </c>
      <c r="DA9" s="219">
        <v>0</v>
      </c>
      <c r="DB9" s="220">
        <v>0</v>
      </c>
      <c r="DC9" s="218">
        <v>1</v>
      </c>
      <c r="DD9" s="218">
        <v>2</v>
      </c>
      <c r="DE9" s="218">
        <v>42</v>
      </c>
      <c r="DF9" s="219">
        <v>54</v>
      </c>
      <c r="DG9" s="240">
        <v>99</v>
      </c>
      <c r="DH9" s="242">
        <v>99</v>
      </c>
      <c r="DI9" s="222">
        <v>0</v>
      </c>
      <c r="DJ9" s="219">
        <v>0</v>
      </c>
      <c r="DK9" s="219">
        <v>0</v>
      </c>
      <c r="DL9" s="220">
        <v>0</v>
      </c>
      <c r="DM9" s="218">
        <v>0</v>
      </c>
      <c r="DN9" s="218">
        <v>0</v>
      </c>
      <c r="DO9" s="218">
        <v>1</v>
      </c>
      <c r="DP9" s="219">
        <v>1</v>
      </c>
      <c r="DQ9" s="240">
        <v>2</v>
      </c>
      <c r="DR9" s="242">
        <v>2</v>
      </c>
      <c r="DS9" s="222">
        <v>0</v>
      </c>
      <c r="DT9" s="219">
        <v>0</v>
      </c>
      <c r="DU9" s="219">
        <v>0</v>
      </c>
      <c r="DV9" s="220">
        <v>286</v>
      </c>
      <c r="DW9" s="218">
        <v>514</v>
      </c>
      <c r="DX9" s="218">
        <v>1792</v>
      </c>
      <c r="DY9" s="218">
        <v>2611</v>
      </c>
      <c r="DZ9" s="219">
        <v>1705</v>
      </c>
      <c r="EA9" s="240">
        <v>6908</v>
      </c>
      <c r="EB9" s="242">
        <v>6908</v>
      </c>
      <c r="EC9" s="239"/>
    </row>
    <row r="10" spans="2:133" ht="21" customHeight="1" x14ac:dyDescent="0.2">
      <c r="B10" s="106" t="s">
        <v>14</v>
      </c>
      <c r="C10" s="217">
        <v>0</v>
      </c>
      <c r="D10" s="219">
        <v>0</v>
      </c>
      <c r="E10" s="219">
        <v>0</v>
      </c>
      <c r="F10" s="220">
        <v>9</v>
      </c>
      <c r="G10" s="218">
        <v>36</v>
      </c>
      <c r="H10" s="218">
        <v>843</v>
      </c>
      <c r="I10" s="218">
        <v>1259</v>
      </c>
      <c r="J10" s="219">
        <v>818</v>
      </c>
      <c r="K10" s="240">
        <v>2965</v>
      </c>
      <c r="L10" s="241">
        <v>2965</v>
      </c>
      <c r="M10" s="217">
        <v>0</v>
      </c>
      <c r="N10" s="219">
        <v>0</v>
      </c>
      <c r="O10" s="240">
        <v>0</v>
      </c>
      <c r="P10" s="220">
        <v>9</v>
      </c>
      <c r="Q10" s="218">
        <v>36</v>
      </c>
      <c r="R10" s="218">
        <v>839</v>
      </c>
      <c r="S10" s="218">
        <v>1247</v>
      </c>
      <c r="T10" s="219">
        <v>811</v>
      </c>
      <c r="U10" s="240">
        <v>2942</v>
      </c>
      <c r="V10" s="242">
        <v>2942</v>
      </c>
      <c r="W10" s="222">
        <v>0</v>
      </c>
      <c r="X10" s="219">
        <v>0</v>
      </c>
      <c r="Y10" s="240">
        <v>0</v>
      </c>
      <c r="Z10" s="222">
        <v>0</v>
      </c>
      <c r="AA10" s="218">
        <v>0</v>
      </c>
      <c r="AB10" s="218">
        <v>4</v>
      </c>
      <c r="AC10" s="218">
        <v>12</v>
      </c>
      <c r="AD10" s="219">
        <v>7</v>
      </c>
      <c r="AE10" s="240">
        <v>23</v>
      </c>
      <c r="AF10" s="221">
        <v>23</v>
      </c>
      <c r="AG10" s="222">
        <v>0</v>
      </c>
      <c r="AH10" s="219">
        <v>0</v>
      </c>
      <c r="AI10" s="240">
        <v>0</v>
      </c>
      <c r="AJ10" s="222">
        <v>61</v>
      </c>
      <c r="AK10" s="218">
        <v>206</v>
      </c>
      <c r="AL10" s="218">
        <v>308</v>
      </c>
      <c r="AM10" s="218">
        <v>384</v>
      </c>
      <c r="AN10" s="219">
        <v>194</v>
      </c>
      <c r="AO10" s="240">
        <v>1153</v>
      </c>
      <c r="AP10" s="221">
        <v>1153</v>
      </c>
      <c r="AQ10" s="222">
        <v>0</v>
      </c>
      <c r="AR10" s="219">
        <v>0</v>
      </c>
      <c r="AS10" s="240">
        <v>0</v>
      </c>
      <c r="AT10" s="220">
        <v>61</v>
      </c>
      <c r="AU10" s="218">
        <v>205</v>
      </c>
      <c r="AV10" s="218">
        <v>300</v>
      </c>
      <c r="AW10" s="218">
        <v>375</v>
      </c>
      <c r="AX10" s="219">
        <v>187</v>
      </c>
      <c r="AY10" s="240">
        <v>1128</v>
      </c>
      <c r="AZ10" s="241">
        <v>1128</v>
      </c>
      <c r="BA10" s="217">
        <v>0</v>
      </c>
      <c r="BB10" s="219">
        <v>0</v>
      </c>
      <c r="BC10" s="219">
        <v>0</v>
      </c>
      <c r="BD10" s="220">
        <v>0</v>
      </c>
      <c r="BE10" s="218">
        <v>1</v>
      </c>
      <c r="BF10" s="218">
        <v>8</v>
      </c>
      <c r="BG10" s="218">
        <v>9</v>
      </c>
      <c r="BH10" s="219">
        <v>7</v>
      </c>
      <c r="BI10" s="240">
        <v>25</v>
      </c>
      <c r="BJ10" s="242">
        <v>25</v>
      </c>
      <c r="BK10" s="222">
        <v>0</v>
      </c>
      <c r="BL10" s="219">
        <v>0</v>
      </c>
      <c r="BM10" s="219">
        <v>0</v>
      </c>
      <c r="BN10" s="220">
        <v>0</v>
      </c>
      <c r="BO10" s="218">
        <v>0</v>
      </c>
      <c r="BP10" s="218">
        <v>2</v>
      </c>
      <c r="BQ10" s="218">
        <v>20</v>
      </c>
      <c r="BR10" s="219">
        <v>22</v>
      </c>
      <c r="BS10" s="240">
        <v>44</v>
      </c>
      <c r="BT10" s="241">
        <v>44</v>
      </c>
      <c r="BU10" s="217">
        <v>0</v>
      </c>
      <c r="BV10" s="219">
        <v>0</v>
      </c>
      <c r="BW10" s="219">
        <v>0</v>
      </c>
      <c r="BX10" s="220">
        <v>0</v>
      </c>
      <c r="BY10" s="218">
        <v>0</v>
      </c>
      <c r="BZ10" s="218">
        <v>2</v>
      </c>
      <c r="CA10" s="218">
        <v>20</v>
      </c>
      <c r="CB10" s="219">
        <v>22</v>
      </c>
      <c r="CC10" s="240">
        <v>44</v>
      </c>
      <c r="CD10" s="242">
        <v>44</v>
      </c>
      <c r="CE10" s="222">
        <v>0</v>
      </c>
      <c r="CF10" s="219">
        <v>0</v>
      </c>
      <c r="CG10" s="219">
        <v>0</v>
      </c>
      <c r="CH10" s="220">
        <v>0</v>
      </c>
      <c r="CI10" s="218">
        <v>0</v>
      </c>
      <c r="CJ10" s="218">
        <v>0</v>
      </c>
      <c r="CK10" s="218">
        <v>0</v>
      </c>
      <c r="CL10" s="219">
        <v>0</v>
      </c>
      <c r="CM10" s="240">
        <v>0</v>
      </c>
      <c r="CN10" s="242">
        <v>0</v>
      </c>
      <c r="CO10" s="222">
        <v>0</v>
      </c>
      <c r="CP10" s="219">
        <v>0</v>
      </c>
      <c r="CQ10" s="219">
        <v>0</v>
      </c>
      <c r="CR10" s="220">
        <v>0</v>
      </c>
      <c r="CS10" s="218">
        <v>0</v>
      </c>
      <c r="CT10" s="218">
        <v>12</v>
      </c>
      <c r="CU10" s="218">
        <v>76</v>
      </c>
      <c r="CV10" s="219">
        <v>82</v>
      </c>
      <c r="CW10" s="240">
        <v>170</v>
      </c>
      <c r="CX10" s="241">
        <v>170</v>
      </c>
      <c r="CY10" s="217">
        <v>0</v>
      </c>
      <c r="CZ10" s="219">
        <v>0</v>
      </c>
      <c r="DA10" s="219">
        <v>0</v>
      </c>
      <c r="DB10" s="220">
        <v>0</v>
      </c>
      <c r="DC10" s="218">
        <v>0</v>
      </c>
      <c r="DD10" s="218">
        <v>11</v>
      </c>
      <c r="DE10" s="218">
        <v>75</v>
      </c>
      <c r="DF10" s="219">
        <v>80</v>
      </c>
      <c r="DG10" s="240">
        <v>166</v>
      </c>
      <c r="DH10" s="242">
        <v>166</v>
      </c>
      <c r="DI10" s="222">
        <v>0</v>
      </c>
      <c r="DJ10" s="219">
        <v>0</v>
      </c>
      <c r="DK10" s="219">
        <v>0</v>
      </c>
      <c r="DL10" s="220">
        <v>0</v>
      </c>
      <c r="DM10" s="218">
        <v>0</v>
      </c>
      <c r="DN10" s="218">
        <v>1</v>
      </c>
      <c r="DO10" s="218">
        <v>1</v>
      </c>
      <c r="DP10" s="219">
        <v>2</v>
      </c>
      <c r="DQ10" s="240">
        <v>4</v>
      </c>
      <c r="DR10" s="242">
        <v>4</v>
      </c>
      <c r="DS10" s="222">
        <v>0</v>
      </c>
      <c r="DT10" s="219">
        <v>0</v>
      </c>
      <c r="DU10" s="219">
        <v>0</v>
      </c>
      <c r="DV10" s="220">
        <v>70</v>
      </c>
      <c r="DW10" s="218">
        <v>241</v>
      </c>
      <c r="DX10" s="218">
        <v>1159</v>
      </c>
      <c r="DY10" s="218">
        <v>1732</v>
      </c>
      <c r="DZ10" s="219">
        <v>1112</v>
      </c>
      <c r="EA10" s="240">
        <v>4314</v>
      </c>
      <c r="EB10" s="242">
        <v>4314</v>
      </c>
      <c r="EC10" s="239"/>
    </row>
    <row r="11" spans="2:133" ht="21" customHeight="1" x14ac:dyDescent="0.2">
      <c r="B11" s="106" t="s">
        <v>7</v>
      </c>
      <c r="C11" s="217">
        <v>0</v>
      </c>
      <c r="D11" s="219">
        <v>0</v>
      </c>
      <c r="E11" s="219">
        <v>0</v>
      </c>
      <c r="F11" s="220">
        <v>25</v>
      </c>
      <c r="G11" s="218">
        <v>46</v>
      </c>
      <c r="H11" s="218">
        <v>621</v>
      </c>
      <c r="I11" s="218">
        <v>895</v>
      </c>
      <c r="J11" s="219">
        <v>546</v>
      </c>
      <c r="K11" s="240">
        <v>2133</v>
      </c>
      <c r="L11" s="241">
        <v>2133</v>
      </c>
      <c r="M11" s="217">
        <v>0</v>
      </c>
      <c r="N11" s="219">
        <v>0</v>
      </c>
      <c r="O11" s="240">
        <v>0</v>
      </c>
      <c r="P11" s="220">
        <v>24</v>
      </c>
      <c r="Q11" s="218">
        <v>44</v>
      </c>
      <c r="R11" s="218">
        <v>618</v>
      </c>
      <c r="S11" s="218">
        <v>881</v>
      </c>
      <c r="T11" s="219">
        <v>538</v>
      </c>
      <c r="U11" s="240">
        <v>2105</v>
      </c>
      <c r="V11" s="242">
        <v>2105</v>
      </c>
      <c r="W11" s="222">
        <v>0</v>
      </c>
      <c r="X11" s="219">
        <v>0</v>
      </c>
      <c r="Y11" s="240">
        <v>0</v>
      </c>
      <c r="Z11" s="222">
        <v>1</v>
      </c>
      <c r="AA11" s="218">
        <v>2</v>
      </c>
      <c r="AB11" s="218">
        <v>3</v>
      </c>
      <c r="AC11" s="218">
        <v>14</v>
      </c>
      <c r="AD11" s="219">
        <v>8</v>
      </c>
      <c r="AE11" s="240">
        <v>28</v>
      </c>
      <c r="AF11" s="221">
        <v>28</v>
      </c>
      <c r="AG11" s="222">
        <v>0</v>
      </c>
      <c r="AH11" s="219">
        <v>0</v>
      </c>
      <c r="AI11" s="240">
        <v>0</v>
      </c>
      <c r="AJ11" s="222">
        <v>160</v>
      </c>
      <c r="AK11" s="218">
        <v>210</v>
      </c>
      <c r="AL11" s="218">
        <v>268</v>
      </c>
      <c r="AM11" s="218">
        <v>301</v>
      </c>
      <c r="AN11" s="219">
        <v>108</v>
      </c>
      <c r="AO11" s="240">
        <v>1047</v>
      </c>
      <c r="AP11" s="221">
        <v>1047</v>
      </c>
      <c r="AQ11" s="222">
        <v>0</v>
      </c>
      <c r="AR11" s="219">
        <v>0</v>
      </c>
      <c r="AS11" s="240">
        <v>0</v>
      </c>
      <c r="AT11" s="220">
        <v>160</v>
      </c>
      <c r="AU11" s="218">
        <v>208</v>
      </c>
      <c r="AV11" s="218">
        <v>259</v>
      </c>
      <c r="AW11" s="218">
        <v>294</v>
      </c>
      <c r="AX11" s="219">
        <v>106</v>
      </c>
      <c r="AY11" s="240">
        <v>1027</v>
      </c>
      <c r="AZ11" s="241">
        <v>1027</v>
      </c>
      <c r="BA11" s="217">
        <v>0</v>
      </c>
      <c r="BB11" s="219">
        <v>0</v>
      </c>
      <c r="BC11" s="219">
        <v>0</v>
      </c>
      <c r="BD11" s="220">
        <v>0</v>
      </c>
      <c r="BE11" s="218">
        <v>2</v>
      </c>
      <c r="BF11" s="218">
        <v>9</v>
      </c>
      <c r="BG11" s="218">
        <v>7</v>
      </c>
      <c r="BH11" s="219">
        <v>2</v>
      </c>
      <c r="BI11" s="240">
        <v>20</v>
      </c>
      <c r="BJ11" s="242">
        <v>20</v>
      </c>
      <c r="BK11" s="222">
        <v>0</v>
      </c>
      <c r="BL11" s="219">
        <v>0</v>
      </c>
      <c r="BM11" s="219">
        <v>0</v>
      </c>
      <c r="BN11" s="220">
        <v>0</v>
      </c>
      <c r="BO11" s="218">
        <v>0</v>
      </c>
      <c r="BP11" s="218">
        <v>0</v>
      </c>
      <c r="BQ11" s="218">
        <v>1</v>
      </c>
      <c r="BR11" s="219">
        <v>2</v>
      </c>
      <c r="BS11" s="240">
        <v>3</v>
      </c>
      <c r="BT11" s="241">
        <v>3</v>
      </c>
      <c r="BU11" s="217">
        <v>0</v>
      </c>
      <c r="BV11" s="219">
        <v>0</v>
      </c>
      <c r="BW11" s="219">
        <v>0</v>
      </c>
      <c r="BX11" s="220">
        <v>0</v>
      </c>
      <c r="BY11" s="218">
        <v>0</v>
      </c>
      <c r="BZ11" s="218">
        <v>0</v>
      </c>
      <c r="CA11" s="218">
        <v>1</v>
      </c>
      <c r="CB11" s="219">
        <v>2</v>
      </c>
      <c r="CC11" s="240">
        <v>3</v>
      </c>
      <c r="CD11" s="242">
        <v>3</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1</v>
      </c>
      <c r="CU11" s="218">
        <v>4</v>
      </c>
      <c r="CV11" s="219">
        <v>0</v>
      </c>
      <c r="CW11" s="240">
        <v>5</v>
      </c>
      <c r="CX11" s="241">
        <v>5</v>
      </c>
      <c r="CY11" s="217">
        <v>0</v>
      </c>
      <c r="CZ11" s="219">
        <v>0</v>
      </c>
      <c r="DA11" s="219">
        <v>0</v>
      </c>
      <c r="DB11" s="220">
        <v>0</v>
      </c>
      <c r="DC11" s="218">
        <v>0</v>
      </c>
      <c r="DD11" s="218">
        <v>1</v>
      </c>
      <c r="DE11" s="218">
        <v>4</v>
      </c>
      <c r="DF11" s="219">
        <v>0</v>
      </c>
      <c r="DG11" s="240">
        <v>5</v>
      </c>
      <c r="DH11" s="242">
        <v>5</v>
      </c>
      <c r="DI11" s="222">
        <v>0</v>
      </c>
      <c r="DJ11" s="219">
        <v>0</v>
      </c>
      <c r="DK11" s="219">
        <v>0</v>
      </c>
      <c r="DL11" s="220">
        <v>0</v>
      </c>
      <c r="DM11" s="218">
        <v>0</v>
      </c>
      <c r="DN11" s="218">
        <v>0</v>
      </c>
      <c r="DO11" s="218">
        <v>0</v>
      </c>
      <c r="DP11" s="219">
        <v>0</v>
      </c>
      <c r="DQ11" s="240">
        <v>0</v>
      </c>
      <c r="DR11" s="242">
        <v>0</v>
      </c>
      <c r="DS11" s="222">
        <v>0</v>
      </c>
      <c r="DT11" s="219">
        <v>0</v>
      </c>
      <c r="DU11" s="219">
        <v>0</v>
      </c>
      <c r="DV11" s="220">
        <v>185</v>
      </c>
      <c r="DW11" s="218">
        <v>256</v>
      </c>
      <c r="DX11" s="218">
        <v>884</v>
      </c>
      <c r="DY11" s="218">
        <v>1194</v>
      </c>
      <c r="DZ11" s="219">
        <v>653</v>
      </c>
      <c r="EA11" s="240">
        <v>3172</v>
      </c>
      <c r="EB11" s="242">
        <v>3172</v>
      </c>
      <c r="EC11" s="239"/>
    </row>
    <row r="12" spans="2:133" ht="21" customHeight="1" x14ac:dyDescent="0.2">
      <c r="B12" s="106" t="s">
        <v>8</v>
      </c>
      <c r="C12" s="217">
        <v>0</v>
      </c>
      <c r="D12" s="219">
        <v>0</v>
      </c>
      <c r="E12" s="219">
        <v>0</v>
      </c>
      <c r="F12" s="220">
        <v>13</v>
      </c>
      <c r="G12" s="218">
        <v>62</v>
      </c>
      <c r="H12" s="218">
        <v>385</v>
      </c>
      <c r="I12" s="218">
        <v>417</v>
      </c>
      <c r="J12" s="219">
        <v>242</v>
      </c>
      <c r="K12" s="240">
        <v>1119</v>
      </c>
      <c r="L12" s="241">
        <v>1119</v>
      </c>
      <c r="M12" s="217">
        <v>0</v>
      </c>
      <c r="N12" s="219">
        <v>0</v>
      </c>
      <c r="O12" s="240">
        <v>0</v>
      </c>
      <c r="P12" s="220">
        <v>13</v>
      </c>
      <c r="Q12" s="218">
        <v>61</v>
      </c>
      <c r="R12" s="218">
        <v>384</v>
      </c>
      <c r="S12" s="218">
        <v>413</v>
      </c>
      <c r="T12" s="219">
        <v>240</v>
      </c>
      <c r="U12" s="240">
        <v>1111</v>
      </c>
      <c r="V12" s="242">
        <v>1111</v>
      </c>
      <c r="W12" s="222">
        <v>0</v>
      </c>
      <c r="X12" s="219">
        <v>0</v>
      </c>
      <c r="Y12" s="240">
        <v>0</v>
      </c>
      <c r="Z12" s="222">
        <v>0</v>
      </c>
      <c r="AA12" s="218">
        <v>1</v>
      </c>
      <c r="AB12" s="218">
        <v>1</v>
      </c>
      <c r="AC12" s="218">
        <v>4</v>
      </c>
      <c r="AD12" s="219">
        <v>2</v>
      </c>
      <c r="AE12" s="240">
        <v>8</v>
      </c>
      <c r="AF12" s="221">
        <v>8</v>
      </c>
      <c r="AG12" s="222">
        <v>0</v>
      </c>
      <c r="AH12" s="219">
        <v>0</v>
      </c>
      <c r="AI12" s="240">
        <v>0</v>
      </c>
      <c r="AJ12" s="222">
        <v>46</v>
      </c>
      <c r="AK12" s="218">
        <v>84</v>
      </c>
      <c r="AL12" s="218">
        <v>162</v>
      </c>
      <c r="AM12" s="218">
        <v>138</v>
      </c>
      <c r="AN12" s="219">
        <v>76</v>
      </c>
      <c r="AO12" s="240">
        <v>506</v>
      </c>
      <c r="AP12" s="221">
        <v>506</v>
      </c>
      <c r="AQ12" s="222">
        <v>0</v>
      </c>
      <c r="AR12" s="219">
        <v>0</v>
      </c>
      <c r="AS12" s="240">
        <v>0</v>
      </c>
      <c r="AT12" s="220">
        <v>46</v>
      </c>
      <c r="AU12" s="218">
        <v>84</v>
      </c>
      <c r="AV12" s="218">
        <v>162</v>
      </c>
      <c r="AW12" s="218">
        <v>136</v>
      </c>
      <c r="AX12" s="219">
        <v>74</v>
      </c>
      <c r="AY12" s="240">
        <v>502</v>
      </c>
      <c r="AZ12" s="241">
        <v>502</v>
      </c>
      <c r="BA12" s="217">
        <v>0</v>
      </c>
      <c r="BB12" s="219">
        <v>0</v>
      </c>
      <c r="BC12" s="219">
        <v>0</v>
      </c>
      <c r="BD12" s="220">
        <v>0</v>
      </c>
      <c r="BE12" s="218">
        <v>0</v>
      </c>
      <c r="BF12" s="218">
        <v>0</v>
      </c>
      <c r="BG12" s="218">
        <v>2</v>
      </c>
      <c r="BH12" s="219">
        <v>2</v>
      </c>
      <c r="BI12" s="240">
        <v>4</v>
      </c>
      <c r="BJ12" s="242">
        <v>4</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1</v>
      </c>
      <c r="CT12" s="218">
        <v>2</v>
      </c>
      <c r="CU12" s="218">
        <v>10</v>
      </c>
      <c r="CV12" s="219">
        <v>8</v>
      </c>
      <c r="CW12" s="240">
        <v>22</v>
      </c>
      <c r="CX12" s="241">
        <v>22</v>
      </c>
      <c r="CY12" s="217">
        <v>0</v>
      </c>
      <c r="CZ12" s="219">
        <v>0</v>
      </c>
      <c r="DA12" s="219">
        <v>0</v>
      </c>
      <c r="DB12" s="220">
        <v>1</v>
      </c>
      <c r="DC12" s="218">
        <v>1</v>
      </c>
      <c r="DD12" s="218">
        <v>2</v>
      </c>
      <c r="DE12" s="218">
        <v>9</v>
      </c>
      <c r="DF12" s="219">
        <v>7</v>
      </c>
      <c r="DG12" s="240">
        <v>20</v>
      </c>
      <c r="DH12" s="242">
        <v>20</v>
      </c>
      <c r="DI12" s="222">
        <v>0</v>
      </c>
      <c r="DJ12" s="219">
        <v>0</v>
      </c>
      <c r="DK12" s="219">
        <v>0</v>
      </c>
      <c r="DL12" s="220">
        <v>0</v>
      </c>
      <c r="DM12" s="218">
        <v>0</v>
      </c>
      <c r="DN12" s="218">
        <v>0</v>
      </c>
      <c r="DO12" s="218">
        <v>1</v>
      </c>
      <c r="DP12" s="219">
        <v>1</v>
      </c>
      <c r="DQ12" s="240">
        <v>2</v>
      </c>
      <c r="DR12" s="242">
        <v>2</v>
      </c>
      <c r="DS12" s="222">
        <v>0</v>
      </c>
      <c r="DT12" s="219">
        <v>0</v>
      </c>
      <c r="DU12" s="219">
        <v>0</v>
      </c>
      <c r="DV12" s="220">
        <v>60</v>
      </c>
      <c r="DW12" s="218">
        <v>147</v>
      </c>
      <c r="DX12" s="218">
        <v>549</v>
      </c>
      <c r="DY12" s="218">
        <v>565</v>
      </c>
      <c r="DZ12" s="219">
        <v>326</v>
      </c>
      <c r="EA12" s="240">
        <v>1647</v>
      </c>
      <c r="EB12" s="242">
        <v>1647</v>
      </c>
      <c r="EC12" s="239"/>
    </row>
    <row r="13" spans="2:133" ht="21" customHeight="1" x14ac:dyDescent="0.2">
      <c r="B13" s="106" t="s">
        <v>9</v>
      </c>
      <c r="C13" s="217">
        <v>0</v>
      </c>
      <c r="D13" s="219">
        <v>0</v>
      </c>
      <c r="E13" s="219">
        <v>0</v>
      </c>
      <c r="F13" s="220">
        <v>3</v>
      </c>
      <c r="G13" s="218">
        <v>5</v>
      </c>
      <c r="H13" s="218">
        <v>198</v>
      </c>
      <c r="I13" s="218">
        <v>341</v>
      </c>
      <c r="J13" s="219">
        <v>274</v>
      </c>
      <c r="K13" s="240">
        <v>821</v>
      </c>
      <c r="L13" s="241">
        <v>821</v>
      </c>
      <c r="M13" s="217">
        <v>0</v>
      </c>
      <c r="N13" s="219">
        <v>0</v>
      </c>
      <c r="O13" s="240">
        <v>0</v>
      </c>
      <c r="P13" s="220">
        <v>3</v>
      </c>
      <c r="Q13" s="218">
        <v>5</v>
      </c>
      <c r="R13" s="218">
        <v>197</v>
      </c>
      <c r="S13" s="218">
        <v>337</v>
      </c>
      <c r="T13" s="219">
        <v>272</v>
      </c>
      <c r="U13" s="240">
        <v>814</v>
      </c>
      <c r="V13" s="242">
        <v>814</v>
      </c>
      <c r="W13" s="222">
        <v>0</v>
      </c>
      <c r="X13" s="219">
        <v>0</v>
      </c>
      <c r="Y13" s="240">
        <v>0</v>
      </c>
      <c r="Z13" s="222">
        <v>0</v>
      </c>
      <c r="AA13" s="218">
        <v>0</v>
      </c>
      <c r="AB13" s="218">
        <v>1</v>
      </c>
      <c r="AC13" s="218">
        <v>4</v>
      </c>
      <c r="AD13" s="219">
        <v>2</v>
      </c>
      <c r="AE13" s="240">
        <v>7</v>
      </c>
      <c r="AF13" s="221">
        <v>7</v>
      </c>
      <c r="AG13" s="222">
        <v>0</v>
      </c>
      <c r="AH13" s="219">
        <v>0</v>
      </c>
      <c r="AI13" s="240">
        <v>0</v>
      </c>
      <c r="AJ13" s="222">
        <v>36</v>
      </c>
      <c r="AK13" s="218">
        <v>65</v>
      </c>
      <c r="AL13" s="218">
        <v>112</v>
      </c>
      <c r="AM13" s="218">
        <v>113</v>
      </c>
      <c r="AN13" s="219">
        <v>80</v>
      </c>
      <c r="AO13" s="240">
        <v>406</v>
      </c>
      <c r="AP13" s="221">
        <v>406</v>
      </c>
      <c r="AQ13" s="222">
        <v>0</v>
      </c>
      <c r="AR13" s="219">
        <v>0</v>
      </c>
      <c r="AS13" s="240">
        <v>0</v>
      </c>
      <c r="AT13" s="220">
        <v>36</v>
      </c>
      <c r="AU13" s="218">
        <v>64</v>
      </c>
      <c r="AV13" s="218">
        <v>108</v>
      </c>
      <c r="AW13" s="218">
        <v>109</v>
      </c>
      <c r="AX13" s="219">
        <v>80</v>
      </c>
      <c r="AY13" s="240">
        <v>397</v>
      </c>
      <c r="AZ13" s="241">
        <v>397</v>
      </c>
      <c r="BA13" s="217">
        <v>0</v>
      </c>
      <c r="BB13" s="219">
        <v>0</v>
      </c>
      <c r="BC13" s="219">
        <v>0</v>
      </c>
      <c r="BD13" s="220">
        <v>0</v>
      </c>
      <c r="BE13" s="218">
        <v>1</v>
      </c>
      <c r="BF13" s="218">
        <v>4</v>
      </c>
      <c r="BG13" s="218">
        <v>4</v>
      </c>
      <c r="BH13" s="219">
        <v>0</v>
      </c>
      <c r="BI13" s="240">
        <v>9</v>
      </c>
      <c r="BJ13" s="242">
        <v>9</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3</v>
      </c>
      <c r="CV13" s="219">
        <v>9</v>
      </c>
      <c r="CW13" s="240">
        <v>12</v>
      </c>
      <c r="CX13" s="241">
        <v>12</v>
      </c>
      <c r="CY13" s="217">
        <v>0</v>
      </c>
      <c r="CZ13" s="219">
        <v>0</v>
      </c>
      <c r="DA13" s="219">
        <v>0</v>
      </c>
      <c r="DB13" s="220">
        <v>0</v>
      </c>
      <c r="DC13" s="218">
        <v>0</v>
      </c>
      <c r="DD13" s="218">
        <v>0</v>
      </c>
      <c r="DE13" s="218">
        <v>3</v>
      </c>
      <c r="DF13" s="219">
        <v>9</v>
      </c>
      <c r="DG13" s="240">
        <v>12</v>
      </c>
      <c r="DH13" s="242">
        <v>12</v>
      </c>
      <c r="DI13" s="222">
        <v>0</v>
      </c>
      <c r="DJ13" s="219">
        <v>0</v>
      </c>
      <c r="DK13" s="219">
        <v>0</v>
      </c>
      <c r="DL13" s="220">
        <v>0</v>
      </c>
      <c r="DM13" s="218">
        <v>0</v>
      </c>
      <c r="DN13" s="218">
        <v>0</v>
      </c>
      <c r="DO13" s="218">
        <v>0</v>
      </c>
      <c r="DP13" s="219">
        <v>0</v>
      </c>
      <c r="DQ13" s="240">
        <v>0</v>
      </c>
      <c r="DR13" s="242">
        <v>0</v>
      </c>
      <c r="DS13" s="222">
        <v>0</v>
      </c>
      <c r="DT13" s="219">
        <v>0</v>
      </c>
      <c r="DU13" s="219">
        <v>0</v>
      </c>
      <c r="DV13" s="220">
        <v>39</v>
      </c>
      <c r="DW13" s="218">
        <v>70</v>
      </c>
      <c r="DX13" s="218">
        <v>308</v>
      </c>
      <c r="DY13" s="218">
        <v>450</v>
      </c>
      <c r="DZ13" s="219">
        <v>361</v>
      </c>
      <c r="EA13" s="240">
        <v>1228</v>
      </c>
      <c r="EB13" s="242">
        <v>1228</v>
      </c>
      <c r="EC13" s="239"/>
    </row>
    <row r="14" spans="2:133" ht="21" customHeight="1" x14ac:dyDescent="0.2">
      <c r="B14" s="106" t="s">
        <v>10</v>
      </c>
      <c r="C14" s="217">
        <v>0</v>
      </c>
      <c r="D14" s="219">
        <v>0</v>
      </c>
      <c r="E14" s="219">
        <v>0</v>
      </c>
      <c r="F14" s="220">
        <v>16</v>
      </c>
      <c r="G14" s="218">
        <v>52</v>
      </c>
      <c r="H14" s="218">
        <v>314</v>
      </c>
      <c r="I14" s="218">
        <v>588</v>
      </c>
      <c r="J14" s="219">
        <v>448</v>
      </c>
      <c r="K14" s="240">
        <v>1418</v>
      </c>
      <c r="L14" s="241">
        <v>1418</v>
      </c>
      <c r="M14" s="217">
        <v>0</v>
      </c>
      <c r="N14" s="219">
        <v>0</v>
      </c>
      <c r="O14" s="240">
        <v>0</v>
      </c>
      <c r="P14" s="220">
        <v>16</v>
      </c>
      <c r="Q14" s="218">
        <v>51</v>
      </c>
      <c r="R14" s="218">
        <v>310</v>
      </c>
      <c r="S14" s="218">
        <v>581</v>
      </c>
      <c r="T14" s="219">
        <v>443</v>
      </c>
      <c r="U14" s="240">
        <v>1401</v>
      </c>
      <c r="V14" s="242">
        <v>1401</v>
      </c>
      <c r="W14" s="222">
        <v>0</v>
      </c>
      <c r="X14" s="219">
        <v>0</v>
      </c>
      <c r="Y14" s="240">
        <v>0</v>
      </c>
      <c r="Z14" s="222">
        <v>0</v>
      </c>
      <c r="AA14" s="218">
        <v>1</v>
      </c>
      <c r="AB14" s="218">
        <v>4</v>
      </c>
      <c r="AC14" s="218">
        <v>7</v>
      </c>
      <c r="AD14" s="219">
        <v>5</v>
      </c>
      <c r="AE14" s="240">
        <v>17</v>
      </c>
      <c r="AF14" s="221">
        <v>17</v>
      </c>
      <c r="AG14" s="222">
        <v>0</v>
      </c>
      <c r="AH14" s="219">
        <v>0</v>
      </c>
      <c r="AI14" s="240">
        <v>0</v>
      </c>
      <c r="AJ14" s="222">
        <v>90</v>
      </c>
      <c r="AK14" s="218">
        <v>120</v>
      </c>
      <c r="AL14" s="218">
        <v>135</v>
      </c>
      <c r="AM14" s="218">
        <v>181</v>
      </c>
      <c r="AN14" s="219">
        <v>103</v>
      </c>
      <c r="AO14" s="240">
        <v>629</v>
      </c>
      <c r="AP14" s="221">
        <v>629</v>
      </c>
      <c r="AQ14" s="222">
        <v>0</v>
      </c>
      <c r="AR14" s="219">
        <v>0</v>
      </c>
      <c r="AS14" s="240">
        <v>0</v>
      </c>
      <c r="AT14" s="220">
        <v>87</v>
      </c>
      <c r="AU14" s="218">
        <v>118</v>
      </c>
      <c r="AV14" s="218">
        <v>131</v>
      </c>
      <c r="AW14" s="218">
        <v>179</v>
      </c>
      <c r="AX14" s="219">
        <v>99</v>
      </c>
      <c r="AY14" s="240">
        <v>614</v>
      </c>
      <c r="AZ14" s="241">
        <v>614</v>
      </c>
      <c r="BA14" s="217">
        <v>0</v>
      </c>
      <c r="BB14" s="219">
        <v>0</v>
      </c>
      <c r="BC14" s="219">
        <v>0</v>
      </c>
      <c r="BD14" s="220">
        <v>3</v>
      </c>
      <c r="BE14" s="218">
        <v>2</v>
      </c>
      <c r="BF14" s="218">
        <v>4</v>
      </c>
      <c r="BG14" s="218">
        <v>2</v>
      </c>
      <c r="BH14" s="219">
        <v>4</v>
      </c>
      <c r="BI14" s="240">
        <v>15</v>
      </c>
      <c r="BJ14" s="242">
        <v>15</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0</v>
      </c>
      <c r="CS14" s="218">
        <v>0</v>
      </c>
      <c r="CT14" s="218">
        <v>1</v>
      </c>
      <c r="CU14" s="218">
        <v>4</v>
      </c>
      <c r="CV14" s="219">
        <v>28</v>
      </c>
      <c r="CW14" s="240">
        <v>33</v>
      </c>
      <c r="CX14" s="241">
        <v>33</v>
      </c>
      <c r="CY14" s="217">
        <v>0</v>
      </c>
      <c r="CZ14" s="219">
        <v>0</v>
      </c>
      <c r="DA14" s="219">
        <v>0</v>
      </c>
      <c r="DB14" s="220">
        <v>0</v>
      </c>
      <c r="DC14" s="218">
        <v>0</v>
      </c>
      <c r="DD14" s="218">
        <v>1</v>
      </c>
      <c r="DE14" s="218">
        <v>4</v>
      </c>
      <c r="DF14" s="219">
        <v>28</v>
      </c>
      <c r="DG14" s="240">
        <v>33</v>
      </c>
      <c r="DH14" s="242">
        <v>33</v>
      </c>
      <c r="DI14" s="222">
        <v>0</v>
      </c>
      <c r="DJ14" s="219">
        <v>0</v>
      </c>
      <c r="DK14" s="219">
        <v>0</v>
      </c>
      <c r="DL14" s="220">
        <v>0</v>
      </c>
      <c r="DM14" s="218">
        <v>0</v>
      </c>
      <c r="DN14" s="218">
        <v>0</v>
      </c>
      <c r="DO14" s="218">
        <v>0</v>
      </c>
      <c r="DP14" s="219">
        <v>0</v>
      </c>
      <c r="DQ14" s="240">
        <v>0</v>
      </c>
      <c r="DR14" s="242">
        <v>0</v>
      </c>
      <c r="DS14" s="222">
        <v>0</v>
      </c>
      <c r="DT14" s="219">
        <v>0</v>
      </c>
      <c r="DU14" s="219">
        <v>0</v>
      </c>
      <c r="DV14" s="220">
        <v>106</v>
      </c>
      <c r="DW14" s="218">
        <v>172</v>
      </c>
      <c r="DX14" s="218">
        <v>447</v>
      </c>
      <c r="DY14" s="218">
        <v>766</v>
      </c>
      <c r="DZ14" s="219">
        <v>574</v>
      </c>
      <c r="EA14" s="240">
        <v>2065</v>
      </c>
      <c r="EB14" s="242">
        <v>2065</v>
      </c>
      <c r="EC14" s="239"/>
    </row>
    <row r="15" spans="2:133" ht="21" customHeight="1" x14ac:dyDescent="0.2">
      <c r="B15" s="106" t="s">
        <v>11</v>
      </c>
      <c r="C15" s="217">
        <v>0</v>
      </c>
      <c r="D15" s="219">
        <v>0</v>
      </c>
      <c r="E15" s="219">
        <v>0</v>
      </c>
      <c r="F15" s="220">
        <v>1</v>
      </c>
      <c r="G15" s="218">
        <v>8</v>
      </c>
      <c r="H15" s="218">
        <v>192</v>
      </c>
      <c r="I15" s="218">
        <v>370</v>
      </c>
      <c r="J15" s="219">
        <v>215</v>
      </c>
      <c r="K15" s="240">
        <v>786</v>
      </c>
      <c r="L15" s="241">
        <v>786</v>
      </c>
      <c r="M15" s="217">
        <v>0</v>
      </c>
      <c r="N15" s="219">
        <v>0</v>
      </c>
      <c r="O15" s="240">
        <v>0</v>
      </c>
      <c r="P15" s="220">
        <v>1</v>
      </c>
      <c r="Q15" s="218">
        <v>8</v>
      </c>
      <c r="R15" s="218">
        <v>191</v>
      </c>
      <c r="S15" s="218">
        <v>368</v>
      </c>
      <c r="T15" s="219">
        <v>214</v>
      </c>
      <c r="U15" s="240">
        <v>782</v>
      </c>
      <c r="V15" s="242">
        <v>782</v>
      </c>
      <c r="W15" s="222">
        <v>0</v>
      </c>
      <c r="X15" s="219">
        <v>0</v>
      </c>
      <c r="Y15" s="240">
        <v>0</v>
      </c>
      <c r="Z15" s="222">
        <v>0</v>
      </c>
      <c r="AA15" s="218">
        <v>0</v>
      </c>
      <c r="AB15" s="218">
        <v>1</v>
      </c>
      <c r="AC15" s="218">
        <v>2</v>
      </c>
      <c r="AD15" s="219">
        <v>1</v>
      </c>
      <c r="AE15" s="240">
        <v>4</v>
      </c>
      <c r="AF15" s="221">
        <v>4</v>
      </c>
      <c r="AG15" s="222">
        <v>0</v>
      </c>
      <c r="AH15" s="219">
        <v>0</v>
      </c>
      <c r="AI15" s="240">
        <v>0</v>
      </c>
      <c r="AJ15" s="222">
        <v>56</v>
      </c>
      <c r="AK15" s="218">
        <v>91</v>
      </c>
      <c r="AL15" s="218">
        <v>136</v>
      </c>
      <c r="AM15" s="218">
        <v>139</v>
      </c>
      <c r="AN15" s="219">
        <v>87</v>
      </c>
      <c r="AO15" s="240">
        <v>509</v>
      </c>
      <c r="AP15" s="221">
        <v>509</v>
      </c>
      <c r="AQ15" s="222">
        <v>0</v>
      </c>
      <c r="AR15" s="219">
        <v>0</v>
      </c>
      <c r="AS15" s="240">
        <v>0</v>
      </c>
      <c r="AT15" s="220">
        <v>54</v>
      </c>
      <c r="AU15" s="218">
        <v>90</v>
      </c>
      <c r="AV15" s="218">
        <v>135</v>
      </c>
      <c r="AW15" s="218">
        <v>137</v>
      </c>
      <c r="AX15" s="219">
        <v>86</v>
      </c>
      <c r="AY15" s="240">
        <v>502</v>
      </c>
      <c r="AZ15" s="241">
        <v>502</v>
      </c>
      <c r="BA15" s="217">
        <v>0</v>
      </c>
      <c r="BB15" s="219">
        <v>0</v>
      </c>
      <c r="BC15" s="219">
        <v>0</v>
      </c>
      <c r="BD15" s="220">
        <v>2</v>
      </c>
      <c r="BE15" s="218">
        <v>1</v>
      </c>
      <c r="BF15" s="218">
        <v>1</v>
      </c>
      <c r="BG15" s="218">
        <v>2</v>
      </c>
      <c r="BH15" s="219">
        <v>1</v>
      </c>
      <c r="BI15" s="240">
        <v>7</v>
      </c>
      <c r="BJ15" s="242">
        <v>7</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6</v>
      </c>
      <c r="CT15" s="218">
        <v>11</v>
      </c>
      <c r="CU15" s="218">
        <v>14</v>
      </c>
      <c r="CV15" s="219">
        <v>32</v>
      </c>
      <c r="CW15" s="240">
        <v>67</v>
      </c>
      <c r="CX15" s="241">
        <v>67</v>
      </c>
      <c r="CY15" s="217">
        <v>0</v>
      </c>
      <c r="CZ15" s="219">
        <v>0</v>
      </c>
      <c r="DA15" s="219">
        <v>0</v>
      </c>
      <c r="DB15" s="220">
        <v>3</v>
      </c>
      <c r="DC15" s="218">
        <v>6</v>
      </c>
      <c r="DD15" s="218">
        <v>11</v>
      </c>
      <c r="DE15" s="218">
        <v>14</v>
      </c>
      <c r="DF15" s="219">
        <v>29</v>
      </c>
      <c r="DG15" s="240">
        <v>63</v>
      </c>
      <c r="DH15" s="242">
        <v>63</v>
      </c>
      <c r="DI15" s="222">
        <v>0</v>
      </c>
      <c r="DJ15" s="219">
        <v>0</v>
      </c>
      <c r="DK15" s="219">
        <v>0</v>
      </c>
      <c r="DL15" s="220">
        <v>1</v>
      </c>
      <c r="DM15" s="218">
        <v>0</v>
      </c>
      <c r="DN15" s="218">
        <v>0</v>
      </c>
      <c r="DO15" s="218">
        <v>0</v>
      </c>
      <c r="DP15" s="219">
        <v>3</v>
      </c>
      <c r="DQ15" s="240">
        <v>4</v>
      </c>
      <c r="DR15" s="242">
        <v>4</v>
      </c>
      <c r="DS15" s="222">
        <v>0</v>
      </c>
      <c r="DT15" s="219">
        <v>0</v>
      </c>
      <c r="DU15" s="219">
        <v>0</v>
      </c>
      <c r="DV15" s="220">
        <v>61</v>
      </c>
      <c r="DW15" s="218">
        <v>104</v>
      </c>
      <c r="DX15" s="218">
        <v>339</v>
      </c>
      <c r="DY15" s="218">
        <v>522</v>
      </c>
      <c r="DZ15" s="219">
        <v>334</v>
      </c>
      <c r="EA15" s="240">
        <v>1360</v>
      </c>
      <c r="EB15" s="242">
        <v>1360</v>
      </c>
      <c r="EC15" s="239"/>
    </row>
    <row r="16" spans="2:133" ht="21" customHeight="1" x14ac:dyDescent="0.2">
      <c r="B16" s="106" t="s">
        <v>12</v>
      </c>
      <c r="C16" s="217">
        <v>0</v>
      </c>
      <c r="D16" s="219">
        <v>0</v>
      </c>
      <c r="E16" s="219">
        <v>0</v>
      </c>
      <c r="F16" s="220">
        <v>3</v>
      </c>
      <c r="G16" s="218">
        <v>19</v>
      </c>
      <c r="H16" s="218">
        <v>177</v>
      </c>
      <c r="I16" s="218">
        <v>297</v>
      </c>
      <c r="J16" s="219">
        <v>189</v>
      </c>
      <c r="K16" s="240">
        <v>685</v>
      </c>
      <c r="L16" s="241">
        <v>685</v>
      </c>
      <c r="M16" s="217">
        <v>0</v>
      </c>
      <c r="N16" s="219">
        <v>0</v>
      </c>
      <c r="O16" s="240">
        <v>0</v>
      </c>
      <c r="P16" s="220">
        <v>3</v>
      </c>
      <c r="Q16" s="218">
        <v>19</v>
      </c>
      <c r="R16" s="218">
        <v>177</v>
      </c>
      <c r="S16" s="218">
        <v>297</v>
      </c>
      <c r="T16" s="219">
        <v>185</v>
      </c>
      <c r="U16" s="240">
        <v>681</v>
      </c>
      <c r="V16" s="242">
        <v>681</v>
      </c>
      <c r="W16" s="222">
        <v>0</v>
      </c>
      <c r="X16" s="219">
        <v>0</v>
      </c>
      <c r="Y16" s="240">
        <v>0</v>
      </c>
      <c r="Z16" s="222">
        <v>0</v>
      </c>
      <c r="AA16" s="218">
        <v>0</v>
      </c>
      <c r="AB16" s="218">
        <v>0</v>
      </c>
      <c r="AC16" s="218">
        <v>0</v>
      </c>
      <c r="AD16" s="219">
        <v>4</v>
      </c>
      <c r="AE16" s="240">
        <v>4</v>
      </c>
      <c r="AF16" s="221">
        <v>4</v>
      </c>
      <c r="AG16" s="222">
        <v>0</v>
      </c>
      <c r="AH16" s="219">
        <v>0</v>
      </c>
      <c r="AI16" s="240">
        <v>0</v>
      </c>
      <c r="AJ16" s="222">
        <v>42</v>
      </c>
      <c r="AK16" s="218">
        <v>88</v>
      </c>
      <c r="AL16" s="218">
        <v>158</v>
      </c>
      <c r="AM16" s="218">
        <v>169</v>
      </c>
      <c r="AN16" s="219">
        <v>77</v>
      </c>
      <c r="AO16" s="240">
        <v>534</v>
      </c>
      <c r="AP16" s="221">
        <v>534</v>
      </c>
      <c r="AQ16" s="222">
        <v>0</v>
      </c>
      <c r="AR16" s="219">
        <v>0</v>
      </c>
      <c r="AS16" s="240">
        <v>0</v>
      </c>
      <c r="AT16" s="220">
        <v>40</v>
      </c>
      <c r="AU16" s="218">
        <v>88</v>
      </c>
      <c r="AV16" s="218">
        <v>158</v>
      </c>
      <c r="AW16" s="218">
        <v>167</v>
      </c>
      <c r="AX16" s="219">
        <v>75</v>
      </c>
      <c r="AY16" s="240">
        <v>528</v>
      </c>
      <c r="AZ16" s="241">
        <v>528</v>
      </c>
      <c r="BA16" s="217">
        <v>0</v>
      </c>
      <c r="BB16" s="219">
        <v>0</v>
      </c>
      <c r="BC16" s="219">
        <v>0</v>
      </c>
      <c r="BD16" s="220">
        <v>2</v>
      </c>
      <c r="BE16" s="218">
        <v>0</v>
      </c>
      <c r="BF16" s="218">
        <v>0</v>
      </c>
      <c r="BG16" s="218">
        <v>2</v>
      </c>
      <c r="BH16" s="219">
        <v>2</v>
      </c>
      <c r="BI16" s="240">
        <v>6</v>
      </c>
      <c r="BJ16" s="242">
        <v>6</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1</v>
      </c>
      <c r="CT16" s="218">
        <v>4</v>
      </c>
      <c r="CU16" s="218">
        <v>13</v>
      </c>
      <c r="CV16" s="219">
        <v>15</v>
      </c>
      <c r="CW16" s="240">
        <v>33</v>
      </c>
      <c r="CX16" s="241">
        <v>33</v>
      </c>
      <c r="CY16" s="217">
        <v>0</v>
      </c>
      <c r="CZ16" s="219">
        <v>0</v>
      </c>
      <c r="DA16" s="219">
        <v>0</v>
      </c>
      <c r="DB16" s="220">
        <v>0</v>
      </c>
      <c r="DC16" s="218">
        <v>1</v>
      </c>
      <c r="DD16" s="218">
        <v>4</v>
      </c>
      <c r="DE16" s="218">
        <v>13</v>
      </c>
      <c r="DF16" s="219">
        <v>15</v>
      </c>
      <c r="DG16" s="240">
        <v>33</v>
      </c>
      <c r="DH16" s="242">
        <v>33</v>
      </c>
      <c r="DI16" s="222">
        <v>0</v>
      </c>
      <c r="DJ16" s="219">
        <v>0</v>
      </c>
      <c r="DK16" s="219">
        <v>0</v>
      </c>
      <c r="DL16" s="220">
        <v>0</v>
      </c>
      <c r="DM16" s="218">
        <v>0</v>
      </c>
      <c r="DN16" s="218">
        <v>0</v>
      </c>
      <c r="DO16" s="218">
        <v>0</v>
      </c>
      <c r="DP16" s="219">
        <v>0</v>
      </c>
      <c r="DQ16" s="240">
        <v>0</v>
      </c>
      <c r="DR16" s="242">
        <v>0</v>
      </c>
      <c r="DS16" s="222">
        <v>0</v>
      </c>
      <c r="DT16" s="219">
        <v>0</v>
      </c>
      <c r="DU16" s="219">
        <v>0</v>
      </c>
      <c r="DV16" s="220">
        <v>45</v>
      </c>
      <c r="DW16" s="218">
        <v>108</v>
      </c>
      <c r="DX16" s="218">
        <v>339</v>
      </c>
      <c r="DY16" s="218">
        <v>478</v>
      </c>
      <c r="DZ16" s="219">
        <v>281</v>
      </c>
      <c r="EA16" s="240">
        <v>1251</v>
      </c>
      <c r="EB16" s="242">
        <v>1251</v>
      </c>
      <c r="EC16" s="239"/>
    </row>
    <row r="17" spans="2:133" ht="21" customHeight="1" x14ac:dyDescent="0.2">
      <c r="B17" s="106" t="s">
        <v>13</v>
      </c>
      <c r="C17" s="217">
        <v>0</v>
      </c>
      <c r="D17" s="219">
        <v>0</v>
      </c>
      <c r="E17" s="219">
        <v>0</v>
      </c>
      <c r="F17" s="220">
        <v>1</v>
      </c>
      <c r="G17" s="218">
        <v>6</v>
      </c>
      <c r="H17" s="218">
        <v>59</v>
      </c>
      <c r="I17" s="218">
        <v>134</v>
      </c>
      <c r="J17" s="219">
        <v>131</v>
      </c>
      <c r="K17" s="240">
        <v>331</v>
      </c>
      <c r="L17" s="241">
        <v>331</v>
      </c>
      <c r="M17" s="217">
        <v>0</v>
      </c>
      <c r="N17" s="219">
        <v>0</v>
      </c>
      <c r="O17" s="240">
        <v>0</v>
      </c>
      <c r="P17" s="220">
        <v>1</v>
      </c>
      <c r="Q17" s="218">
        <v>6</v>
      </c>
      <c r="R17" s="218">
        <v>58</v>
      </c>
      <c r="S17" s="218">
        <v>134</v>
      </c>
      <c r="T17" s="219">
        <v>130</v>
      </c>
      <c r="U17" s="240">
        <v>329</v>
      </c>
      <c r="V17" s="242">
        <v>329</v>
      </c>
      <c r="W17" s="222">
        <v>0</v>
      </c>
      <c r="X17" s="219">
        <v>0</v>
      </c>
      <c r="Y17" s="240">
        <v>0</v>
      </c>
      <c r="Z17" s="222">
        <v>0</v>
      </c>
      <c r="AA17" s="218">
        <v>0</v>
      </c>
      <c r="AB17" s="218">
        <v>1</v>
      </c>
      <c r="AC17" s="218">
        <v>0</v>
      </c>
      <c r="AD17" s="219">
        <v>1</v>
      </c>
      <c r="AE17" s="240">
        <v>2</v>
      </c>
      <c r="AF17" s="221">
        <v>2</v>
      </c>
      <c r="AG17" s="222">
        <v>0</v>
      </c>
      <c r="AH17" s="219">
        <v>0</v>
      </c>
      <c r="AI17" s="240">
        <v>0</v>
      </c>
      <c r="AJ17" s="222">
        <v>11</v>
      </c>
      <c r="AK17" s="218">
        <v>20</v>
      </c>
      <c r="AL17" s="218">
        <v>41</v>
      </c>
      <c r="AM17" s="218">
        <v>34</v>
      </c>
      <c r="AN17" s="219">
        <v>24</v>
      </c>
      <c r="AO17" s="240">
        <v>130</v>
      </c>
      <c r="AP17" s="221">
        <v>130</v>
      </c>
      <c r="AQ17" s="222">
        <v>0</v>
      </c>
      <c r="AR17" s="219">
        <v>0</v>
      </c>
      <c r="AS17" s="240">
        <v>0</v>
      </c>
      <c r="AT17" s="220">
        <v>11</v>
      </c>
      <c r="AU17" s="218">
        <v>19</v>
      </c>
      <c r="AV17" s="218">
        <v>40</v>
      </c>
      <c r="AW17" s="218">
        <v>33</v>
      </c>
      <c r="AX17" s="219">
        <v>23</v>
      </c>
      <c r="AY17" s="240">
        <v>126</v>
      </c>
      <c r="AZ17" s="241">
        <v>126</v>
      </c>
      <c r="BA17" s="217">
        <v>0</v>
      </c>
      <c r="BB17" s="219">
        <v>0</v>
      </c>
      <c r="BC17" s="219">
        <v>0</v>
      </c>
      <c r="BD17" s="220">
        <v>0</v>
      </c>
      <c r="BE17" s="218">
        <v>1</v>
      </c>
      <c r="BF17" s="218">
        <v>1</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1</v>
      </c>
      <c r="CU17" s="218">
        <v>0</v>
      </c>
      <c r="CV17" s="219">
        <v>0</v>
      </c>
      <c r="CW17" s="240">
        <v>1</v>
      </c>
      <c r="CX17" s="241">
        <v>1</v>
      </c>
      <c r="CY17" s="217">
        <v>0</v>
      </c>
      <c r="CZ17" s="219">
        <v>0</v>
      </c>
      <c r="DA17" s="219">
        <v>0</v>
      </c>
      <c r="DB17" s="220">
        <v>0</v>
      </c>
      <c r="DC17" s="218">
        <v>0</v>
      </c>
      <c r="DD17" s="218">
        <v>1</v>
      </c>
      <c r="DE17" s="218">
        <v>0</v>
      </c>
      <c r="DF17" s="219">
        <v>0</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2</v>
      </c>
      <c r="DW17" s="218">
        <v>26</v>
      </c>
      <c r="DX17" s="218">
        <v>101</v>
      </c>
      <c r="DY17" s="218">
        <v>168</v>
      </c>
      <c r="DZ17" s="219">
        <v>155</v>
      </c>
      <c r="EA17" s="240">
        <v>462</v>
      </c>
      <c r="EB17" s="242">
        <v>462</v>
      </c>
      <c r="EC17" s="239"/>
    </row>
    <row r="18" spans="2:133" ht="21" customHeight="1" x14ac:dyDescent="0.2">
      <c r="B18" s="106" t="s">
        <v>15</v>
      </c>
      <c r="C18" s="217">
        <v>0</v>
      </c>
      <c r="D18" s="219">
        <v>0</v>
      </c>
      <c r="E18" s="219">
        <v>0</v>
      </c>
      <c r="F18" s="220">
        <v>1</v>
      </c>
      <c r="G18" s="218">
        <v>0</v>
      </c>
      <c r="H18" s="218">
        <v>85</v>
      </c>
      <c r="I18" s="218">
        <v>150</v>
      </c>
      <c r="J18" s="219">
        <v>75</v>
      </c>
      <c r="K18" s="240">
        <v>311</v>
      </c>
      <c r="L18" s="241">
        <v>311</v>
      </c>
      <c r="M18" s="217">
        <v>0</v>
      </c>
      <c r="N18" s="219">
        <v>0</v>
      </c>
      <c r="O18" s="240">
        <v>0</v>
      </c>
      <c r="P18" s="220">
        <v>1</v>
      </c>
      <c r="Q18" s="218">
        <v>0</v>
      </c>
      <c r="R18" s="218">
        <v>85</v>
      </c>
      <c r="S18" s="218">
        <v>148</v>
      </c>
      <c r="T18" s="219">
        <v>73</v>
      </c>
      <c r="U18" s="240">
        <v>307</v>
      </c>
      <c r="V18" s="242">
        <v>307</v>
      </c>
      <c r="W18" s="222">
        <v>0</v>
      </c>
      <c r="X18" s="219">
        <v>0</v>
      </c>
      <c r="Y18" s="240">
        <v>0</v>
      </c>
      <c r="Z18" s="222">
        <v>0</v>
      </c>
      <c r="AA18" s="218">
        <v>0</v>
      </c>
      <c r="AB18" s="218">
        <v>0</v>
      </c>
      <c r="AC18" s="218">
        <v>2</v>
      </c>
      <c r="AD18" s="219">
        <v>2</v>
      </c>
      <c r="AE18" s="240">
        <v>4</v>
      </c>
      <c r="AF18" s="221">
        <v>4</v>
      </c>
      <c r="AG18" s="222">
        <v>0</v>
      </c>
      <c r="AH18" s="219">
        <v>0</v>
      </c>
      <c r="AI18" s="240">
        <v>0</v>
      </c>
      <c r="AJ18" s="222">
        <v>15</v>
      </c>
      <c r="AK18" s="218">
        <v>34</v>
      </c>
      <c r="AL18" s="218">
        <v>49</v>
      </c>
      <c r="AM18" s="218">
        <v>63</v>
      </c>
      <c r="AN18" s="219">
        <v>24</v>
      </c>
      <c r="AO18" s="240">
        <v>185</v>
      </c>
      <c r="AP18" s="221">
        <v>185</v>
      </c>
      <c r="AQ18" s="222">
        <v>0</v>
      </c>
      <c r="AR18" s="219">
        <v>0</v>
      </c>
      <c r="AS18" s="240">
        <v>0</v>
      </c>
      <c r="AT18" s="220">
        <v>15</v>
      </c>
      <c r="AU18" s="218">
        <v>34</v>
      </c>
      <c r="AV18" s="218">
        <v>49</v>
      </c>
      <c r="AW18" s="218">
        <v>61</v>
      </c>
      <c r="AX18" s="219">
        <v>23</v>
      </c>
      <c r="AY18" s="240">
        <v>182</v>
      </c>
      <c r="AZ18" s="241">
        <v>182</v>
      </c>
      <c r="BA18" s="217">
        <v>0</v>
      </c>
      <c r="BB18" s="219">
        <v>0</v>
      </c>
      <c r="BC18" s="219">
        <v>0</v>
      </c>
      <c r="BD18" s="220">
        <v>0</v>
      </c>
      <c r="BE18" s="218">
        <v>0</v>
      </c>
      <c r="BF18" s="218">
        <v>0</v>
      </c>
      <c r="BG18" s="218">
        <v>2</v>
      </c>
      <c r="BH18" s="219">
        <v>1</v>
      </c>
      <c r="BI18" s="240">
        <v>3</v>
      </c>
      <c r="BJ18" s="242">
        <v>3</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6</v>
      </c>
      <c r="DW18" s="218">
        <v>34</v>
      </c>
      <c r="DX18" s="218">
        <v>133</v>
      </c>
      <c r="DY18" s="218">
        <v>212</v>
      </c>
      <c r="DZ18" s="219">
        <v>99</v>
      </c>
      <c r="EA18" s="240">
        <v>494</v>
      </c>
      <c r="EB18" s="242">
        <v>494</v>
      </c>
      <c r="EC18" s="239"/>
    </row>
    <row r="19" spans="2:133" ht="21" customHeight="1" x14ac:dyDescent="0.2">
      <c r="B19" s="106" t="s">
        <v>16</v>
      </c>
      <c r="C19" s="217">
        <v>0</v>
      </c>
      <c r="D19" s="219">
        <v>0</v>
      </c>
      <c r="E19" s="219">
        <v>0</v>
      </c>
      <c r="F19" s="220">
        <v>5</v>
      </c>
      <c r="G19" s="218">
        <v>15</v>
      </c>
      <c r="H19" s="218">
        <v>217</v>
      </c>
      <c r="I19" s="218">
        <v>320</v>
      </c>
      <c r="J19" s="219">
        <v>181</v>
      </c>
      <c r="K19" s="240">
        <v>738</v>
      </c>
      <c r="L19" s="241">
        <v>738</v>
      </c>
      <c r="M19" s="217">
        <v>0</v>
      </c>
      <c r="N19" s="219">
        <v>0</v>
      </c>
      <c r="O19" s="240">
        <v>0</v>
      </c>
      <c r="P19" s="220">
        <v>5</v>
      </c>
      <c r="Q19" s="218">
        <v>14</v>
      </c>
      <c r="R19" s="218">
        <v>217</v>
      </c>
      <c r="S19" s="218">
        <v>319</v>
      </c>
      <c r="T19" s="219">
        <v>178</v>
      </c>
      <c r="U19" s="240">
        <v>733</v>
      </c>
      <c r="V19" s="242">
        <v>733</v>
      </c>
      <c r="W19" s="222">
        <v>0</v>
      </c>
      <c r="X19" s="219">
        <v>0</v>
      </c>
      <c r="Y19" s="240">
        <v>0</v>
      </c>
      <c r="Z19" s="222">
        <v>0</v>
      </c>
      <c r="AA19" s="218">
        <v>1</v>
      </c>
      <c r="AB19" s="218">
        <v>0</v>
      </c>
      <c r="AC19" s="218">
        <v>1</v>
      </c>
      <c r="AD19" s="219">
        <v>3</v>
      </c>
      <c r="AE19" s="240">
        <v>5</v>
      </c>
      <c r="AF19" s="221">
        <v>5</v>
      </c>
      <c r="AG19" s="222">
        <v>0</v>
      </c>
      <c r="AH19" s="219">
        <v>0</v>
      </c>
      <c r="AI19" s="240">
        <v>0</v>
      </c>
      <c r="AJ19" s="222">
        <v>48</v>
      </c>
      <c r="AK19" s="218">
        <v>96</v>
      </c>
      <c r="AL19" s="218">
        <v>134</v>
      </c>
      <c r="AM19" s="218">
        <v>146</v>
      </c>
      <c r="AN19" s="219">
        <v>58</v>
      </c>
      <c r="AO19" s="240">
        <v>482</v>
      </c>
      <c r="AP19" s="221">
        <v>482</v>
      </c>
      <c r="AQ19" s="222">
        <v>0</v>
      </c>
      <c r="AR19" s="219">
        <v>0</v>
      </c>
      <c r="AS19" s="240">
        <v>0</v>
      </c>
      <c r="AT19" s="220">
        <v>48</v>
      </c>
      <c r="AU19" s="218">
        <v>96</v>
      </c>
      <c r="AV19" s="218">
        <v>133</v>
      </c>
      <c r="AW19" s="218">
        <v>146</v>
      </c>
      <c r="AX19" s="219">
        <v>57</v>
      </c>
      <c r="AY19" s="240">
        <v>480</v>
      </c>
      <c r="AZ19" s="241">
        <v>480</v>
      </c>
      <c r="BA19" s="217">
        <v>0</v>
      </c>
      <c r="BB19" s="219">
        <v>0</v>
      </c>
      <c r="BC19" s="219">
        <v>0</v>
      </c>
      <c r="BD19" s="220">
        <v>0</v>
      </c>
      <c r="BE19" s="218">
        <v>0</v>
      </c>
      <c r="BF19" s="218">
        <v>1</v>
      </c>
      <c r="BG19" s="218">
        <v>0</v>
      </c>
      <c r="BH19" s="219">
        <v>1</v>
      </c>
      <c r="BI19" s="240">
        <v>2</v>
      </c>
      <c r="BJ19" s="242">
        <v>2</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1</v>
      </c>
      <c r="CV19" s="219">
        <v>11</v>
      </c>
      <c r="CW19" s="240">
        <v>24</v>
      </c>
      <c r="CX19" s="241">
        <v>24</v>
      </c>
      <c r="CY19" s="217">
        <v>0</v>
      </c>
      <c r="CZ19" s="219">
        <v>0</v>
      </c>
      <c r="DA19" s="219">
        <v>0</v>
      </c>
      <c r="DB19" s="220">
        <v>0</v>
      </c>
      <c r="DC19" s="218">
        <v>0</v>
      </c>
      <c r="DD19" s="218">
        <v>2</v>
      </c>
      <c r="DE19" s="218">
        <v>11</v>
      </c>
      <c r="DF19" s="219">
        <v>11</v>
      </c>
      <c r="DG19" s="240">
        <v>24</v>
      </c>
      <c r="DH19" s="242">
        <v>24</v>
      </c>
      <c r="DI19" s="222">
        <v>0</v>
      </c>
      <c r="DJ19" s="219">
        <v>0</v>
      </c>
      <c r="DK19" s="219">
        <v>0</v>
      </c>
      <c r="DL19" s="220">
        <v>0</v>
      </c>
      <c r="DM19" s="218">
        <v>0</v>
      </c>
      <c r="DN19" s="218">
        <v>0</v>
      </c>
      <c r="DO19" s="218">
        <v>0</v>
      </c>
      <c r="DP19" s="219">
        <v>0</v>
      </c>
      <c r="DQ19" s="240">
        <v>0</v>
      </c>
      <c r="DR19" s="242">
        <v>0</v>
      </c>
      <c r="DS19" s="222">
        <v>0</v>
      </c>
      <c r="DT19" s="219">
        <v>0</v>
      </c>
      <c r="DU19" s="219">
        <v>0</v>
      </c>
      <c r="DV19" s="220">
        <v>53</v>
      </c>
      <c r="DW19" s="218">
        <v>111</v>
      </c>
      <c r="DX19" s="218">
        <v>351</v>
      </c>
      <c r="DY19" s="218">
        <v>471</v>
      </c>
      <c r="DZ19" s="219">
        <v>249</v>
      </c>
      <c r="EA19" s="240">
        <v>1235</v>
      </c>
      <c r="EB19" s="242">
        <v>1235</v>
      </c>
      <c r="EC19" s="239"/>
    </row>
    <row r="20" spans="2:133" ht="21" customHeight="1" x14ac:dyDescent="0.2">
      <c r="B20" s="106" t="s">
        <v>17</v>
      </c>
      <c r="C20" s="217">
        <v>0</v>
      </c>
      <c r="D20" s="219">
        <v>0</v>
      </c>
      <c r="E20" s="219">
        <v>0</v>
      </c>
      <c r="F20" s="220">
        <v>4</v>
      </c>
      <c r="G20" s="218">
        <v>13</v>
      </c>
      <c r="H20" s="218">
        <v>206</v>
      </c>
      <c r="I20" s="218">
        <v>290</v>
      </c>
      <c r="J20" s="219">
        <v>222</v>
      </c>
      <c r="K20" s="240">
        <v>735</v>
      </c>
      <c r="L20" s="241">
        <v>735</v>
      </c>
      <c r="M20" s="217">
        <v>0</v>
      </c>
      <c r="N20" s="219">
        <v>0</v>
      </c>
      <c r="O20" s="240">
        <v>0</v>
      </c>
      <c r="P20" s="220">
        <v>4</v>
      </c>
      <c r="Q20" s="218">
        <v>13</v>
      </c>
      <c r="R20" s="218">
        <v>206</v>
      </c>
      <c r="S20" s="218">
        <v>288</v>
      </c>
      <c r="T20" s="219">
        <v>219</v>
      </c>
      <c r="U20" s="240">
        <v>730</v>
      </c>
      <c r="V20" s="242">
        <v>730</v>
      </c>
      <c r="W20" s="222">
        <v>0</v>
      </c>
      <c r="X20" s="219">
        <v>0</v>
      </c>
      <c r="Y20" s="240">
        <v>0</v>
      </c>
      <c r="Z20" s="222">
        <v>0</v>
      </c>
      <c r="AA20" s="218">
        <v>0</v>
      </c>
      <c r="AB20" s="218">
        <v>0</v>
      </c>
      <c r="AC20" s="218">
        <v>2</v>
      </c>
      <c r="AD20" s="219">
        <v>3</v>
      </c>
      <c r="AE20" s="240">
        <v>5</v>
      </c>
      <c r="AF20" s="221">
        <v>5</v>
      </c>
      <c r="AG20" s="222">
        <v>0</v>
      </c>
      <c r="AH20" s="219">
        <v>0</v>
      </c>
      <c r="AI20" s="240">
        <v>0</v>
      </c>
      <c r="AJ20" s="222">
        <v>35</v>
      </c>
      <c r="AK20" s="218">
        <v>114</v>
      </c>
      <c r="AL20" s="218">
        <v>150</v>
      </c>
      <c r="AM20" s="218">
        <v>154</v>
      </c>
      <c r="AN20" s="219">
        <v>82</v>
      </c>
      <c r="AO20" s="240">
        <v>535</v>
      </c>
      <c r="AP20" s="221">
        <v>535</v>
      </c>
      <c r="AQ20" s="222">
        <v>0</v>
      </c>
      <c r="AR20" s="219">
        <v>0</v>
      </c>
      <c r="AS20" s="240">
        <v>0</v>
      </c>
      <c r="AT20" s="220">
        <v>33</v>
      </c>
      <c r="AU20" s="218">
        <v>112</v>
      </c>
      <c r="AV20" s="218">
        <v>146</v>
      </c>
      <c r="AW20" s="218">
        <v>151</v>
      </c>
      <c r="AX20" s="219">
        <v>80</v>
      </c>
      <c r="AY20" s="240">
        <v>522</v>
      </c>
      <c r="AZ20" s="241">
        <v>522</v>
      </c>
      <c r="BA20" s="217">
        <v>0</v>
      </c>
      <c r="BB20" s="219">
        <v>0</v>
      </c>
      <c r="BC20" s="219">
        <v>0</v>
      </c>
      <c r="BD20" s="220">
        <v>2</v>
      </c>
      <c r="BE20" s="218">
        <v>2</v>
      </c>
      <c r="BF20" s="218">
        <v>4</v>
      </c>
      <c r="BG20" s="218">
        <v>3</v>
      </c>
      <c r="BH20" s="219">
        <v>2</v>
      </c>
      <c r="BI20" s="240">
        <v>13</v>
      </c>
      <c r="BJ20" s="242">
        <v>13</v>
      </c>
      <c r="BK20" s="222">
        <v>0</v>
      </c>
      <c r="BL20" s="219">
        <v>0</v>
      </c>
      <c r="BM20" s="219">
        <v>0</v>
      </c>
      <c r="BN20" s="220">
        <v>0</v>
      </c>
      <c r="BO20" s="218">
        <v>0</v>
      </c>
      <c r="BP20" s="218">
        <v>0</v>
      </c>
      <c r="BQ20" s="218">
        <v>1</v>
      </c>
      <c r="BR20" s="219">
        <v>3</v>
      </c>
      <c r="BS20" s="240">
        <v>4</v>
      </c>
      <c r="BT20" s="241">
        <v>4</v>
      </c>
      <c r="BU20" s="217">
        <v>0</v>
      </c>
      <c r="BV20" s="219">
        <v>0</v>
      </c>
      <c r="BW20" s="219">
        <v>0</v>
      </c>
      <c r="BX20" s="220">
        <v>0</v>
      </c>
      <c r="BY20" s="218">
        <v>0</v>
      </c>
      <c r="BZ20" s="218">
        <v>0</v>
      </c>
      <c r="CA20" s="218">
        <v>1</v>
      </c>
      <c r="CB20" s="219">
        <v>3</v>
      </c>
      <c r="CC20" s="240">
        <v>4</v>
      </c>
      <c r="CD20" s="242">
        <v>4</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4</v>
      </c>
      <c r="CV20" s="219">
        <v>15</v>
      </c>
      <c r="CW20" s="240">
        <v>19</v>
      </c>
      <c r="CX20" s="241">
        <v>19</v>
      </c>
      <c r="CY20" s="217">
        <v>0</v>
      </c>
      <c r="CZ20" s="219">
        <v>0</v>
      </c>
      <c r="DA20" s="219">
        <v>0</v>
      </c>
      <c r="DB20" s="220">
        <v>0</v>
      </c>
      <c r="DC20" s="218">
        <v>0</v>
      </c>
      <c r="DD20" s="218">
        <v>0</v>
      </c>
      <c r="DE20" s="218">
        <v>4</v>
      </c>
      <c r="DF20" s="219">
        <v>14</v>
      </c>
      <c r="DG20" s="240">
        <v>18</v>
      </c>
      <c r="DH20" s="242">
        <v>18</v>
      </c>
      <c r="DI20" s="222">
        <v>0</v>
      </c>
      <c r="DJ20" s="219">
        <v>0</v>
      </c>
      <c r="DK20" s="219">
        <v>0</v>
      </c>
      <c r="DL20" s="220">
        <v>0</v>
      </c>
      <c r="DM20" s="218">
        <v>0</v>
      </c>
      <c r="DN20" s="218">
        <v>0</v>
      </c>
      <c r="DO20" s="218">
        <v>0</v>
      </c>
      <c r="DP20" s="219">
        <v>1</v>
      </c>
      <c r="DQ20" s="240">
        <v>1</v>
      </c>
      <c r="DR20" s="242">
        <v>1</v>
      </c>
      <c r="DS20" s="222">
        <v>0</v>
      </c>
      <c r="DT20" s="219">
        <v>0</v>
      </c>
      <c r="DU20" s="219">
        <v>0</v>
      </c>
      <c r="DV20" s="220">
        <v>39</v>
      </c>
      <c r="DW20" s="218">
        <v>127</v>
      </c>
      <c r="DX20" s="218">
        <v>356</v>
      </c>
      <c r="DY20" s="218">
        <v>449</v>
      </c>
      <c r="DZ20" s="219">
        <v>322</v>
      </c>
      <c r="EA20" s="240">
        <v>1293</v>
      </c>
      <c r="EB20" s="242">
        <v>1293</v>
      </c>
      <c r="EC20" s="239"/>
    </row>
    <row r="21" spans="2:133" ht="21" customHeight="1" x14ac:dyDescent="0.2">
      <c r="B21" s="106" t="s">
        <v>18</v>
      </c>
      <c r="C21" s="217">
        <v>0</v>
      </c>
      <c r="D21" s="219">
        <v>0</v>
      </c>
      <c r="E21" s="219">
        <v>0</v>
      </c>
      <c r="F21" s="220">
        <v>5</v>
      </c>
      <c r="G21" s="218">
        <v>14</v>
      </c>
      <c r="H21" s="218">
        <v>201</v>
      </c>
      <c r="I21" s="218">
        <v>402</v>
      </c>
      <c r="J21" s="219">
        <v>260</v>
      </c>
      <c r="K21" s="240">
        <v>882</v>
      </c>
      <c r="L21" s="241">
        <v>882</v>
      </c>
      <c r="M21" s="217">
        <v>0</v>
      </c>
      <c r="N21" s="219">
        <v>0</v>
      </c>
      <c r="O21" s="240">
        <v>0</v>
      </c>
      <c r="P21" s="220">
        <v>5</v>
      </c>
      <c r="Q21" s="218">
        <v>14</v>
      </c>
      <c r="R21" s="218">
        <v>199</v>
      </c>
      <c r="S21" s="218">
        <v>396</v>
      </c>
      <c r="T21" s="219">
        <v>255</v>
      </c>
      <c r="U21" s="240">
        <v>869</v>
      </c>
      <c r="V21" s="242">
        <v>869</v>
      </c>
      <c r="W21" s="222">
        <v>0</v>
      </c>
      <c r="X21" s="219">
        <v>0</v>
      </c>
      <c r="Y21" s="240">
        <v>0</v>
      </c>
      <c r="Z21" s="222">
        <v>0</v>
      </c>
      <c r="AA21" s="218">
        <v>0</v>
      </c>
      <c r="AB21" s="218">
        <v>2</v>
      </c>
      <c r="AC21" s="218">
        <v>6</v>
      </c>
      <c r="AD21" s="219">
        <v>5</v>
      </c>
      <c r="AE21" s="240">
        <v>13</v>
      </c>
      <c r="AF21" s="221">
        <v>13</v>
      </c>
      <c r="AG21" s="222">
        <v>0</v>
      </c>
      <c r="AH21" s="219">
        <v>0</v>
      </c>
      <c r="AI21" s="240">
        <v>0</v>
      </c>
      <c r="AJ21" s="222">
        <v>23</v>
      </c>
      <c r="AK21" s="218">
        <v>72</v>
      </c>
      <c r="AL21" s="218">
        <v>123</v>
      </c>
      <c r="AM21" s="218">
        <v>120</v>
      </c>
      <c r="AN21" s="219">
        <v>73</v>
      </c>
      <c r="AO21" s="240">
        <v>411</v>
      </c>
      <c r="AP21" s="221">
        <v>411</v>
      </c>
      <c r="AQ21" s="222">
        <v>0</v>
      </c>
      <c r="AR21" s="219">
        <v>0</v>
      </c>
      <c r="AS21" s="240">
        <v>0</v>
      </c>
      <c r="AT21" s="220">
        <v>23</v>
      </c>
      <c r="AU21" s="218">
        <v>71</v>
      </c>
      <c r="AV21" s="218">
        <v>121</v>
      </c>
      <c r="AW21" s="218">
        <v>118</v>
      </c>
      <c r="AX21" s="219">
        <v>70</v>
      </c>
      <c r="AY21" s="240">
        <v>403</v>
      </c>
      <c r="AZ21" s="241">
        <v>403</v>
      </c>
      <c r="BA21" s="217">
        <v>0</v>
      </c>
      <c r="BB21" s="219">
        <v>0</v>
      </c>
      <c r="BC21" s="219">
        <v>0</v>
      </c>
      <c r="BD21" s="220">
        <v>0</v>
      </c>
      <c r="BE21" s="218">
        <v>1</v>
      </c>
      <c r="BF21" s="218">
        <v>2</v>
      </c>
      <c r="BG21" s="218">
        <v>2</v>
      </c>
      <c r="BH21" s="219">
        <v>3</v>
      </c>
      <c r="BI21" s="240">
        <v>8</v>
      </c>
      <c r="BJ21" s="242">
        <v>8</v>
      </c>
      <c r="BK21" s="222">
        <v>0</v>
      </c>
      <c r="BL21" s="219">
        <v>0</v>
      </c>
      <c r="BM21" s="219">
        <v>0</v>
      </c>
      <c r="BN21" s="220">
        <v>0</v>
      </c>
      <c r="BO21" s="218">
        <v>0</v>
      </c>
      <c r="BP21" s="218">
        <v>0</v>
      </c>
      <c r="BQ21" s="218">
        <v>1</v>
      </c>
      <c r="BR21" s="219">
        <v>0</v>
      </c>
      <c r="BS21" s="240">
        <v>1</v>
      </c>
      <c r="BT21" s="241">
        <v>1</v>
      </c>
      <c r="BU21" s="217">
        <v>0</v>
      </c>
      <c r="BV21" s="219">
        <v>0</v>
      </c>
      <c r="BW21" s="219">
        <v>0</v>
      </c>
      <c r="BX21" s="220">
        <v>0</v>
      </c>
      <c r="BY21" s="218">
        <v>0</v>
      </c>
      <c r="BZ21" s="218">
        <v>0</v>
      </c>
      <c r="CA21" s="218">
        <v>1</v>
      </c>
      <c r="CB21" s="219">
        <v>0</v>
      </c>
      <c r="CC21" s="240">
        <v>1</v>
      </c>
      <c r="CD21" s="242">
        <v>1</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2</v>
      </c>
      <c r="CU21" s="218">
        <v>15</v>
      </c>
      <c r="CV21" s="219">
        <v>15</v>
      </c>
      <c r="CW21" s="240">
        <v>33</v>
      </c>
      <c r="CX21" s="241">
        <v>33</v>
      </c>
      <c r="CY21" s="217">
        <v>0</v>
      </c>
      <c r="CZ21" s="219">
        <v>0</v>
      </c>
      <c r="DA21" s="219">
        <v>0</v>
      </c>
      <c r="DB21" s="220">
        <v>0</v>
      </c>
      <c r="DC21" s="218">
        <v>1</v>
      </c>
      <c r="DD21" s="218">
        <v>2</v>
      </c>
      <c r="DE21" s="218">
        <v>14</v>
      </c>
      <c r="DF21" s="219">
        <v>15</v>
      </c>
      <c r="DG21" s="240">
        <v>32</v>
      </c>
      <c r="DH21" s="242">
        <v>32</v>
      </c>
      <c r="DI21" s="222">
        <v>0</v>
      </c>
      <c r="DJ21" s="219">
        <v>0</v>
      </c>
      <c r="DK21" s="219">
        <v>0</v>
      </c>
      <c r="DL21" s="220">
        <v>0</v>
      </c>
      <c r="DM21" s="218">
        <v>0</v>
      </c>
      <c r="DN21" s="218">
        <v>0</v>
      </c>
      <c r="DO21" s="218">
        <v>1</v>
      </c>
      <c r="DP21" s="219">
        <v>0</v>
      </c>
      <c r="DQ21" s="240">
        <v>1</v>
      </c>
      <c r="DR21" s="242">
        <v>1</v>
      </c>
      <c r="DS21" s="222">
        <v>0</v>
      </c>
      <c r="DT21" s="219">
        <v>0</v>
      </c>
      <c r="DU21" s="219">
        <v>0</v>
      </c>
      <c r="DV21" s="220">
        <v>28</v>
      </c>
      <c r="DW21" s="218">
        <v>87</v>
      </c>
      <c r="DX21" s="218">
        <v>326</v>
      </c>
      <c r="DY21" s="218">
        <v>537</v>
      </c>
      <c r="DZ21" s="219">
        <v>345</v>
      </c>
      <c r="EA21" s="240">
        <v>1323</v>
      </c>
      <c r="EB21" s="242">
        <v>1323</v>
      </c>
      <c r="EC21" s="239"/>
    </row>
    <row r="22" spans="2:133" ht="21" customHeight="1" x14ac:dyDescent="0.2">
      <c r="B22" s="106" t="s">
        <v>19</v>
      </c>
      <c r="C22" s="217">
        <v>0</v>
      </c>
      <c r="D22" s="219">
        <v>0</v>
      </c>
      <c r="E22" s="219">
        <v>0</v>
      </c>
      <c r="F22" s="220">
        <v>1</v>
      </c>
      <c r="G22" s="218">
        <v>7</v>
      </c>
      <c r="H22" s="218">
        <v>114</v>
      </c>
      <c r="I22" s="218">
        <v>121</v>
      </c>
      <c r="J22" s="219">
        <v>103</v>
      </c>
      <c r="K22" s="240">
        <v>346</v>
      </c>
      <c r="L22" s="241">
        <v>346</v>
      </c>
      <c r="M22" s="217">
        <v>0</v>
      </c>
      <c r="N22" s="219">
        <v>0</v>
      </c>
      <c r="O22" s="240">
        <v>0</v>
      </c>
      <c r="P22" s="220">
        <v>1</v>
      </c>
      <c r="Q22" s="218">
        <v>7</v>
      </c>
      <c r="R22" s="218">
        <v>113</v>
      </c>
      <c r="S22" s="218">
        <v>121</v>
      </c>
      <c r="T22" s="219">
        <v>103</v>
      </c>
      <c r="U22" s="240">
        <v>345</v>
      </c>
      <c r="V22" s="242">
        <v>345</v>
      </c>
      <c r="W22" s="222">
        <v>0</v>
      </c>
      <c r="X22" s="219">
        <v>0</v>
      </c>
      <c r="Y22" s="240">
        <v>0</v>
      </c>
      <c r="Z22" s="222">
        <v>0</v>
      </c>
      <c r="AA22" s="218">
        <v>0</v>
      </c>
      <c r="AB22" s="218">
        <v>1</v>
      </c>
      <c r="AC22" s="218">
        <v>0</v>
      </c>
      <c r="AD22" s="219">
        <v>0</v>
      </c>
      <c r="AE22" s="240">
        <v>1</v>
      </c>
      <c r="AF22" s="221">
        <v>1</v>
      </c>
      <c r="AG22" s="222">
        <v>0</v>
      </c>
      <c r="AH22" s="219">
        <v>0</v>
      </c>
      <c r="AI22" s="240">
        <v>0</v>
      </c>
      <c r="AJ22" s="222">
        <v>25</v>
      </c>
      <c r="AK22" s="218">
        <v>48</v>
      </c>
      <c r="AL22" s="218">
        <v>64</v>
      </c>
      <c r="AM22" s="218">
        <v>64</v>
      </c>
      <c r="AN22" s="219">
        <v>30</v>
      </c>
      <c r="AO22" s="240">
        <v>231</v>
      </c>
      <c r="AP22" s="221">
        <v>231</v>
      </c>
      <c r="AQ22" s="222">
        <v>0</v>
      </c>
      <c r="AR22" s="219">
        <v>0</v>
      </c>
      <c r="AS22" s="240">
        <v>0</v>
      </c>
      <c r="AT22" s="220">
        <v>25</v>
      </c>
      <c r="AU22" s="218">
        <v>48</v>
      </c>
      <c r="AV22" s="218">
        <v>63</v>
      </c>
      <c r="AW22" s="218">
        <v>62</v>
      </c>
      <c r="AX22" s="219">
        <v>28</v>
      </c>
      <c r="AY22" s="240">
        <v>226</v>
      </c>
      <c r="AZ22" s="241">
        <v>226</v>
      </c>
      <c r="BA22" s="217">
        <v>0</v>
      </c>
      <c r="BB22" s="219">
        <v>0</v>
      </c>
      <c r="BC22" s="219">
        <v>0</v>
      </c>
      <c r="BD22" s="220">
        <v>0</v>
      </c>
      <c r="BE22" s="218">
        <v>0</v>
      </c>
      <c r="BF22" s="218">
        <v>1</v>
      </c>
      <c r="BG22" s="218">
        <v>2</v>
      </c>
      <c r="BH22" s="219">
        <v>2</v>
      </c>
      <c r="BI22" s="240">
        <v>5</v>
      </c>
      <c r="BJ22" s="242">
        <v>5</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4</v>
      </c>
      <c r="CV22" s="219">
        <v>6</v>
      </c>
      <c r="CW22" s="240">
        <v>10</v>
      </c>
      <c r="CX22" s="241">
        <v>10</v>
      </c>
      <c r="CY22" s="217">
        <v>0</v>
      </c>
      <c r="CZ22" s="219">
        <v>0</v>
      </c>
      <c r="DA22" s="219">
        <v>0</v>
      </c>
      <c r="DB22" s="220">
        <v>0</v>
      </c>
      <c r="DC22" s="218">
        <v>0</v>
      </c>
      <c r="DD22" s="218">
        <v>0</v>
      </c>
      <c r="DE22" s="218">
        <v>4</v>
      </c>
      <c r="DF22" s="219">
        <v>6</v>
      </c>
      <c r="DG22" s="240">
        <v>10</v>
      </c>
      <c r="DH22" s="242">
        <v>10</v>
      </c>
      <c r="DI22" s="222">
        <v>0</v>
      </c>
      <c r="DJ22" s="219">
        <v>0</v>
      </c>
      <c r="DK22" s="219">
        <v>0</v>
      </c>
      <c r="DL22" s="220">
        <v>0</v>
      </c>
      <c r="DM22" s="218">
        <v>0</v>
      </c>
      <c r="DN22" s="218">
        <v>0</v>
      </c>
      <c r="DO22" s="218">
        <v>0</v>
      </c>
      <c r="DP22" s="219">
        <v>0</v>
      </c>
      <c r="DQ22" s="240">
        <v>0</v>
      </c>
      <c r="DR22" s="242">
        <v>0</v>
      </c>
      <c r="DS22" s="222">
        <v>0</v>
      </c>
      <c r="DT22" s="219">
        <v>0</v>
      </c>
      <c r="DU22" s="219">
        <v>0</v>
      </c>
      <c r="DV22" s="220">
        <v>26</v>
      </c>
      <c r="DW22" s="218">
        <v>55</v>
      </c>
      <c r="DX22" s="218">
        <v>176</v>
      </c>
      <c r="DY22" s="218">
        <v>188</v>
      </c>
      <c r="DZ22" s="219">
        <v>137</v>
      </c>
      <c r="EA22" s="240">
        <v>582</v>
      </c>
      <c r="EB22" s="242">
        <v>582</v>
      </c>
      <c r="EC22" s="239"/>
    </row>
    <row r="23" spans="2:133" ht="21" customHeight="1" x14ac:dyDescent="0.2">
      <c r="B23" s="106" t="s">
        <v>20</v>
      </c>
      <c r="C23" s="217">
        <v>0</v>
      </c>
      <c r="D23" s="219">
        <v>0</v>
      </c>
      <c r="E23" s="219">
        <v>0</v>
      </c>
      <c r="F23" s="220">
        <v>5</v>
      </c>
      <c r="G23" s="218">
        <v>27</v>
      </c>
      <c r="H23" s="218">
        <v>146</v>
      </c>
      <c r="I23" s="218">
        <v>214</v>
      </c>
      <c r="J23" s="219">
        <v>101</v>
      </c>
      <c r="K23" s="240">
        <v>493</v>
      </c>
      <c r="L23" s="241">
        <v>493</v>
      </c>
      <c r="M23" s="217">
        <v>0</v>
      </c>
      <c r="N23" s="219">
        <v>0</v>
      </c>
      <c r="O23" s="240">
        <v>0</v>
      </c>
      <c r="P23" s="220">
        <v>5</v>
      </c>
      <c r="Q23" s="218">
        <v>27</v>
      </c>
      <c r="R23" s="218">
        <v>146</v>
      </c>
      <c r="S23" s="218">
        <v>213</v>
      </c>
      <c r="T23" s="219">
        <v>99</v>
      </c>
      <c r="U23" s="240">
        <v>490</v>
      </c>
      <c r="V23" s="242">
        <v>490</v>
      </c>
      <c r="W23" s="222">
        <v>0</v>
      </c>
      <c r="X23" s="219">
        <v>0</v>
      </c>
      <c r="Y23" s="240">
        <v>0</v>
      </c>
      <c r="Z23" s="222">
        <v>0</v>
      </c>
      <c r="AA23" s="218">
        <v>0</v>
      </c>
      <c r="AB23" s="218">
        <v>0</v>
      </c>
      <c r="AC23" s="218">
        <v>1</v>
      </c>
      <c r="AD23" s="219">
        <v>2</v>
      </c>
      <c r="AE23" s="240">
        <v>3</v>
      </c>
      <c r="AF23" s="221">
        <v>3</v>
      </c>
      <c r="AG23" s="222">
        <v>0</v>
      </c>
      <c r="AH23" s="219">
        <v>0</v>
      </c>
      <c r="AI23" s="240">
        <v>0</v>
      </c>
      <c r="AJ23" s="222">
        <v>18</v>
      </c>
      <c r="AK23" s="218">
        <v>35</v>
      </c>
      <c r="AL23" s="218">
        <v>35</v>
      </c>
      <c r="AM23" s="218">
        <v>53</v>
      </c>
      <c r="AN23" s="219">
        <v>20</v>
      </c>
      <c r="AO23" s="240">
        <v>161</v>
      </c>
      <c r="AP23" s="221">
        <v>161</v>
      </c>
      <c r="AQ23" s="222">
        <v>0</v>
      </c>
      <c r="AR23" s="219">
        <v>0</v>
      </c>
      <c r="AS23" s="240">
        <v>0</v>
      </c>
      <c r="AT23" s="220">
        <v>17</v>
      </c>
      <c r="AU23" s="218">
        <v>35</v>
      </c>
      <c r="AV23" s="218">
        <v>35</v>
      </c>
      <c r="AW23" s="218">
        <v>53</v>
      </c>
      <c r="AX23" s="219">
        <v>20</v>
      </c>
      <c r="AY23" s="240">
        <v>160</v>
      </c>
      <c r="AZ23" s="241">
        <v>160</v>
      </c>
      <c r="BA23" s="217">
        <v>0</v>
      </c>
      <c r="BB23" s="219">
        <v>0</v>
      </c>
      <c r="BC23" s="219">
        <v>0</v>
      </c>
      <c r="BD23" s="220">
        <v>1</v>
      </c>
      <c r="BE23" s="218">
        <v>0</v>
      </c>
      <c r="BF23" s="218">
        <v>0</v>
      </c>
      <c r="BG23" s="218">
        <v>0</v>
      </c>
      <c r="BH23" s="219">
        <v>0</v>
      </c>
      <c r="BI23" s="240">
        <v>1</v>
      </c>
      <c r="BJ23" s="242">
        <v>1</v>
      </c>
      <c r="BK23" s="222">
        <v>0</v>
      </c>
      <c r="BL23" s="219">
        <v>0</v>
      </c>
      <c r="BM23" s="219">
        <v>0</v>
      </c>
      <c r="BN23" s="220">
        <v>0</v>
      </c>
      <c r="BO23" s="218">
        <v>0</v>
      </c>
      <c r="BP23" s="218">
        <v>0</v>
      </c>
      <c r="BQ23" s="218">
        <v>2</v>
      </c>
      <c r="BR23" s="219">
        <v>0</v>
      </c>
      <c r="BS23" s="240">
        <v>2</v>
      </c>
      <c r="BT23" s="241">
        <v>2</v>
      </c>
      <c r="BU23" s="217">
        <v>0</v>
      </c>
      <c r="BV23" s="219">
        <v>0</v>
      </c>
      <c r="BW23" s="219">
        <v>0</v>
      </c>
      <c r="BX23" s="220">
        <v>0</v>
      </c>
      <c r="BY23" s="218">
        <v>0</v>
      </c>
      <c r="BZ23" s="218">
        <v>0</v>
      </c>
      <c r="CA23" s="218">
        <v>2</v>
      </c>
      <c r="CB23" s="219">
        <v>0</v>
      </c>
      <c r="CC23" s="240">
        <v>2</v>
      </c>
      <c r="CD23" s="242">
        <v>2</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0</v>
      </c>
      <c r="CU23" s="218">
        <v>2</v>
      </c>
      <c r="CV23" s="219">
        <v>4</v>
      </c>
      <c r="CW23" s="240">
        <v>6</v>
      </c>
      <c r="CX23" s="241">
        <v>6</v>
      </c>
      <c r="CY23" s="217">
        <v>0</v>
      </c>
      <c r="CZ23" s="219">
        <v>0</v>
      </c>
      <c r="DA23" s="219">
        <v>0</v>
      </c>
      <c r="DB23" s="220">
        <v>0</v>
      </c>
      <c r="DC23" s="218">
        <v>0</v>
      </c>
      <c r="DD23" s="218">
        <v>0</v>
      </c>
      <c r="DE23" s="218">
        <v>2</v>
      </c>
      <c r="DF23" s="219">
        <v>4</v>
      </c>
      <c r="DG23" s="240">
        <v>6</v>
      </c>
      <c r="DH23" s="242">
        <v>6</v>
      </c>
      <c r="DI23" s="222">
        <v>0</v>
      </c>
      <c r="DJ23" s="219">
        <v>0</v>
      </c>
      <c r="DK23" s="219">
        <v>0</v>
      </c>
      <c r="DL23" s="220">
        <v>0</v>
      </c>
      <c r="DM23" s="218">
        <v>0</v>
      </c>
      <c r="DN23" s="218">
        <v>0</v>
      </c>
      <c r="DO23" s="218">
        <v>0</v>
      </c>
      <c r="DP23" s="219">
        <v>0</v>
      </c>
      <c r="DQ23" s="240">
        <v>0</v>
      </c>
      <c r="DR23" s="242">
        <v>0</v>
      </c>
      <c r="DS23" s="222">
        <v>0</v>
      </c>
      <c r="DT23" s="219">
        <v>0</v>
      </c>
      <c r="DU23" s="219">
        <v>0</v>
      </c>
      <c r="DV23" s="220">
        <v>23</v>
      </c>
      <c r="DW23" s="218">
        <v>62</v>
      </c>
      <c r="DX23" s="218">
        <v>180</v>
      </c>
      <c r="DY23" s="218">
        <v>271</v>
      </c>
      <c r="DZ23" s="219">
        <v>125</v>
      </c>
      <c r="EA23" s="240">
        <v>661</v>
      </c>
      <c r="EB23" s="242">
        <v>661</v>
      </c>
      <c r="EC23" s="239"/>
    </row>
    <row r="24" spans="2:133" ht="21" customHeight="1" x14ac:dyDescent="0.2">
      <c r="B24" s="106" t="s">
        <v>21</v>
      </c>
      <c r="C24" s="217">
        <v>0</v>
      </c>
      <c r="D24" s="219">
        <v>0</v>
      </c>
      <c r="E24" s="219">
        <v>0</v>
      </c>
      <c r="F24" s="220">
        <v>5</v>
      </c>
      <c r="G24" s="218">
        <v>13</v>
      </c>
      <c r="H24" s="218">
        <v>176</v>
      </c>
      <c r="I24" s="218">
        <v>198</v>
      </c>
      <c r="J24" s="219">
        <v>142</v>
      </c>
      <c r="K24" s="240">
        <v>534</v>
      </c>
      <c r="L24" s="241">
        <v>534</v>
      </c>
      <c r="M24" s="217">
        <v>0</v>
      </c>
      <c r="N24" s="219">
        <v>0</v>
      </c>
      <c r="O24" s="240">
        <v>0</v>
      </c>
      <c r="P24" s="220">
        <v>4</v>
      </c>
      <c r="Q24" s="218">
        <v>13</v>
      </c>
      <c r="R24" s="218">
        <v>176</v>
      </c>
      <c r="S24" s="218">
        <v>198</v>
      </c>
      <c r="T24" s="219">
        <v>141</v>
      </c>
      <c r="U24" s="240">
        <v>532</v>
      </c>
      <c r="V24" s="242">
        <v>532</v>
      </c>
      <c r="W24" s="222">
        <v>0</v>
      </c>
      <c r="X24" s="219">
        <v>0</v>
      </c>
      <c r="Y24" s="240">
        <v>0</v>
      </c>
      <c r="Z24" s="222">
        <v>1</v>
      </c>
      <c r="AA24" s="218">
        <v>0</v>
      </c>
      <c r="AB24" s="218">
        <v>0</v>
      </c>
      <c r="AC24" s="218">
        <v>0</v>
      </c>
      <c r="AD24" s="219">
        <v>1</v>
      </c>
      <c r="AE24" s="240">
        <v>2</v>
      </c>
      <c r="AF24" s="221">
        <v>2</v>
      </c>
      <c r="AG24" s="222">
        <v>0</v>
      </c>
      <c r="AH24" s="219">
        <v>0</v>
      </c>
      <c r="AI24" s="240">
        <v>0</v>
      </c>
      <c r="AJ24" s="222">
        <v>20</v>
      </c>
      <c r="AK24" s="218">
        <v>31</v>
      </c>
      <c r="AL24" s="218">
        <v>41</v>
      </c>
      <c r="AM24" s="218">
        <v>50</v>
      </c>
      <c r="AN24" s="219">
        <v>21</v>
      </c>
      <c r="AO24" s="240">
        <v>163</v>
      </c>
      <c r="AP24" s="221">
        <v>163</v>
      </c>
      <c r="AQ24" s="222">
        <v>0</v>
      </c>
      <c r="AR24" s="219">
        <v>0</v>
      </c>
      <c r="AS24" s="240">
        <v>0</v>
      </c>
      <c r="AT24" s="220">
        <v>20</v>
      </c>
      <c r="AU24" s="218">
        <v>31</v>
      </c>
      <c r="AV24" s="218">
        <v>40</v>
      </c>
      <c r="AW24" s="218">
        <v>47</v>
      </c>
      <c r="AX24" s="219">
        <v>19</v>
      </c>
      <c r="AY24" s="240">
        <v>157</v>
      </c>
      <c r="AZ24" s="241">
        <v>157</v>
      </c>
      <c r="BA24" s="217">
        <v>0</v>
      </c>
      <c r="BB24" s="219">
        <v>0</v>
      </c>
      <c r="BC24" s="219">
        <v>0</v>
      </c>
      <c r="BD24" s="220">
        <v>0</v>
      </c>
      <c r="BE24" s="218">
        <v>0</v>
      </c>
      <c r="BF24" s="218">
        <v>1</v>
      </c>
      <c r="BG24" s="218">
        <v>3</v>
      </c>
      <c r="BH24" s="219">
        <v>2</v>
      </c>
      <c r="BI24" s="240">
        <v>6</v>
      </c>
      <c r="BJ24" s="242">
        <v>6</v>
      </c>
      <c r="BK24" s="222">
        <v>0</v>
      </c>
      <c r="BL24" s="219">
        <v>0</v>
      </c>
      <c r="BM24" s="219">
        <v>0</v>
      </c>
      <c r="BN24" s="220">
        <v>0</v>
      </c>
      <c r="BO24" s="218">
        <v>0</v>
      </c>
      <c r="BP24" s="218">
        <v>0</v>
      </c>
      <c r="BQ24" s="218">
        <v>0</v>
      </c>
      <c r="BR24" s="219">
        <v>4</v>
      </c>
      <c r="BS24" s="240">
        <v>4</v>
      </c>
      <c r="BT24" s="241">
        <v>4</v>
      </c>
      <c r="BU24" s="217">
        <v>0</v>
      </c>
      <c r="BV24" s="219">
        <v>0</v>
      </c>
      <c r="BW24" s="219">
        <v>0</v>
      </c>
      <c r="BX24" s="220">
        <v>0</v>
      </c>
      <c r="BY24" s="218">
        <v>0</v>
      </c>
      <c r="BZ24" s="218">
        <v>0</v>
      </c>
      <c r="CA24" s="218">
        <v>0</v>
      </c>
      <c r="CB24" s="219">
        <v>4</v>
      </c>
      <c r="CC24" s="240">
        <v>4</v>
      </c>
      <c r="CD24" s="242">
        <v>4</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0</v>
      </c>
      <c r="CT24" s="218">
        <v>3</v>
      </c>
      <c r="CU24" s="218">
        <v>11</v>
      </c>
      <c r="CV24" s="219">
        <v>16</v>
      </c>
      <c r="CW24" s="240">
        <v>30</v>
      </c>
      <c r="CX24" s="241">
        <v>30</v>
      </c>
      <c r="CY24" s="217">
        <v>0</v>
      </c>
      <c r="CZ24" s="219">
        <v>0</v>
      </c>
      <c r="DA24" s="219">
        <v>0</v>
      </c>
      <c r="DB24" s="220">
        <v>0</v>
      </c>
      <c r="DC24" s="218">
        <v>0</v>
      </c>
      <c r="DD24" s="218">
        <v>3</v>
      </c>
      <c r="DE24" s="218">
        <v>11</v>
      </c>
      <c r="DF24" s="219">
        <v>16</v>
      </c>
      <c r="DG24" s="240">
        <v>30</v>
      </c>
      <c r="DH24" s="242">
        <v>30</v>
      </c>
      <c r="DI24" s="222">
        <v>0</v>
      </c>
      <c r="DJ24" s="219">
        <v>0</v>
      </c>
      <c r="DK24" s="219">
        <v>0</v>
      </c>
      <c r="DL24" s="220">
        <v>0</v>
      </c>
      <c r="DM24" s="218">
        <v>0</v>
      </c>
      <c r="DN24" s="218">
        <v>0</v>
      </c>
      <c r="DO24" s="218">
        <v>0</v>
      </c>
      <c r="DP24" s="219">
        <v>0</v>
      </c>
      <c r="DQ24" s="240">
        <v>0</v>
      </c>
      <c r="DR24" s="242">
        <v>0</v>
      </c>
      <c r="DS24" s="222">
        <v>0</v>
      </c>
      <c r="DT24" s="219">
        <v>0</v>
      </c>
      <c r="DU24" s="219">
        <v>0</v>
      </c>
      <c r="DV24" s="220">
        <v>25</v>
      </c>
      <c r="DW24" s="218">
        <v>44</v>
      </c>
      <c r="DX24" s="218">
        <v>220</v>
      </c>
      <c r="DY24" s="218">
        <v>259</v>
      </c>
      <c r="DZ24" s="219">
        <v>183</v>
      </c>
      <c r="EA24" s="240">
        <v>731</v>
      </c>
      <c r="EB24" s="242">
        <v>731</v>
      </c>
      <c r="EC24" s="239"/>
    </row>
    <row r="25" spans="2:133" ht="21" customHeight="1" x14ac:dyDescent="0.2">
      <c r="B25" s="106" t="s">
        <v>22</v>
      </c>
      <c r="C25" s="217">
        <v>0</v>
      </c>
      <c r="D25" s="219">
        <v>0</v>
      </c>
      <c r="E25" s="219">
        <v>0</v>
      </c>
      <c r="F25" s="220">
        <v>3</v>
      </c>
      <c r="G25" s="218">
        <v>7</v>
      </c>
      <c r="H25" s="218">
        <v>51</v>
      </c>
      <c r="I25" s="218">
        <v>60</v>
      </c>
      <c r="J25" s="219">
        <v>33</v>
      </c>
      <c r="K25" s="240">
        <v>154</v>
      </c>
      <c r="L25" s="241">
        <v>154</v>
      </c>
      <c r="M25" s="217">
        <v>0</v>
      </c>
      <c r="N25" s="219">
        <v>0</v>
      </c>
      <c r="O25" s="240">
        <v>0</v>
      </c>
      <c r="P25" s="220">
        <v>3</v>
      </c>
      <c r="Q25" s="218">
        <v>7</v>
      </c>
      <c r="R25" s="218">
        <v>51</v>
      </c>
      <c r="S25" s="218">
        <v>60</v>
      </c>
      <c r="T25" s="219">
        <v>33</v>
      </c>
      <c r="U25" s="240">
        <v>154</v>
      </c>
      <c r="V25" s="242">
        <v>154</v>
      </c>
      <c r="W25" s="222">
        <v>0</v>
      </c>
      <c r="X25" s="219">
        <v>0</v>
      </c>
      <c r="Y25" s="240">
        <v>0</v>
      </c>
      <c r="Z25" s="222">
        <v>0</v>
      </c>
      <c r="AA25" s="218">
        <v>0</v>
      </c>
      <c r="AB25" s="218">
        <v>0</v>
      </c>
      <c r="AC25" s="218">
        <v>0</v>
      </c>
      <c r="AD25" s="219">
        <v>0</v>
      </c>
      <c r="AE25" s="240">
        <v>0</v>
      </c>
      <c r="AF25" s="221">
        <v>0</v>
      </c>
      <c r="AG25" s="222">
        <v>0</v>
      </c>
      <c r="AH25" s="219">
        <v>0</v>
      </c>
      <c r="AI25" s="240">
        <v>0</v>
      </c>
      <c r="AJ25" s="222">
        <v>12</v>
      </c>
      <c r="AK25" s="218">
        <v>24</v>
      </c>
      <c r="AL25" s="218">
        <v>23</v>
      </c>
      <c r="AM25" s="218">
        <v>45</v>
      </c>
      <c r="AN25" s="219">
        <v>21</v>
      </c>
      <c r="AO25" s="240">
        <v>125</v>
      </c>
      <c r="AP25" s="221">
        <v>125</v>
      </c>
      <c r="AQ25" s="222">
        <v>0</v>
      </c>
      <c r="AR25" s="219">
        <v>0</v>
      </c>
      <c r="AS25" s="240">
        <v>0</v>
      </c>
      <c r="AT25" s="220">
        <v>12</v>
      </c>
      <c r="AU25" s="218">
        <v>24</v>
      </c>
      <c r="AV25" s="218">
        <v>23</v>
      </c>
      <c r="AW25" s="218">
        <v>44</v>
      </c>
      <c r="AX25" s="219">
        <v>21</v>
      </c>
      <c r="AY25" s="240">
        <v>124</v>
      </c>
      <c r="AZ25" s="241">
        <v>124</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6</v>
      </c>
      <c r="CV25" s="219">
        <v>3</v>
      </c>
      <c r="CW25" s="240">
        <v>10</v>
      </c>
      <c r="CX25" s="241">
        <v>10</v>
      </c>
      <c r="CY25" s="217">
        <v>0</v>
      </c>
      <c r="CZ25" s="219">
        <v>0</v>
      </c>
      <c r="DA25" s="219">
        <v>0</v>
      </c>
      <c r="DB25" s="220">
        <v>0</v>
      </c>
      <c r="DC25" s="218">
        <v>0</v>
      </c>
      <c r="DD25" s="218">
        <v>1</v>
      </c>
      <c r="DE25" s="218">
        <v>6</v>
      </c>
      <c r="DF25" s="219">
        <v>1</v>
      </c>
      <c r="DG25" s="240">
        <v>8</v>
      </c>
      <c r="DH25" s="242">
        <v>8</v>
      </c>
      <c r="DI25" s="222">
        <v>0</v>
      </c>
      <c r="DJ25" s="219">
        <v>0</v>
      </c>
      <c r="DK25" s="219">
        <v>0</v>
      </c>
      <c r="DL25" s="220">
        <v>0</v>
      </c>
      <c r="DM25" s="218">
        <v>0</v>
      </c>
      <c r="DN25" s="218">
        <v>0</v>
      </c>
      <c r="DO25" s="218">
        <v>0</v>
      </c>
      <c r="DP25" s="219">
        <v>2</v>
      </c>
      <c r="DQ25" s="240">
        <v>2</v>
      </c>
      <c r="DR25" s="242">
        <v>2</v>
      </c>
      <c r="DS25" s="222">
        <v>0</v>
      </c>
      <c r="DT25" s="219">
        <v>0</v>
      </c>
      <c r="DU25" s="219">
        <v>0</v>
      </c>
      <c r="DV25" s="220">
        <v>15</v>
      </c>
      <c r="DW25" s="218">
        <v>31</v>
      </c>
      <c r="DX25" s="218">
        <v>75</v>
      </c>
      <c r="DY25" s="218">
        <v>111</v>
      </c>
      <c r="DZ25" s="219">
        <v>57</v>
      </c>
      <c r="EA25" s="240">
        <v>289</v>
      </c>
      <c r="EB25" s="242">
        <v>289</v>
      </c>
      <c r="EC25" s="239"/>
    </row>
    <row r="26" spans="2:133" ht="21" customHeight="1" x14ac:dyDescent="0.2">
      <c r="B26" s="106" t="s">
        <v>23</v>
      </c>
      <c r="C26" s="217">
        <v>0</v>
      </c>
      <c r="D26" s="219">
        <v>0</v>
      </c>
      <c r="E26" s="219">
        <v>0</v>
      </c>
      <c r="F26" s="220">
        <v>2</v>
      </c>
      <c r="G26" s="218">
        <v>14</v>
      </c>
      <c r="H26" s="218">
        <v>95</v>
      </c>
      <c r="I26" s="218">
        <v>138</v>
      </c>
      <c r="J26" s="219">
        <v>94</v>
      </c>
      <c r="K26" s="240">
        <v>343</v>
      </c>
      <c r="L26" s="241">
        <v>343</v>
      </c>
      <c r="M26" s="217">
        <v>0</v>
      </c>
      <c r="N26" s="219">
        <v>0</v>
      </c>
      <c r="O26" s="240">
        <v>0</v>
      </c>
      <c r="P26" s="220">
        <v>2</v>
      </c>
      <c r="Q26" s="218">
        <v>14</v>
      </c>
      <c r="R26" s="218">
        <v>95</v>
      </c>
      <c r="S26" s="218">
        <v>136</v>
      </c>
      <c r="T26" s="219">
        <v>94</v>
      </c>
      <c r="U26" s="240">
        <v>341</v>
      </c>
      <c r="V26" s="242">
        <v>341</v>
      </c>
      <c r="W26" s="222">
        <v>0</v>
      </c>
      <c r="X26" s="219">
        <v>0</v>
      </c>
      <c r="Y26" s="240">
        <v>0</v>
      </c>
      <c r="Z26" s="222">
        <v>0</v>
      </c>
      <c r="AA26" s="218">
        <v>0</v>
      </c>
      <c r="AB26" s="218">
        <v>0</v>
      </c>
      <c r="AC26" s="218">
        <v>2</v>
      </c>
      <c r="AD26" s="219">
        <v>0</v>
      </c>
      <c r="AE26" s="240">
        <v>2</v>
      </c>
      <c r="AF26" s="221">
        <v>2</v>
      </c>
      <c r="AG26" s="222">
        <v>0</v>
      </c>
      <c r="AH26" s="219">
        <v>0</v>
      </c>
      <c r="AI26" s="240">
        <v>0</v>
      </c>
      <c r="AJ26" s="222">
        <v>19</v>
      </c>
      <c r="AK26" s="218">
        <v>27</v>
      </c>
      <c r="AL26" s="218">
        <v>38</v>
      </c>
      <c r="AM26" s="218">
        <v>59</v>
      </c>
      <c r="AN26" s="219">
        <v>29</v>
      </c>
      <c r="AO26" s="240">
        <v>172</v>
      </c>
      <c r="AP26" s="221">
        <v>172</v>
      </c>
      <c r="AQ26" s="222">
        <v>0</v>
      </c>
      <c r="AR26" s="219">
        <v>0</v>
      </c>
      <c r="AS26" s="240">
        <v>0</v>
      </c>
      <c r="AT26" s="220">
        <v>19</v>
      </c>
      <c r="AU26" s="218">
        <v>27</v>
      </c>
      <c r="AV26" s="218">
        <v>38</v>
      </c>
      <c r="AW26" s="218">
        <v>59</v>
      </c>
      <c r="AX26" s="219">
        <v>28</v>
      </c>
      <c r="AY26" s="240">
        <v>171</v>
      </c>
      <c r="AZ26" s="241">
        <v>171</v>
      </c>
      <c r="BA26" s="217">
        <v>0</v>
      </c>
      <c r="BB26" s="219">
        <v>0</v>
      </c>
      <c r="BC26" s="219">
        <v>0</v>
      </c>
      <c r="BD26" s="220">
        <v>0</v>
      </c>
      <c r="BE26" s="218">
        <v>0</v>
      </c>
      <c r="BF26" s="218">
        <v>0</v>
      </c>
      <c r="BG26" s="218">
        <v>0</v>
      </c>
      <c r="BH26" s="219">
        <v>1</v>
      </c>
      <c r="BI26" s="240">
        <v>1</v>
      </c>
      <c r="BJ26" s="242">
        <v>1</v>
      </c>
      <c r="BK26" s="222">
        <v>0</v>
      </c>
      <c r="BL26" s="219">
        <v>0</v>
      </c>
      <c r="BM26" s="219">
        <v>0</v>
      </c>
      <c r="BN26" s="220">
        <v>0</v>
      </c>
      <c r="BO26" s="218">
        <v>0</v>
      </c>
      <c r="BP26" s="218">
        <v>0</v>
      </c>
      <c r="BQ26" s="218">
        <v>0</v>
      </c>
      <c r="BR26" s="219">
        <v>2</v>
      </c>
      <c r="BS26" s="240">
        <v>2</v>
      </c>
      <c r="BT26" s="241">
        <v>2</v>
      </c>
      <c r="BU26" s="217">
        <v>0</v>
      </c>
      <c r="BV26" s="219">
        <v>0</v>
      </c>
      <c r="BW26" s="219">
        <v>0</v>
      </c>
      <c r="BX26" s="220">
        <v>0</v>
      </c>
      <c r="BY26" s="218">
        <v>0</v>
      </c>
      <c r="BZ26" s="218">
        <v>0</v>
      </c>
      <c r="CA26" s="218">
        <v>0</v>
      </c>
      <c r="CB26" s="219">
        <v>2</v>
      </c>
      <c r="CC26" s="240">
        <v>2</v>
      </c>
      <c r="CD26" s="242">
        <v>2</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8</v>
      </c>
      <c r="CW26" s="240">
        <v>12</v>
      </c>
      <c r="CX26" s="241">
        <v>12</v>
      </c>
      <c r="CY26" s="217">
        <v>0</v>
      </c>
      <c r="CZ26" s="219">
        <v>0</v>
      </c>
      <c r="DA26" s="219">
        <v>0</v>
      </c>
      <c r="DB26" s="220">
        <v>0</v>
      </c>
      <c r="DC26" s="218">
        <v>0</v>
      </c>
      <c r="DD26" s="218">
        <v>0</v>
      </c>
      <c r="DE26" s="218">
        <v>4</v>
      </c>
      <c r="DF26" s="219">
        <v>8</v>
      </c>
      <c r="DG26" s="240">
        <v>12</v>
      </c>
      <c r="DH26" s="242">
        <v>12</v>
      </c>
      <c r="DI26" s="222">
        <v>0</v>
      </c>
      <c r="DJ26" s="219">
        <v>0</v>
      </c>
      <c r="DK26" s="219">
        <v>0</v>
      </c>
      <c r="DL26" s="220">
        <v>0</v>
      </c>
      <c r="DM26" s="218">
        <v>0</v>
      </c>
      <c r="DN26" s="218">
        <v>0</v>
      </c>
      <c r="DO26" s="218">
        <v>0</v>
      </c>
      <c r="DP26" s="219">
        <v>0</v>
      </c>
      <c r="DQ26" s="240">
        <v>0</v>
      </c>
      <c r="DR26" s="242">
        <v>0</v>
      </c>
      <c r="DS26" s="222">
        <v>0</v>
      </c>
      <c r="DT26" s="219">
        <v>0</v>
      </c>
      <c r="DU26" s="219">
        <v>0</v>
      </c>
      <c r="DV26" s="220">
        <v>21</v>
      </c>
      <c r="DW26" s="218">
        <v>40</v>
      </c>
      <c r="DX26" s="218">
        <v>132</v>
      </c>
      <c r="DY26" s="218">
        <v>197</v>
      </c>
      <c r="DZ26" s="219">
        <v>133</v>
      </c>
      <c r="EA26" s="240">
        <v>523</v>
      </c>
      <c r="EB26" s="242">
        <v>523</v>
      </c>
      <c r="EC26" s="239"/>
    </row>
    <row r="27" spans="2:133" ht="21" customHeight="1" x14ac:dyDescent="0.2">
      <c r="B27" s="106" t="s">
        <v>24</v>
      </c>
      <c r="C27" s="217">
        <v>0</v>
      </c>
      <c r="D27" s="219">
        <v>0</v>
      </c>
      <c r="E27" s="219">
        <v>0</v>
      </c>
      <c r="F27" s="220">
        <v>1</v>
      </c>
      <c r="G27" s="218">
        <v>0</v>
      </c>
      <c r="H27" s="218">
        <v>27</v>
      </c>
      <c r="I27" s="218">
        <v>95</v>
      </c>
      <c r="J27" s="219">
        <v>53</v>
      </c>
      <c r="K27" s="240">
        <v>176</v>
      </c>
      <c r="L27" s="241">
        <v>176</v>
      </c>
      <c r="M27" s="217">
        <v>0</v>
      </c>
      <c r="N27" s="219">
        <v>0</v>
      </c>
      <c r="O27" s="240">
        <v>0</v>
      </c>
      <c r="P27" s="220">
        <v>1</v>
      </c>
      <c r="Q27" s="218">
        <v>0</v>
      </c>
      <c r="R27" s="218">
        <v>27</v>
      </c>
      <c r="S27" s="218">
        <v>95</v>
      </c>
      <c r="T27" s="219">
        <v>53</v>
      </c>
      <c r="U27" s="240">
        <v>176</v>
      </c>
      <c r="V27" s="242">
        <v>176</v>
      </c>
      <c r="W27" s="222">
        <v>0</v>
      </c>
      <c r="X27" s="219">
        <v>0</v>
      </c>
      <c r="Y27" s="240">
        <v>0</v>
      </c>
      <c r="Z27" s="222">
        <v>0</v>
      </c>
      <c r="AA27" s="218">
        <v>0</v>
      </c>
      <c r="AB27" s="218">
        <v>0</v>
      </c>
      <c r="AC27" s="218">
        <v>0</v>
      </c>
      <c r="AD27" s="219">
        <v>0</v>
      </c>
      <c r="AE27" s="240">
        <v>0</v>
      </c>
      <c r="AF27" s="221">
        <v>0</v>
      </c>
      <c r="AG27" s="222">
        <v>0</v>
      </c>
      <c r="AH27" s="219">
        <v>0</v>
      </c>
      <c r="AI27" s="240">
        <v>0</v>
      </c>
      <c r="AJ27" s="222">
        <v>13</v>
      </c>
      <c r="AK27" s="218">
        <v>10</v>
      </c>
      <c r="AL27" s="218">
        <v>21</v>
      </c>
      <c r="AM27" s="218">
        <v>26</v>
      </c>
      <c r="AN27" s="219">
        <v>9</v>
      </c>
      <c r="AO27" s="240">
        <v>79</v>
      </c>
      <c r="AP27" s="221">
        <v>79</v>
      </c>
      <c r="AQ27" s="222">
        <v>0</v>
      </c>
      <c r="AR27" s="219">
        <v>0</v>
      </c>
      <c r="AS27" s="240">
        <v>0</v>
      </c>
      <c r="AT27" s="220">
        <v>13</v>
      </c>
      <c r="AU27" s="218">
        <v>10</v>
      </c>
      <c r="AV27" s="218">
        <v>21</v>
      </c>
      <c r="AW27" s="218">
        <v>25</v>
      </c>
      <c r="AX27" s="219">
        <v>9</v>
      </c>
      <c r="AY27" s="240">
        <v>78</v>
      </c>
      <c r="AZ27" s="241">
        <v>78</v>
      </c>
      <c r="BA27" s="217">
        <v>0</v>
      </c>
      <c r="BB27" s="219">
        <v>0</v>
      </c>
      <c r="BC27" s="219">
        <v>0</v>
      </c>
      <c r="BD27" s="220">
        <v>0</v>
      </c>
      <c r="BE27" s="218">
        <v>0</v>
      </c>
      <c r="BF27" s="218">
        <v>0</v>
      </c>
      <c r="BG27" s="218">
        <v>1</v>
      </c>
      <c r="BH27" s="219">
        <v>0</v>
      </c>
      <c r="BI27" s="240">
        <v>1</v>
      </c>
      <c r="BJ27" s="242">
        <v>1</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0</v>
      </c>
      <c r="CW27" s="240">
        <v>0</v>
      </c>
      <c r="CX27" s="241">
        <v>0</v>
      </c>
      <c r="CY27" s="217">
        <v>0</v>
      </c>
      <c r="CZ27" s="219">
        <v>0</v>
      </c>
      <c r="DA27" s="219">
        <v>0</v>
      </c>
      <c r="DB27" s="220">
        <v>0</v>
      </c>
      <c r="DC27" s="218">
        <v>0</v>
      </c>
      <c r="DD27" s="218">
        <v>0</v>
      </c>
      <c r="DE27" s="218">
        <v>0</v>
      </c>
      <c r="DF27" s="219">
        <v>0</v>
      </c>
      <c r="DG27" s="240">
        <v>0</v>
      </c>
      <c r="DH27" s="242">
        <v>0</v>
      </c>
      <c r="DI27" s="222">
        <v>0</v>
      </c>
      <c r="DJ27" s="219">
        <v>0</v>
      </c>
      <c r="DK27" s="219">
        <v>0</v>
      </c>
      <c r="DL27" s="220">
        <v>0</v>
      </c>
      <c r="DM27" s="218">
        <v>0</v>
      </c>
      <c r="DN27" s="218">
        <v>0</v>
      </c>
      <c r="DO27" s="218">
        <v>0</v>
      </c>
      <c r="DP27" s="219">
        <v>0</v>
      </c>
      <c r="DQ27" s="240">
        <v>0</v>
      </c>
      <c r="DR27" s="242">
        <v>0</v>
      </c>
      <c r="DS27" s="222">
        <v>0</v>
      </c>
      <c r="DT27" s="219">
        <v>0</v>
      </c>
      <c r="DU27" s="219">
        <v>0</v>
      </c>
      <c r="DV27" s="220">
        <v>13</v>
      </c>
      <c r="DW27" s="218">
        <v>10</v>
      </c>
      <c r="DX27" s="218">
        <v>48</v>
      </c>
      <c r="DY27" s="218">
        <v>121</v>
      </c>
      <c r="DZ27" s="219">
        <v>62</v>
      </c>
      <c r="EA27" s="240">
        <v>254</v>
      </c>
      <c r="EB27" s="242">
        <v>254</v>
      </c>
      <c r="EC27" s="239"/>
    </row>
    <row r="28" spans="2:133" ht="21" customHeight="1" x14ac:dyDescent="0.2">
      <c r="B28" s="106" t="s">
        <v>25</v>
      </c>
      <c r="C28" s="217">
        <v>0</v>
      </c>
      <c r="D28" s="219">
        <v>0</v>
      </c>
      <c r="E28" s="219">
        <v>0</v>
      </c>
      <c r="F28" s="220">
        <v>0</v>
      </c>
      <c r="G28" s="218">
        <v>4</v>
      </c>
      <c r="H28" s="218">
        <v>59</v>
      </c>
      <c r="I28" s="218">
        <v>81</v>
      </c>
      <c r="J28" s="219">
        <v>46</v>
      </c>
      <c r="K28" s="240">
        <v>190</v>
      </c>
      <c r="L28" s="241">
        <v>190</v>
      </c>
      <c r="M28" s="217">
        <v>0</v>
      </c>
      <c r="N28" s="219">
        <v>0</v>
      </c>
      <c r="O28" s="240">
        <v>0</v>
      </c>
      <c r="P28" s="220">
        <v>0</v>
      </c>
      <c r="Q28" s="218">
        <v>4</v>
      </c>
      <c r="R28" s="218">
        <v>59</v>
      </c>
      <c r="S28" s="218">
        <v>80</v>
      </c>
      <c r="T28" s="219">
        <v>41</v>
      </c>
      <c r="U28" s="240">
        <v>184</v>
      </c>
      <c r="V28" s="242">
        <v>184</v>
      </c>
      <c r="W28" s="222">
        <v>0</v>
      </c>
      <c r="X28" s="219">
        <v>0</v>
      </c>
      <c r="Y28" s="240">
        <v>0</v>
      </c>
      <c r="Z28" s="222">
        <v>0</v>
      </c>
      <c r="AA28" s="218">
        <v>0</v>
      </c>
      <c r="AB28" s="218">
        <v>0</v>
      </c>
      <c r="AC28" s="218">
        <v>1</v>
      </c>
      <c r="AD28" s="219">
        <v>5</v>
      </c>
      <c r="AE28" s="240">
        <v>6</v>
      </c>
      <c r="AF28" s="221">
        <v>6</v>
      </c>
      <c r="AG28" s="222">
        <v>0</v>
      </c>
      <c r="AH28" s="219">
        <v>0</v>
      </c>
      <c r="AI28" s="240">
        <v>0</v>
      </c>
      <c r="AJ28" s="222">
        <v>15</v>
      </c>
      <c r="AK28" s="218">
        <v>30</v>
      </c>
      <c r="AL28" s="218">
        <v>19</v>
      </c>
      <c r="AM28" s="218">
        <v>50</v>
      </c>
      <c r="AN28" s="219">
        <v>12</v>
      </c>
      <c r="AO28" s="240">
        <v>126</v>
      </c>
      <c r="AP28" s="221">
        <v>126</v>
      </c>
      <c r="AQ28" s="222">
        <v>0</v>
      </c>
      <c r="AR28" s="219">
        <v>0</v>
      </c>
      <c r="AS28" s="240">
        <v>0</v>
      </c>
      <c r="AT28" s="220">
        <v>15</v>
      </c>
      <c r="AU28" s="218">
        <v>30</v>
      </c>
      <c r="AV28" s="218">
        <v>19</v>
      </c>
      <c r="AW28" s="218">
        <v>49</v>
      </c>
      <c r="AX28" s="219">
        <v>12</v>
      </c>
      <c r="AY28" s="240">
        <v>125</v>
      </c>
      <c r="AZ28" s="241">
        <v>125</v>
      </c>
      <c r="BA28" s="217">
        <v>0</v>
      </c>
      <c r="BB28" s="219">
        <v>0</v>
      </c>
      <c r="BC28" s="219">
        <v>0</v>
      </c>
      <c r="BD28" s="220">
        <v>0</v>
      </c>
      <c r="BE28" s="218">
        <v>0</v>
      </c>
      <c r="BF28" s="218">
        <v>0</v>
      </c>
      <c r="BG28" s="218">
        <v>1</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15</v>
      </c>
      <c r="DW28" s="218">
        <v>34</v>
      </c>
      <c r="DX28" s="218">
        <v>78</v>
      </c>
      <c r="DY28" s="218">
        <v>131</v>
      </c>
      <c r="DZ28" s="219">
        <v>60</v>
      </c>
      <c r="EA28" s="240">
        <v>318</v>
      </c>
      <c r="EB28" s="242">
        <v>318</v>
      </c>
      <c r="EC28" s="239"/>
    </row>
    <row r="29" spans="2:133" ht="21" customHeight="1" x14ac:dyDescent="0.2">
      <c r="B29" s="106" t="s">
        <v>26</v>
      </c>
      <c r="C29" s="217">
        <v>0</v>
      </c>
      <c r="D29" s="219">
        <v>0</v>
      </c>
      <c r="E29" s="219">
        <v>0</v>
      </c>
      <c r="F29" s="220">
        <v>2</v>
      </c>
      <c r="G29" s="218">
        <v>5</v>
      </c>
      <c r="H29" s="218">
        <v>31</v>
      </c>
      <c r="I29" s="218">
        <v>68</v>
      </c>
      <c r="J29" s="219">
        <v>49</v>
      </c>
      <c r="K29" s="240">
        <v>155</v>
      </c>
      <c r="L29" s="241">
        <v>155</v>
      </c>
      <c r="M29" s="217">
        <v>0</v>
      </c>
      <c r="N29" s="219">
        <v>0</v>
      </c>
      <c r="O29" s="240">
        <v>0</v>
      </c>
      <c r="P29" s="220">
        <v>2</v>
      </c>
      <c r="Q29" s="218">
        <v>5</v>
      </c>
      <c r="R29" s="218">
        <v>31</v>
      </c>
      <c r="S29" s="218">
        <v>66</v>
      </c>
      <c r="T29" s="219">
        <v>49</v>
      </c>
      <c r="U29" s="240">
        <v>153</v>
      </c>
      <c r="V29" s="242">
        <v>153</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7</v>
      </c>
      <c r="AL29" s="218">
        <v>31</v>
      </c>
      <c r="AM29" s="218">
        <v>17</v>
      </c>
      <c r="AN29" s="219">
        <v>15</v>
      </c>
      <c r="AO29" s="240">
        <v>83</v>
      </c>
      <c r="AP29" s="221">
        <v>83</v>
      </c>
      <c r="AQ29" s="222">
        <v>0</v>
      </c>
      <c r="AR29" s="219">
        <v>0</v>
      </c>
      <c r="AS29" s="240">
        <v>0</v>
      </c>
      <c r="AT29" s="220">
        <v>3</v>
      </c>
      <c r="AU29" s="218">
        <v>16</v>
      </c>
      <c r="AV29" s="218">
        <v>31</v>
      </c>
      <c r="AW29" s="218">
        <v>16</v>
      </c>
      <c r="AX29" s="219">
        <v>15</v>
      </c>
      <c r="AY29" s="240">
        <v>81</v>
      </c>
      <c r="AZ29" s="241">
        <v>81</v>
      </c>
      <c r="BA29" s="217">
        <v>0</v>
      </c>
      <c r="BB29" s="219">
        <v>0</v>
      </c>
      <c r="BC29" s="219">
        <v>0</v>
      </c>
      <c r="BD29" s="220">
        <v>0</v>
      </c>
      <c r="BE29" s="218">
        <v>1</v>
      </c>
      <c r="BF29" s="218">
        <v>0</v>
      </c>
      <c r="BG29" s="218">
        <v>1</v>
      </c>
      <c r="BH29" s="219">
        <v>0</v>
      </c>
      <c r="BI29" s="240">
        <v>2</v>
      </c>
      <c r="BJ29" s="242">
        <v>2</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1</v>
      </c>
      <c r="CV29" s="219">
        <v>2</v>
      </c>
      <c r="CW29" s="240">
        <v>4</v>
      </c>
      <c r="CX29" s="241">
        <v>4</v>
      </c>
      <c r="CY29" s="217">
        <v>0</v>
      </c>
      <c r="CZ29" s="219">
        <v>0</v>
      </c>
      <c r="DA29" s="219">
        <v>0</v>
      </c>
      <c r="DB29" s="220">
        <v>0</v>
      </c>
      <c r="DC29" s="218">
        <v>0</v>
      </c>
      <c r="DD29" s="218">
        <v>1</v>
      </c>
      <c r="DE29" s="218">
        <v>1</v>
      </c>
      <c r="DF29" s="219">
        <v>2</v>
      </c>
      <c r="DG29" s="240">
        <v>4</v>
      </c>
      <c r="DH29" s="242">
        <v>4</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22</v>
      </c>
      <c r="DX29" s="218">
        <v>63</v>
      </c>
      <c r="DY29" s="218">
        <v>86</v>
      </c>
      <c r="DZ29" s="219">
        <v>66</v>
      </c>
      <c r="EA29" s="240">
        <v>242</v>
      </c>
      <c r="EB29" s="242">
        <v>242</v>
      </c>
      <c r="EC29" s="239"/>
    </row>
    <row r="30" spans="2:133" ht="21" customHeight="1" x14ac:dyDescent="0.2">
      <c r="B30" s="106" t="s">
        <v>27</v>
      </c>
      <c r="C30" s="217">
        <v>0</v>
      </c>
      <c r="D30" s="219">
        <v>0</v>
      </c>
      <c r="E30" s="219">
        <v>0</v>
      </c>
      <c r="F30" s="220">
        <v>2</v>
      </c>
      <c r="G30" s="218">
        <v>1</v>
      </c>
      <c r="H30" s="218">
        <v>31</v>
      </c>
      <c r="I30" s="218">
        <v>65</v>
      </c>
      <c r="J30" s="219">
        <v>38</v>
      </c>
      <c r="K30" s="240">
        <v>137</v>
      </c>
      <c r="L30" s="241">
        <v>137</v>
      </c>
      <c r="M30" s="217">
        <v>0</v>
      </c>
      <c r="N30" s="219">
        <v>0</v>
      </c>
      <c r="O30" s="240">
        <v>0</v>
      </c>
      <c r="P30" s="220">
        <v>2</v>
      </c>
      <c r="Q30" s="218">
        <v>1</v>
      </c>
      <c r="R30" s="218">
        <v>30</v>
      </c>
      <c r="S30" s="218">
        <v>64</v>
      </c>
      <c r="T30" s="219">
        <v>38</v>
      </c>
      <c r="U30" s="240">
        <v>135</v>
      </c>
      <c r="V30" s="242">
        <v>135</v>
      </c>
      <c r="W30" s="222">
        <v>0</v>
      </c>
      <c r="X30" s="219">
        <v>0</v>
      </c>
      <c r="Y30" s="240">
        <v>0</v>
      </c>
      <c r="Z30" s="222">
        <v>0</v>
      </c>
      <c r="AA30" s="218">
        <v>0</v>
      </c>
      <c r="AB30" s="218">
        <v>1</v>
      </c>
      <c r="AC30" s="218">
        <v>1</v>
      </c>
      <c r="AD30" s="219">
        <v>0</v>
      </c>
      <c r="AE30" s="240">
        <v>2</v>
      </c>
      <c r="AF30" s="221">
        <v>2</v>
      </c>
      <c r="AG30" s="222">
        <v>0</v>
      </c>
      <c r="AH30" s="219">
        <v>0</v>
      </c>
      <c r="AI30" s="240">
        <v>0</v>
      </c>
      <c r="AJ30" s="222">
        <v>10</v>
      </c>
      <c r="AK30" s="218">
        <v>16</v>
      </c>
      <c r="AL30" s="218">
        <v>18</v>
      </c>
      <c r="AM30" s="218">
        <v>25</v>
      </c>
      <c r="AN30" s="219">
        <v>17</v>
      </c>
      <c r="AO30" s="240">
        <v>86</v>
      </c>
      <c r="AP30" s="221">
        <v>86</v>
      </c>
      <c r="AQ30" s="222">
        <v>0</v>
      </c>
      <c r="AR30" s="219">
        <v>0</v>
      </c>
      <c r="AS30" s="240">
        <v>0</v>
      </c>
      <c r="AT30" s="220">
        <v>10</v>
      </c>
      <c r="AU30" s="218">
        <v>14</v>
      </c>
      <c r="AV30" s="218">
        <v>18</v>
      </c>
      <c r="AW30" s="218">
        <v>24</v>
      </c>
      <c r="AX30" s="219">
        <v>17</v>
      </c>
      <c r="AY30" s="240">
        <v>83</v>
      </c>
      <c r="AZ30" s="241">
        <v>83</v>
      </c>
      <c r="BA30" s="217">
        <v>0</v>
      </c>
      <c r="BB30" s="219">
        <v>0</v>
      </c>
      <c r="BC30" s="219">
        <v>0</v>
      </c>
      <c r="BD30" s="220">
        <v>0</v>
      </c>
      <c r="BE30" s="218">
        <v>2</v>
      </c>
      <c r="BF30" s="218">
        <v>0</v>
      </c>
      <c r="BG30" s="218">
        <v>1</v>
      </c>
      <c r="BH30" s="219">
        <v>0</v>
      </c>
      <c r="BI30" s="240">
        <v>3</v>
      </c>
      <c r="BJ30" s="242">
        <v>3</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2</v>
      </c>
      <c r="CV30" s="219">
        <v>2</v>
      </c>
      <c r="CW30" s="240">
        <v>4</v>
      </c>
      <c r="CX30" s="241">
        <v>4</v>
      </c>
      <c r="CY30" s="217">
        <v>0</v>
      </c>
      <c r="CZ30" s="219">
        <v>0</v>
      </c>
      <c r="DA30" s="219">
        <v>0</v>
      </c>
      <c r="DB30" s="220">
        <v>0</v>
      </c>
      <c r="DC30" s="218">
        <v>0</v>
      </c>
      <c r="DD30" s="218">
        <v>0</v>
      </c>
      <c r="DE30" s="218">
        <v>1</v>
      </c>
      <c r="DF30" s="219">
        <v>2</v>
      </c>
      <c r="DG30" s="240">
        <v>3</v>
      </c>
      <c r="DH30" s="242">
        <v>3</v>
      </c>
      <c r="DI30" s="222">
        <v>0</v>
      </c>
      <c r="DJ30" s="219">
        <v>0</v>
      </c>
      <c r="DK30" s="219">
        <v>0</v>
      </c>
      <c r="DL30" s="220">
        <v>0</v>
      </c>
      <c r="DM30" s="218">
        <v>0</v>
      </c>
      <c r="DN30" s="218">
        <v>0</v>
      </c>
      <c r="DO30" s="218">
        <v>1</v>
      </c>
      <c r="DP30" s="219">
        <v>0</v>
      </c>
      <c r="DQ30" s="240">
        <v>1</v>
      </c>
      <c r="DR30" s="242">
        <v>1</v>
      </c>
      <c r="DS30" s="222">
        <v>0</v>
      </c>
      <c r="DT30" s="219">
        <v>0</v>
      </c>
      <c r="DU30" s="219">
        <v>0</v>
      </c>
      <c r="DV30" s="220">
        <v>12</v>
      </c>
      <c r="DW30" s="218">
        <v>17</v>
      </c>
      <c r="DX30" s="218">
        <v>49</v>
      </c>
      <c r="DY30" s="218">
        <v>91</v>
      </c>
      <c r="DZ30" s="219">
        <v>57</v>
      </c>
      <c r="EA30" s="240">
        <v>226</v>
      </c>
      <c r="EB30" s="242">
        <v>226</v>
      </c>
      <c r="EC30" s="239"/>
    </row>
    <row r="31" spans="2:133" ht="21" customHeight="1" x14ac:dyDescent="0.2">
      <c r="B31" s="106" t="s">
        <v>28</v>
      </c>
      <c r="C31" s="217">
        <v>0</v>
      </c>
      <c r="D31" s="219">
        <v>0</v>
      </c>
      <c r="E31" s="219">
        <v>0</v>
      </c>
      <c r="F31" s="220">
        <v>0</v>
      </c>
      <c r="G31" s="218">
        <v>1</v>
      </c>
      <c r="H31" s="218">
        <v>10</v>
      </c>
      <c r="I31" s="218">
        <v>17</v>
      </c>
      <c r="J31" s="219">
        <v>20</v>
      </c>
      <c r="K31" s="240">
        <v>48</v>
      </c>
      <c r="L31" s="241">
        <v>48</v>
      </c>
      <c r="M31" s="217">
        <v>0</v>
      </c>
      <c r="N31" s="219">
        <v>0</v>
      </c>
      <c r="O31" s="240">
        <v>0</v>
      </c>
      <c r="P31" s="220">
        <v>0</v>
      </c>
      <c r="Q31" s="218">
        <v>1</v>
      </c>
      <c r="R31" s="218">
        <v>10</v>
      </c>
      <c r="S31" s="218">
        <v>17</v>
      </c>
      <c r="T31" s="219">
        <v>19</v>
      </c>
      <c r="U31" s="240">
        <v>47</v>
      </c>
      <c r="V31" s="242">
        <v>47</v>
      </c>
      <c r="W31" s="222">
        <v>0</v>
      </c>
      <c r="X31" s="219">
        <v>0</v>
      </c>
      <c r="Y31" s="240">
        <v>0</v>
      </c>
      <c r="Z31" s="222">
        <v>0</v>
      </c>
      <c r="AA31" s="218">
        <v>0</v>
      </c>
      <c r="AB31" s="218">
        <v>0</v>
      </c>
      <c r="AC31" s="218">
        <v>0</v>
      </c>
      <c r="AD31" s="219">
        <v>1</v>
      </c>
      <c r="AE31" s="240">
        <v>1</v>
      </c>
      <c r="AF31" s="221">
        <v>1</v>
      </c>
      <c r="AG31" s="222">
        <v>0</v>
      </c>
      <c r="AH31" s="219">
        <v>0</v>
      </c>
      <c r="AI31" s="240">
        <v>0</v>
      </c>
      <c r="AJ31" s="222">
        <v>2</v>
      </c>
      <c r="AK31" s="218">
        <v>10</v>
      </c>
      <c r="AL31" s="218">
        <v>11</v>
      </c>
      <c r="AM31" s="218">
        <v>6</v>
      </c>
      <c r="AN31" s="219">
        <v>0</v>
      </c>
      <c r="AO31" s="240">
        <v>29</v>
      </c>
      <c r="AP31" s="221">
        <v>29</v>
      </c>
      <c r="AQ31" s="222">
        <v>0</v>
      </c>
      <c r="AR31" s="219">
        <v>0</v>
      </c>
      <c r="AS31" s="240">
        <v>0</v>
      </c>
      <c r="AT31" s="220">
        <v>2</v>
      </c>
      <c r="AU31" s="218">
        <v>10</v>
      </c>
      <c r="AV31" s="218">
        <v>11</v>
      </c>
      <c r="AW31" s="218">
        <v>6</v>
      </c>
      <c r="AX31" s="219">
        <v>0</v>
      </c>
      <c r="AY31" s="240">
        <v>29</v>
      </c>
      <c r="AZ31" s="241">
        <v>29</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0</v>
      </c>
      <c r="CV31" s="219">
        <v>0</v>
      </c>
      <c r="CW31" s="240">
        <v>0</v>
      </c>
      <c r="CX31" s="241">
        <v>0</v>
      </c>
      <c r="CY31" s="217">
        <v>0</v>
      </c>
      <c r="CZ31" s="219">
        <v>0</v>
      </c>
      <c r="DA31" s="219">
        <v>0</v>
      </c>
      <c r="DB31" s="220">
        <v>0</v>
      </c>
      <c r="DC31" s="218">
        <v>0</v>
      </c>
      <c r="DD31" s="218">
        <v>0</v>
      </c>
      <c r="DE31" s="218">
        <v>0</v>
      </c>
      <c r="DF31" s="219">
        <v>0</v>
      </c>
      <c r="DG31" s="240">
        <v>0</v>
      </c>
      <c r="DH31" s="242">
        <v>0</v>
      </c>
      <c r="DI31" s="222">
        <v>0</v>
      </c>
      <c r="DJ31" s="219">
        <v>0</v>
      </c>
      <c r="DK31" s="219">
        <v>0</v>
      </c>
      <c r="DL31" s="220">
        <v>0</v>
      </c>
      <c r="DM31" s="218">
        <v>0</v>
      </c>
      <c r="DN31" s="218">
        <v>0</v>
      </c>
      <c r="DO31" s="218">
        <v>0</v>
      </c>
      <c r="DP31" s="219">
        <v>0</v>
      </c>
      <c r="DQ31" s="240">
        <v>0</v>
      </c>
      <c r="DR31" s="242">
        <v>0</v>
      </c>
      <c r="DS31" s="222">
        <v>0</v>
      </c>
      <c r="DT31" s="219">
        <v>0</v>
      </c>
      <c r="DU31" s="219">
        <v>0</v>
      </c>
      <c r="DV31" s="220">
        <v>2</v>
      </c>
      <c r="DW31" s="218">
        <v>11</v>
      </c>
      <c r="DX31" s="218">
        <v>21</v>
      </c>
      <c r="DY31" s="218">
        <v>23</v>
      </c>
      <c r="DZ31" s="219">
        <v>20</v>
      </c>
      <c r="EA31" s="240">
        <v>77</v>
      </c>
      <c r="EB31" s="242">
        <v>77</v>
      </c>
      <c r="EC31" s="239"/>
    </row>
    <row r="32" spans="2:133" ht="21" customHeight="1" x14ac:dyDescent="0.2">
      <c r="B32" s="106" t="s">
        <v>29</v>
      </c>
      <c r="C32" s="217">
        <v>0</v>
      </c>
      <c r="D32" s="219">
        <v>0</v>
      </c>
      <c r="E32" s="219">
        <v>0</v>
      </c>
      <c r="F32" s="220">
        <v>0</v>
      </c>
      <c r="G32" s="218">
        <v>3</v>
      </c>
      <c r="H32" s="218">
        <v>12</v>
      </c>
      <c r="I32" s="218">
        <v>28</v>
      </c>
      <c r="J32" s="219">
        <v>18</v>
      </c>
      <c r="K32" s="240">
        <v>61</v>
      </c>
      <c r="L32" s="241">
        <v>61</v>
      </c>
      <c r="M32" s="217">
        <v>0</v>
      </c>
      <c r="N32" s="219">
        <v>0</v>
      </c>
      <c r="O32" s="240">
        <v>0</v>
      </c>
      <c r="P32" s="220">
        <v>0</v>
      </c>
      <c r="Q32" s="218">
        <v>3</v>
      </c>
      <c r="R32" s="218">
        <v>12</v>
      </c>
      <c r="S32" s="218">
        <v>28</v>
      </c>
      <c r="T32" s="219">
        <v>18</v>
      </c>
      <c r="U32" s="240">
        <v>61</v>
      </c>
      <c r="V32" s="242">
        <v>61</v>
      </c>
      <c r="W32" s="222">
        <v>0</v>
      </c>
      <c r="X32" s="219">
        <v>0</v>
      </c>
      <c r="Y32" s="240">
        <v>0</v>
      </c>
      <c r="Z32" s="222">
        <v>0</v>
      </c>
      <c r="AA32" s="218">
        <v>0</v>
      </c>
      <c r="AB32" s="218">
        <v>0</v>
      </c>
      <c r="AC32" s="218">
        <v>0</v>
      </c>
      <c r="AD32" s="219">
        <v>0</v>
      </c>
      <c r="AE32" s="240">
        <v>0</v>
      </c>
      <c r="AF32" s="221">
        <v>0</v>
      </c>
      <c r="AG32" s="222">
        <v>0</v>
      </c>
      <c r="AH32" s="219">
        <v>0</v>
      </c>
      <c r="AI32" s="240">
        <v>0</v>
      </c>
      <c r="AJ32" s="222">
        <v>4</v>
      </c>
      <c r="AK32" s="218">
        <v>8</v>
      </c>
      <c r="AL32" s="218">
        <v>7</v>
      </c>
      <c r="AM32" s="218">
        <v>13</v>
      </c>
      <c r="AN32" s="219">
        <v>10</v>
      </c>
      <c r="AO32" s="240">
        <v>42</v>
      </c>
      <c r="AP32" s="221">
        <v>42</v>
      </c>
      <c r="AQ32" s="222">
        <v>0</v>
      </c>
      <c r="AR32" s="219">
        <v>0</v>
      </c>
      <c r="AS32" s="240">
        <v>0</v>
      </c>
      <c r="AT32" s="220">
        <v>4</v>
      </c>
      <c r="AU32" s="218">
        <v>8</v>
      </c>
      <c r="AV32" s="218">
        <v>7</v>
      </c>
      <c r="AW32" s="218">
        <v>13</v>
      </c>
      <c r="AX32" s="219">
        <v>10</v>
      </c>
      <c r="AY32" s="240">
        <v>42</v>
      </c>
      <c r="AZ32" s="241">
        <v>42</v>
      </c>
      <c r="BA32" s="217">
        <v>0</v>
      </c>
      <c r="BB32" s="219">
        <v>0</v>
      </c>
      <c r="BC32" s="219">
        <v>0</v>
      </c>
      <c r="BD32" s="220">
        <v>0</v>
      </c>
      <c r="BE32" s="218">
        <v>0</v>
      </c>
      <c r="BF32" s="218">
        <v>0</v>
      </c>
      <c r="BG32" s="218">
        <v>0</v>
      </c>
      <c r="BH32" s="219">
        <v>0</v>
      </c>
      <c r="BI32" s="240">
        <v>0</v>
      </c>
      <c r="BJ32" s="242">
        <v>0</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4</v>
      </c>
      <c r="DW32" s="218">
        <v>11</v>
      </c>
      <c r="DX32" s="218">
        <v>19</v>
      </c>
      <c r="DY32" s="218">
        <v>41</v>
      </c>
      <c r="DZ32" s="219">
        <v>28</v>
      </c>
      <c r="EA32" s="240">
        <v>103</v>
      </c>
      <c r="EB32" s="242">
        <v>103</v>
      </c>
      <c r="EC32" s="239"/>
    </row>
    <row r="33" spans="2:133" ht="21" customHeight="1" x14ac:dyDescent="0.2">
      <c r="B33" s="106" t="s">
        <v>30</v>
      </c>
      <c r="C33" s="217">
        <v>0</v>
      </c>
      <c r="D33" s="219">
        <v>0</v>
      </c>
      <c r="E33" s="219">
        <v>0</v>
      </c>
      <c r="F33" s="220">
        <v>0</v>
      </c>
      <c r="G33" s="218">
        <v>5</v>
      </c>
      <c r="H33" s="218">
        <v>20</v>
      </c>
      <c r="I33" s="218">
        <v>32</v>
      </c>
      <c r="J33" s="219">
        <v>19</v>
      </c>
      <c r="K33" s="240">
        <v>76</v>
      </c>
      <c r="L33" s="241">
        <v>76</v>
      </c>
      <c r="M33" s="217">
        <v>0</v>
      </c>
      <c r="N33" s="219">
        <v>0</v>
      </c>
      <c r="O33" s="240">
        <v>0</v>
      </c>
      <c r="P33" s="220">
        <v>0</v>
      </c>
      <c r="Q33" s="218">
        <v>5</v>
      </c>
      <c r="R33" s="218">
        <v>20</v>
      </c>
      <c r="S33" s="218">
        <v>32</v>
      </c>
      <c r="T33" s="219">
        <v>19</v>
      </c>
      <c r="U33" s="240">
        <v>76</v>
      </c>
      <c r="V33" s="242">
        <v>76</v>
      </c>
      <c r="W33" s="222">
        <v>0</v>
      </c>
      <c r="X33" s="219">
        <v>0</v>
      </c>
      <c r="Y33" s="240">
        <v>0</v>
      </c>
      <c r="Z33" s="222">
        <v>0</v>
      </c>
      <c r="AA33" s="218">
        <v>0</v>
      </c>
      <c r="AB33" s="218">
        <v>0</v>
      </c>
      <c r="AC33" s="218">
        <v>0</v>
      </c>
      <c r="AD33" s="219">
        <v>0</v>
      </c>
      <c r="AE33" s="240">
        <v>0</v>
      </c>
      <c r="AF33" s="221">
        <v>0</v>
      </c>
      <c r="AG33" s="222">
        <v>0</v>
      </c>
      <c r="AH33" s="219">
        <v>0</v>
      </c>
      <c r="AI33" s="240">
        <v>0</v>
      </c>
      <c r="AJ33" s="222">
        <v>11</v>
      </c>
      <c r="AK33" s="218">
        <v>7</v>
      </c>
      <c r="AL33" s="218">
        <v>12</v>
      </c>
      <c r="AM33" s="218">
        <v>11</v>
      </c>
      <c r="AN33" s="219">
        <v>7</v>
      </c>
      <c r="AO33" s="240">
        <v>48</v>
      </c>
      <c r="AP33" s="221">
        <v>48</v>
      </c>
      <c r="AQ33" s="222">
        <v>0</v>
      </c>
      <c r="AR33" s="219">
        <v>0</v>
      </c>
      <c r="AS33" s="240">
        <v>0</v>
      </c>
      <c r="AT33" s="220">
        <v>11</v>
      </c>
      <c r="AU33" s="218">
        <v>7</v>
      </c>
      <c r="AV33" s="218">
        <v>11</v>
      </c>
      <c r="AW33" s="218">
        <v>11</v>
      </c>
      <c r="AX33" s="219">
        <v>7</v>
      </c>
      <c r="AY33" s="240">
        <v>47</v>
      </c>
      <c r="AZ33" s="241">
        <v>47</v>
      </c>
      <c r="BA33" s="217">
        <v>0</v>
      </c>
      <c r="BB33" s="219">
        <v>0</v>
      </c>
      <c r="BC33" s="219">
        <v>0</v>
      </c>
      <c r="BD33" s="220">
        <v>0</v>
      </c>
      <c r="BE33" s="218">
        <v>0</v>
      </c>
      <c r="BF33" s="218">
        <v>1</v>
      </c>
      <c r="BG33" s="218">
        <v>0</v>
      </c>
      <c r="BH33" s="219">
        <v>0</v>
      </c>
      <c r="BI33" s="240">
        <v>1</v>
      </c>
      <c r="BJ33" s="242">
        <v>1</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1</v>
      </c>
      <c r="CV33" s="219">
        <v>3</v>
      </c>
      <c r="CW33" s="240">
        <v>4</v>
      </c>
      <c r="CX33" s="241">
        <v>4</v>
      </c>
      <c r="CY33" s="217">
        <v>0</v>
      </c>
      <c r="CZ33" s="219">
        <v>0</v>
      </c>
      <c r="DA33" s="219">
        <v>0</v>
      </c>
      <c r="DB33" s="220">
        <v>0</v>
      </c>
      <c r="DC33" s="218">
        <v>0</v>
      </c>
      <c r="DD33" s="218">
        <v>0</v>
      </c>
      <c r="DE33" s="218">
        <v>1</v>
      </c>
      <c r="DF33" s="219">
        <v>3</v>
      </c>
      <c r="DG33" s="240">
        <v>4</v>
      </c>
      <c r="DH33" s="242">
        <v>4</v>
      </c>
      <c r="DI33" s="222">
        <v>0</v>
      </c>
      <c r="DJ33" s="219">
        <v>0</v>
      </c>
      <c r="DK33" s="219">
        <v>0</v>
      </c>
      <c r="DL33" s="220">
        <v>0</v>
      </c>
      <c r="DM33" s="218">
        <v>0</v>
      </c>
      <c r="DN33" s="218">
        <v>0</v>
      </c>
      <c r="DO33" s="218">
        <v>0</v>
      </c>
      <c r="DP33" s="219">
        <v>0</v>
      </c>
      <c r="DQ33" s="240">
        <v>0</v>
      </c>
      <c r="DR33" s="242">
        <v>0</v>
      </c>
      <c r="DS33" s="222">
        <v>0</v>
      </c>
      <c r="DT33" s="219">
        <v>0</v>
      </c>
      <c r="DU33" s="219">
        <v>0</v>
      </c>
      <c r="DV33" s="220">
        <v>11</v>
      </c>
      <c r="DW33" s="218">
        <v>12</v>
      </c>
      <c r="DX33" s="218">
        <v>31</v>
      </c>
      <c r="DY33" s="218">
        <v>44</v>
      </c>
      <c r="DZ33" s="219">
        <v>29</v>
      </c>
      <c r="EA33" s="240">
        <v>127</v>
      </c>
      <c r="EB33" s="242">
        <v>127</v>
      </c>
      <c r="EC33" s="239"/>
    </row>
    <row r="34" spans="2:133" ht="21" customHeight="1" x14ac:dyDescent="0.2">
      <c r="B34" s="106" t="s">
        <v>31</v>
      </c>
      <c r="C34" s="217">
        <v>0</v>
      </c>
      <c r="D34" s="219">
        <v>0</v>
      </c>
      <c r="E34" s="219">
        <v>0</v>
      </c>
      <c r="F34" s="220">
        <v>2</v>
      </c>
      <c r="G34" s="218">
        <v>3</v>
      </c>
      <c r="H34" s="218">
        <v>27</v>
      </c>
      <c r="I34" s="218">
        <v>26</v>
      </c>
      <c r="J34" s="219">
        <v>24</v>
      </c>
      <c r="K34" s="240">
        <v>82</v>
      </c>
      <c r="L34" s="241">
        <v>82</v>
      </c>
      <c r="M34" s="217">
        <v>0</v>
      </c>
      <c r="N34" s="219">
        <v>0</v>
      </c>
      <c r="O34" s="240">
        <v>0</v>
      </c>
      <c r="P34" s="220">
        <v>2</v>
      </c>
      <c r="Q34" s="218">
        <v>3</v>
      </c>
      <c r="R34" s="218">
        <v>27</v>
      </c>
      <c r="S34" s="218">
        <v>26</v>
      </c>
      <c r="T34" s="219">
        <v>24</v>
      </c>
      <c r="U34" s="240">
        <v>82</v>
      </c>
      <c r="V34" s="242">
        <v>82</v>
      </c>
      <c r="W34" s="222">
        <v>0</v>
      </c>
      <c r="X34" s="219">
        <v>0</v>
      </c>
      <c r="Y34" s="240">
        <v>0</v>
      </c>
      <c r="Z34" s="222">
        <v>0</v>
      </c>
      <c r="AA34" s="218">
        <v>0</v>
      </c>
      <c r="AB34" s="218">
        <v>0</v>
      </c>
      <c r="AC34" s="218">
        <v>0</v>
      </c>
      <c r="AD34" s="219">
        <v>0</v>
      </c>
      <c r="AE34" s="240">
        <v>0</v>
      </c>
      <c r="AF34" s="221">
        <v>0</v>
      </c>
      <c r="AG34" s="222">
        <v>0</v>
      </c>
      <c r="AH34" s="219">
        <v>0</v>
      </c>
      <c r="AI34" s="240">
        <v>0</v>
      </c>
      <c r="AJ34" s="222">
        <v>4</v>
      </c>
      <c r="AK34" s="218">
        <v>7</v>
      </c>
      <c r="AL34" s="218">
        <v>13</v>
      </c>
      <c r="AM34" s="218">
        <v>13</v>
      </c>
      <c r="AN34" s="219">
        <v>3</v>
      </c>
      <c r="AO34" s="240">
        <v>40</v>
      </c>
      <c r="AP34" s="221">
        <v>40</v>
      </c>
      <c r="AQ34" s="222">
        <v>0</v>
      </c>
      <c r="AR34" s="219">
        <v>0</v>
      </c>
      <c r="AS34" s="240">
        <v>0</v>
      </c>
      <c r="AT34" s="220">
        <v>4</v>
      </c>
      <c r="AU34" s="218">
        <v>7</v>
      </c>
      <c r="AV34" s="218">
        <v>13</v>
      </c>
      <c r="AW34" s="218">
        <v>13</v>
      </c>
      <c r="AX34" s="219">
        <v>3</v>
      </c>
      <c r="AY34" s="240">
        <v>40</v>
      </c>
      <c r="AZ34" s="241">
        <v>40</v>
      </c>
      <c r="BA34" s="217">
        <v>0</v>
      </c>
      <c r="BB34" s="219">
        <v>0</v>
      </c>
      <c r="BC34" s="219">
        <v>0</v>
      </c>
      <c r="BD34" s="220">
        <v>0</v>
      </c>
      <c r="BE34" s="218">
        <v>0</v>
      </c>
      <c r="BF34" s="218">
        <v>0</v>
      </c>
      <c r="BG34" s="218">
        <v>0</v>
      </c>
      <c r="BH34" s="219">
        <v>0</v>
      </c>
      <c r="BI34" s="240">
        <v>0</v>
      </c>
      <c r="BJ34" s="242">
        <v>0</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7</v>
      </c>
      <c r="DW34" s="218">
        <v>10</v>
      </c>
      <c r="DX34" s="218">
        <v>40</v>
      </c>
      <c r="DY34" s="218">
        <v>41</v>
      </c>
      <c r="DZ34" s="219">
        <v>29</v>
      </c>
      <c r="EA34" s="240">
        <v>127</v>
      </c>
      <c r="EB34" s="242">
        <v>127</v>
      </c>
      <c r="EC34" s="239"/>
    </row>
    <row r="35" spans="2:133" ht="21" customHeight="1" x14ac:dyDescent="0.2">
      <c r="B35" s="106" t="s">
        <v>32</v>
      </c>
      <c r="C35" s="217">
        <v>0</v>
      </c>
      <c r="D35" s="219">
        <v>0</v>
      </c>
      <c r="E35" s="219">
        <v>0</v>
      </c>
      <c r="F35" s="220">
        <v>2</v>
      </c>
      <c r="G35" s="218">
        <v>0</v>
      </c>
      <c r="H35" s="218">
        <v>12</v>
      </c>
      <c r="I35" s="218">
        <v>24</v>
      </c>
      <c r="J35" s="219">
        <v>20</v>
      </c>
      <c r="K35" s="240">
        <v>58</v>
      </c>
      <c r="L35" s="241">
        <v>58</v>
      </c>
      <c r="M35" s="217">
        <v>0</v>
      </c>
      <c r="N35" s="219">
        <v>0</v>
      </c>
      <c r="O35" s="240">
        <v>0</v>
      </c>
      <c r="P35" s="220">
        <v>2</v>
      </c>
      <c r="Q35" s="218">
        <v>0</v>
      </c>
      <c r="R35" s="218">
        <v>12</v>
      </c>
      <c r="S35" s="218">
        <v>24</v>
      </c>
      <c r="T35" s="219">
        <v>20</v>
      </c>
      <c r="U35" s="240">
        <v>58</v>
      </c>
      <c r="V35" s="242">
        <v>58</v>
      </c>
      <c r="W35" s="222">
        <v>0</v>
      </c>
      <c r="X35" s="219">
        <v>0</v>
      </c>
      <c r="Y35" s="240">
        <v>0</v>
      </c>
      <c r="Z35" s="222">
        <v>0</v>
      </c>
      <c r="AA35" s="218">
        <v>0</v>
      </c>
      <c r="AB35" s="218">
        <v>0</v>
      </c>
      <c r="AC35" s="218">
        <v>0</v>
      </c>
      <c r="AD35" s="219">
        <v>0</v>
      </c>
      <c r="AE35" s="240">
        <v>0</v>
      </c>
      <c r="AF35" s="221">
        <v>0</v>
      </c>
      <c r="AG35" s="222">
        <v>0</v>
      </c>
      <c r="AH35" s="219">
        <v>0</v>
      </c>
      <c r="AI35" s="240">
        <v>0</v>
      </c>
      <c r="AJ35" s="222">
        <v>4</v>
      </c>
      <c r="AK35" s="218">
        <v>7</v>
      </c>
      <c r="AL35" s="218">
        <v>11</v>
      </c>
      <c r="AM35" s="218">
        <v>16</v>
      </c>
      <c r="AN35" s="219">
        <v>7</v>
      </c>
      <c r="AO35" s="240">
        <v>45</v>
      </c>
      <c r="AP35" s="221">
        <v>45</v>
      </c>
      <c r="AQ35" s="222">
        <v>0</v>
      </c>
      <c r="AR35" s="219">
        <v>0</v>
      </c>
      <c r="AS35" s="240">
        <v>0</v>
      </c>
      <c r="AT35" s="220">
        <v>4</v>
      </c>
      <c r="AU35" s="218">
        <v>7</v>
      </c>
      <c r="AV35" s="218">
        <v>11</v>
      </c>
      <c r="AW35" s="218">
        <v>16</v>
      </c>
      <c r="AX35" s="219">
        <v>7</v>
      </c>
      <c r="AY35" s="240">
        <v>45</v>
      </c>
      <c r="AZ35" s="241">
        <v>45</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1</v>
      </c>
      <c r="CS35" s="218">
        <v>1</v>
      </c>
      <c r="CT35" s="218">
        <v>2</v>
      </c>
      <c r="CU35" s="218">
        <v>0</v>
      </c>
      <c r="CV35" s="219">
        <v>1</v>
      </c>
      <c r="CW35" s="240">
        <v>5</v>
      </c>
      <c r="CX35" s="241">
        <v>5</v>
      </c>
      <c r="CY35" s="217">
        <v>0</v>
      </c>
      <c r="CZ35" s="219">
        <v>0</v>
      </c>
      <c r="DA35" s="219">
        <v>0</v>
      </c>
      <c r="DB35" s="220">
        <v>1</v>
      </c>
      <c r="DC35" s="218">
        <v>1</v>
      </c>
      <c r="DD35" s="218">
        <v>2</v>
      </c>
      <c r="DE35" s="218">
        <v>0</v>
      </c>
      <c r="DF35" s="219">
        <v>1</v>
      </c>
      <c r="DG35" s="240">
        <v>5</v>
      </c>
      <c r="DH35" s="242">
        <v>5</v>
      </c>
      <c r="DI35" s="222">
        <v>0</v>
      </c>
      <c r="DJ35" s="219">
        <v>0</v>
      </c>
      <c r="DK35" s="219">
        <v>0</v>
      </c>
      <c r="DL35" s="220">
        <v>0</v>
      </c>
      <c r="DM35" s="218">
        <v>0</v>
      </c>
      <c r="DN35" s="218">
        <v>0</v>
      </c>
      <c r="DO35" s="218">
        <v>0</v>
      </c>
      <c r="DP35" s="219">
        <v>0</v>
      </c>
      <c r="DQ35" s="240">
        <v>0</v>
      </c>
      <c r="DR35" s="242">
        <v>0</v>
      </c>
      <c r="DS35" s="222">
        <v>0</v>
      </c>
      <c r="DT35" s="219">
        <v>0</v>
      </c>
      <c r="DU35" s="219">
        <v>0</v>
      </c>
      <c r="DV35" s="220">
        <v>7</v>
      </c>
      <c r="DW35" s="218">
        <v>8</v>
      </c>
      <c r="DX35" s="218">
        <v>25</v>
      </c>
      <c r="DY35" s="218">
        <v>40</v>
      </c>
      <c r="DZ35" s="219">
        <v>28</v>
      </c>
      <c r="EA35" s="240">
        <v>108</v>
      </c>
      <c r="EB35" s="242">
        <v>108</v>
      </c>
      <c r="EC35" s="239"/>
    </row>
    <row r="36" spans="2:133" ht="21" customHeight="1" x14ac:dyDescent="0.2">
      <c r="B36" s="106" t="s">
        <v>33</v>
      </c>
      <c r="C36" s="217">
        <v>0</v>
      </c>
      <c r="D36" s="219">
        <v>0</v>
      </c>
      <c r="E36" s="219">
        <v>0</v>
      </c>
      <c r="F36" s="220">
        <v>0</v>
      </c>
      <c r="G36" s="218">
        <v>7</v>
      </c>
      <c r="H36" s="218">
        <v>24</v>
      </c>
      <c r="I36" s="218">
        <v>30</v>
      </c>
      <c r="J36" s="219">
        <v>18</v>
      </c>
      <c r="K36" s="240">
        <v>79</v>
      </c>
      <c r="L36" s="241">
        <v>79</v>
      </c>
      <c r="M36" s="217">
        <v>0</v>
      </c>
      <c r="N36" s="219">
        <v>0</v>
      </c>
      <c r="O36" s="240">
        <v>0</v>
      </c>
      <c r="P36" s="220">
        <v>0</v>
      </c>
      <c r="Q36" s="218">
        <v>7</v>
      </c>
      <c r="R36" s="218">
        <v>24</v>
      </c>
      <c r="S36" s="218">
        <v>30</v>
      </c>
      <c r="T36" s="219">
        <v>18</v>
      </c>
      <c r="U36" s="240">
        <v>79</v>
      </c>
      <c r="V36" s="242">
        <v>79</v>
      </c>
      <c r="W36" s="222">
        <v>0</v>
      </c>
      <c r="X36" s="219">
        <v>0</v>
      </c>
      <c r="Y36" s="240">
        <v>0</v>
      </c>
      <c r="Z36" s="222">
        <v>0</v>
      </c>
      <c r="AA36" s="218">
        <v>0</v>
      </c>
      <c r="AB36" s="218">
        <v>0</v>
      </c>
      <c r="AC36" s="218">
        <v>0</v>
      </c>
      <c r="AD36" s="219">
        <v>0</v>
      </c>
      <c r="AE36" s="240">
        <v>0</v>
      </c>
      <c r="AF36" s="221">
        <v>0</v>
      </c>
      <c r="AG36" s="222">
        <v>0</v>
      </c>
      <c r="AH36" s="219">
        <v>0</v>
      </c>
      <c r="AI36" s="240">
        <v>0</v>
      </c>
      <c r="AJ36" s="222">
        <v>7</v>
      </c>
      <c r="AK36" s="218">
        <v>9</v>
      </c>
      <c r="AL36" s="218">
        <v>13</v>
      </c>
      <c r="AM36" s="218">
        <v>19</v>
      </c>
      <c r="AN36" s="219">
        <v>8</v>
      </c>
      <c r="AO36" s="240">
        <v>56</v>
      </c>
      <c r="AP36" s="221">
        <v>56</v>
      </c>
      <c r="AQ36" s="222">
        <v>0</v>
      </c>
      <c r="AR36" s="219">
        <v>0</v>
      </c>
      <c r="AS36" s="240">
        <v>0</v>
      </c>
      <c r="AT36" s="220">
        <v>7</v>
      </c>
      <c r="AU36" s="218">
        <v>9</v>
      </c>
      <c r="AV36" s="218">
        <v>13</v>
      </c>
      <c r="AW36" s="218">
        <v>19</v>
      </c>
      <c r="AX36" s="219">
        <v>8</v>
      </c>
      <c r="AY36" s="240">
        <v>56</v>
      </c>
      <c r="AZ36" s="241">
        <v>56</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3</v>
      </c>
      <c r="CS36" s="218">
        <v>7</v>
      </c>
      <c r="CT36" s="218">
        <v>8</v>
      </c>
      <c r="CU36" s="218">
        <v>11</v>
      </c>
      <c r="CV36" s="219">
        <v>10</v>
      </c>
      <c r="CW36" s="240">
        <v>39</v>
      </c>
      <c r="CX36" s="241">
        <v>39</v>
      </c>
      <c r="CY36" s="217">
        <v>0</v>
      </c>
      <c r="CZ36" s="219">
        <v>0</v>
      </c>
      <c r="DA36" s="219">
        <v>0</v>
      </c>
      <c r="DB36" s="220">
        <v>3</v>
      </c>
      <c r="DC36" s="218">
        <v>7</v>
      </c>
      <c r="DD36" s="218">
        <v>8</v>
      </c>
      <c r="DE36" s="218">
        <v>11</v>
      </c>
      <c r="DF36" s="219">
        <v>10</v>
      </c>
      <c r="DG36" s="240">
        <v>39</v>
      </c>
      <c r="DH36" s="242">
        <v>39</v>
      </c>
      <c r="DI36" s="222">
        <v>0</v>
      </c>
      <c r="DJ36" s="219">
        <v>0</v>
      </c>
      <c r="DK36" s="219">
        <v>0</v>
      </c>
      <c r="DL36" s="220">
        <v>0</v>
      </c>
      <c r="DM36" s="218">
        <v>0</v>
      </c>
      <c r="DN36" s="218">
        <v>0</v>
      </c>
      <c r="DO36" s="218">
        <v>0</v>
      </c>
      <c r="DP36" s="219">
        <v>0</v>
      </c>
      <c r="DQ36" s="240">
        <v>0</v>
      </c>
      <c r="DR36" s="242">
        <v>0</v>
      </c>
      <c r="DS36" s="222">
        <v>0</v>
      </c>
      <c r="DT36" s="219">
        <v>0</v>
      </c>
      <c r="DU36" s="219">
        <v>0</v>
      </c>
      <c r="DV36" s="220">
        <v>10</v>
      </c>
      <c r="DW36" s="218">
        <v>23</v>
      </c>
      <c r="DX36" s="218">
        <v>45</v>
      </c>
      <c r="DY36" s="218">
        <v>60</v>
      </c>
      <c r="DZ36" s="219">
        <v>36</v>
      </c>
      <c r="EA36" s="240">
        <v>174</v>
      </c>
      <c r="EB36" s="242">
        <v>174</v>
      </c>
      <c r="EC36" s="239"/>
    </row>
    <row r="37" spans="2:133" ht="21" customHeight="1" x14ac:dyDescent="0.2">
      <c r="B37" s="106" t="s">
        <v>34</v>
      </c>
      <c r="C37" s="217">
        <v>0</v>
      </c>
      <c r="D37" s="219">
        <v>0</v>
      </c>
      <c r="E37" s="219">
        <v>0</v>
      </c>
      <c r="F37" s="220">
        <v>0</v>
      </c>
      <c r="G37" s="218">
        <v>0</v>
      </c>
      <c r="H37" s="218">
        <v>7</v>
      </c>
      <c r="I37" s="218">
        <v>26</v>
      </c>
      <c r="J37" s="219">
        <v>8</v>
      </c>
      <c r="K37" s="240">
        <v>41</v>
      </c>
      <c r="L37" s="241">
        <v>41</v>
      </c>
      <c r="M37" s="217">
        <v>0</v>
      </c>
      <c r="N37" s="219">
        <v>0</v>
      </c>
      <c r="O37" s="240">
        <v>0</v>
      </c>
      <c r="P37" s="220">
        <v>0</v>
      </c>
      <c r="Q37" s="218">
        <v>0</v>
      </c>
      <c r="R37" s="218">
        <v>7</v>
      </c>
      <c r="S37" s="218">
        <v>26</v>
      </c>
      <c r="T37" s="219">
        <v>8</v>
      </c>
      <c r="U37" s="240">
        <v>41</v>
      </c>
      <c r="V37" s="242">
        <v>41</v>
      </c>
      <c r="W37" s="222">
        <v>0</v>
      </c>
      <c r="X37" s="219">
        <v>0</v>
      </c>
      <c r="Y37" s="240">
        <v>0</v>
      </c>
      <c r="Z37" s="222">
        <v>0</v>
      </c>
      <c r="AA37" s="218">
        <v>0</v>
      </c>
      <c r="AB37" s="218">
        <v>0</v>
      </c>
      <c r="AC37" s="218">
        <v>0</v>
      </c>
      <c r="AD37" s="219">
        <v>0</v>
      </c>
      <c r="AE37" s="240">
        <v>0</v>
      </c>
      <c r="AF37" s="221">
        <v>0</v>
      </c>
      <c r="AG37" s="222">
        <v>0</v>
      </c>
      <c r="AH37" s="219">
        <v>0</v>
      </c>
      <c r="AI37" s="240">
        <v>0</v>
      </c>
      <c r="AJ37" s="222">
        <v>8</v>
      </c>
      <c r="AK37" s="218">
        <v>12</v>
      </c>
      <c r="AL37" s="218">
        <v>7</v>
      </c>
      <c r="AM37" s="218">
        <v>9</v>
      </c>
      <c r="AN37" s="219">
        <v>3</v>
      </c>
      <c r="AO37" s="240">
        <v>39</v>
      </c>
      <c r="AP37" s="221">
        <v>39</v>
      </c>
      <c r="AQ37" s="222">
        <v>0</v>
      </c>
      <c r="AR37" s="219">
        <v>0</v>
      </c>
      <c r="AS37" s="240">
        <v>0</v>
      </c>
      <c r="AT37" s="220">
        <v>8</v>
      </c>
      <c r="AU37" s="218">
        <v>11</v>
      </c>
      <c r="AV37" s="218">
        <v>7</v>
      </c>
      <c r="AW37" s="218">
        <v>9</v>
      </c>
      <c r="AX37" s="219">
        <v>3</v>
      </c>
      <c r="AY37" s="240">
        <v>38</v>
      </c>
      <c r="AZ37" s="241">
        <v>38</v>
      </c>
      <c r="BA37" s="217">
        <v>0</v>
      </c>
      <c r="BB37" s="219">
        <v>0</v>
      </c>
      <c r="BC37" s="219">
        <v>0</v>
      </c>
      <c r="BD37" s="220">
        <v>0</v>
      </c>
      <c r="BE37" s="218">
        <v>1</v>
      </c>
      <c r="BF37" s="218">
        <v>0</v>
      </c>
      <c r="BG37" s="218">
        <v>0</v>
      </c>
      <c r="BH37" s="219">
        <v>0</v>
      </c>
      <c r="BI37" s="240">
        <v>1</v>
      </c>
      <c r="BJ37" s="242">
        <v>1</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1</v>
      </c>
      <c r="CW37" s="240">
        <v>2</v>
      </c>
      <c r="CX37" s="241">
        <v>2</v>
      </c>
      <c r="CY37" s="217">
        <v>0</v>
      </c>
      <c r="CZ37" s="219">
        <v>0</v>
      </c>
      <c r="DA37" s="219">
        <v>0</v>
      </c>
      <c r="DB37" s="220">
        <v>0</v>
      </c>
      <c r="DC37" s="218">
        <v>0</v>
      </c>
      <c r="DD37" s="218">
        <v>0</v>
      </c>
      <c r="DE37" s="218">
        <v>1</v>
      </c>
      <c r="DF37" s="219">
        <v>0</v>
      </c>
      <c r="DG37" s="240">
        <v>1</v>
      </c>
      <c r="DH37" s="242">
        <v>1</v>
      </c>
      <c r="DI37" s="222">
        <v>0</v>
      </c>
      <c r="DJ37" s="219">
        <v>0</v>
      </c>
      <c r="DK37" s="219">
        <v>0</v>
      </c>
      <c r="DL37" s="220">
        <v>0</v>
      </c>
      <c r="DM37" s="218">
        <v>0</v>
      </c>
      <c r="DN37" s="218">
        <v>0</v>
      </c>
      <c r="DO37" s="218">
        <v>0</v>
      </c>
      <c r="DP37" s="219">
        <v>1</v>
      </c>
      <c r="DQ37" s="240">
        <v>1</v>
      </c>
      <c r="DR37" s="242">
        <v>1</v>
      </c>
      <c r="DS37" s="222">
        <v>0</v>
      </c>
      <c r="DT37" s="219">
        <v>0</v>
      </c>
      <c r="DU37" s="219">
        <v>0</v>
      </c>
      <c r="DV37" s="220">
        <v>8</v>
      </c>
      <c r="DW37" s="218">
        <v>12</v>
      </c>
      <c r="DX37" s="218">
        <v>14</v>
      </c>
      <c r="DY37" s="218">
        <v>36</v>
      </c>
      <c r="DZ37" s="219">
        <v>12</v>
      </c>
      <c r="EA37" s="240">
        <v>82</v>
      </c>
      <c r="EB37" s="242">
        <v>82</v>
      </c>
      <c r="EC37" s="239"/>
    </row>
    <row r="38" spans="2:133" ht="21" customHeight="1" x14ac:dyDescent="0.2">
      <c r="B38" s="106" t="s">
        <v>35</v>
      </c>
      <c r="C38" s="217">
        <v>0</v>
      </c>
      <c r="D38" s="219">
        <v>0</v>
      </c>
      <c r="E38" s="219">
        <v>0</v>
      </c>
      <c r="F38" s="220">
        <v>1</v>
      </c>
      <c r="G38" s="218">
        <v>1</v>
      </c>
      <c r="H38" s="218">
        <v>26</v>
      </c>
      <c r="I38" s="218">
        <v>49</v>
      </c>
      <c r="J38" s="219">
        <v>32</v>
      </c>
      <c r="K38" s="240">
        <v>109</v>
      </c>
      <c r="L38" s="241">
        <v>109</v>
      </c>
      <c r="M38" s="217">
        <v>0</v>
      </c>
      <c r="N38" s="219">
        <v>0</v>
      </c>
      <c r="O38" s="240">
        <v>0</v>
      </c>
      <c r="P38" s="220">
        <v>1</v>
      </c>
      <c r="Q38" s="218">
        <v>1</v>
      </c>
      <c r="R38" s="218">
        <v>26</v>
      </c>
      <c r="S38" s="218">
        <v>49</v>
      </c>
      <c r="T38" s="219">
        <v>32</v>
      </c>
      <c r="U38" s="240">
        <v>109</v>
      </c>
      <c r="V38" s="242">
        <v>109</v>
      </c>
      <c r="W38" s="222">
        <v>0</v>
      </c>
      <c r="X38" s="219">
        <v>0</v>
      </c>
      <c r="Y38" s="240">
        <v>0</v>
      </c>
      <c r="Z38" s="222">
        <v>0</v>
      </c>
      <c r="AA38" s="218">
        <v>0</v>
      </c>
      <c r="AB38" s="218">
        <v>0</v>
      </c>
      <c r="AC38" s="218">
        <v>0</v>
      </c>
      <c r="AD38" s="219">
        <v>0</v>
      </c>
      <c r="AE38" s="240">
        <v>0</v>
      </c>
      <c r="AF38" s="221">
        <v>0</v>
      </c>
      <c r="AG38" s="222">
        <v>0</v>
      </c>
      <c r="AH38" s="219">
        <v>0</v>
      </c>
      <c r="AI38" s="240">
        <v>0</v>
      </c>
      <c r="AJ38" s="222">
        <v>22</v>
      </c>
      <c r="AK38" s="218">
        <v>29</v>
      </c>
      <c r="AL38" s="218">
        <v>30</v>
      </c>
      <c r="AM38" s="218">
        <v>17</v>
      </c>
      <c r="AN38" s="219">
        <v>7</v>
      </c>
      <c r="AO38" s="240">
        <v>105</v>
      </c>
      <c r="AP38" s="221">
        <v>105</v>
      </c>
      <c r="AQ38" s="222">
        <v>0</v>
      </c>
      <c r="AR38" s="219">
        <v>0</v>
      </c>
      <c r="AS38" s="240">
        <v>0</v>
      </c>
      <c r="AT38" s="220">
        <v>22</v>
      </c>
      <c r="AU38" s="218">
        <v>29</v>
      </c>
      <c r="AV38" s="218">
        <v>30</v>
      </c>
      <c r="AW38" s="218">
        <v>17</v>
      </c>
      <c r="AX38" s="219">
        <v>7</v>
      </c>
      <c r="AY38" s="240">
        <v>105</v>
      </c>
      <c r="AZ38" s="241">
        <v>105</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3</v>
      </c>
      <c r="CS38" s="218">
        <v>2</v>
      </c>
      <c r="CT38" s="218">
        <v>7</v>
      </c>
      <c r="CU38" s="218">
        <v>5</v>
      </c>
      <c r="CV38" s="219">
        <v>5</v>
      </c>
      <c r="CW38" s="240">
        <v>22</v>
      </c>
      <c r="CX38" s="241">
        <v>22</v>
      </c>
      <c r="CY38" s="217">
        <v>0</v>
      </c>
      <c r="CZ38" s="219">
        <v>0</v>
      </c>
      <c r="DA38" s="219">
        <v>0</v>
      </c>
      <c r="DB38" s="220">
        <v>2</v>
      </c>
      <c r="DC38" s="218">
        <v>2</v>
      </c>
      <c r="DD38" s="218">
        <v>7</v>
      </c>
      <c r="DE38" s="218">
        <v>5</v>
      </c>
      <c r="DF38" s="219">
        <v>5</v>
      </c>
      <c r="DG38" s="240">
        <v>21</v>
      </c>
      <c r="DH38" s="242">
        <v>21</v>
      </c>
      <c r="DI38" s="222">
        <v>0</v>
      </c>
      <c r="DJ38" s="219">
        <v>0</v>
      </c>
      <c r="DK38" s="219">
        <v>0</v>
      </c>
      <c r="DL38" s="220">
        <v>1</v>
      </c>
      <c r="DM38" s="218">
        <v>0</v>
      </c>
      <c r="DN38" s="218">
        <v>0</v>
      </c>
      <c r="DO38" s="218">
        <v>0</v>
      </c>
      <c r="DP38" s="219">
        <v>0</v>
      </c>
      <c r="DQ38" s="240">
        <v>1</v>
      </c>
      <c r="DR38" s="242">
        <v>1</v>
      </c>
      <c r="DS38" s="222">
        <v>0</v>
      </c>
      <c r="DT38" s="219">
        <v>0</v>
      </c>
      <c r="DU38" s="219">
        <v>0</v>
      </c>
      <c r="DV38" s="220">
        <v>26</v>
      </c>
      <c r="DW38" s="218">
        <v>32</v>
      </c>
      <c r="DX38" s="218">
        <v>62</v>
      </c>
      <c r="DY38" s="218">
        <v>70</v>
      </c>
      <c r="DZ38" s="219">
        <v>44</v>
      </c>
      <c r="EA38" s="240">
        <v>234</v>
      </c>
      <c r="EB38" s="242">
        <v>234</v>
      </c>
      <c r="EC38" s="239"/>
    </row>
    <row r="39" spans="2:133" ht="21" customHeight="1" x14ac:dyDescent="0.2">
      <c r="B39" s="106" t="s">
        <v>36</v>
      </c>
      <c r="C39" s="217">
        <v>0</v>
      </c>
      <c r="D39" s="219">
        <v>0</v>
      </c>
      <c r="E39" s="219">
        <v>0</v>
      </c>
      <c r="F39" s="220">
        <v>0</v>
      </c>
      <c r="G39" s="218">
        <v>4</v>
      </c>
      <c r="H39" s="218">
        <v>60</v>
      </c>
      <c r="I39" s="218">
        <v>85</v>
      </c>
      <c r="J39" s="219">
        <v>64</v>
      </c>
      <c r="K39" s="240">
        <v>213</v>
      </c>
      <c r="L39" s="241">
        <v>213</v>
      </c>
      <c r="M39" s="217">
        <v>0</v>
      </c>
      <c r="N39" s="219">
        <v>0</v>
      </c>
      <c r="O39" s="240">
        <v>0</v>
      </c>
      <c r="P39" s="220">
        <v>0</v>
      </c>
      <c r="Q39" s="218">
        <v>4</v>
      </c>
      <c r="R39" s="218">
        <v>59</v>
      </c>
      <c r="S39" s="218">
        <v>81</v>
      </c>
      <c r="T39" s="219">
        <v>63</v>
      </c>
      <c r="U39" s="240">
        <v>207</v>
      </c>
      <c r="V39" s="242">
        <v>207</v>
      </c>
      <c r="W39" s="222">
        <v>0</v>
      </c>
      <c r="X39" s="219">
        <v>0</v>
      </c>
      <c r="Y39" s="240">
        <v>0</v>
      </c>
      <c r="Z39" s="222">
        <v>0</v>
      </c>
      <c r="AA39" s="218">
        <v>0</v>
      </c>
      <c r="AB39" s="218">
        <v>1</v>
      </c>
      <c r="AC39" s="218">
        <v>4</v>
      </c>
      <c r="AD39" s="219">
        <v>1</v>
      </c>
      <c r="AE39" s="240">
        <v>6</v>
      </c>
      <c r="AF39" s="221">
        <v>6</v>
      </c>
      <c r="AG39" s="222">
        <v>0</v>
      </c>
      <c r="AH39" s="219">
        <v>0</v>
      </c>
      <c r="AI39" s="240">
        <v>0</v>
      </c>
      <c r="AJ39" s="222">
        <v>15</v>
      </c>
      <c r="AK39" s="218">
        <v>18</v>
      </c>
      <c r="AL39" s="218">
        <v>38</v>
      </c>
      <c r="AM39" s="218">
        <v>47</v>
      </c>
      <c r="AN39" s="219">
        <v>22</v>
      </c>
      <c r="AO39" s="240">
        <v>140</v>
      </c>
      <c r="AP39" s="221">
        <v>140</v>
      </c>
      <c r="AQ39" s="222">
        <v>0</v>
      </c>
      <c r="AR39" s="219">
        <v>0</v>
      </c>
      <c r="AS39" s="240">
        <v>0</v>
      </c>
      <c r="AT39" s="220">
        <v>15</v>
      </c>
      <c r="AU39" s="218">
        <v>18</v>
      </c>
      <c r="AV39" s="218">
        <v>38</v>
      </c>
      <c r="AW39" s="218">
        <v>46</v>
      </c>
      <c r="AX39" s="219">
        <v>22</v>
      </c>
      <c r="AY39" s="240">
        <v>139</v>
      </c>
      <c r="AZ39" s="241">
        <v>139</v>
      </c>
      <c r="BA39" s="217">
        <v>0</v>
      </c>
      <c r="BB39" s="219">
        <v>0</v>
      </c>
      <c r="BC39" s="219">
        <v>0</v>
      </c>
      <c r="BD39" s="220">
        <v>0</v>
      </c>
      <c r="BE39" s="218">
        <v>0</v>
      </c>
      <c r="BF39" s="218">
        <v>0</v>
      </c>
      <c r="BG39" s="218">
        <v>1</v>
      </c>
      <c r="BH39" s="219">
        <v>0</v>
      </c>
      <c r="BI39" s="240">
        <v>1</v>
      </c>
      <c r="BJ39" s="242">
        <v>1</v>
      </c>
      <c r="BK39" s="222">
        <v>0</v>
      </c>
      <c r="BL39" s="219">
        <v>0</v>
      </c>
      <c r="BM39" s="219">
        <v>0</v>
      </c>
      <c r="BN39" s="220">
        <v>0</v>
      </c>
      <c r="BO39" s="218">
        <v>0</v>
      </c>
      <c r="BP39" s="218">
        <v>0</v>
      </c>
      <c r="BQ39" s="218">
        <v>1</v>
      </c>
      <c r="BR39" s="219">
        <v>3</v>
      </c>
      <c r="BS39" s="240">
        <v>4</v>
      </c>
      <c r="BT39" s="241">
        <v>4</v>
      </c>
      <c r="BU39" s="217">
        <v>0</v>
      </c>
      <c r="BV39" s="219">
        <v>0</v>
      </c>
      <c r="BW39" s="219">
        <v>0</v>
      </c>
      <c r="BX39" s="220">
        <v>0</v>
      </c>
      <c r="BY39" s="218">
        <v>0</v>
      </c>
      <c r="BZ39" s="218">
        <v>0</v>
      </c>
      <c r="CA39" s="218">
        <v>1</v>
      </c>
      <c r="CB39" s="219">
        <v>3</v>
      </c>
      <c r="CC39" s="240">
        <v>4</v>
      </c>
      <c r="CD39" s="242">
        <v>4</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7</v>
      </c>
      <c r="CV39" s="219">
        <v>3</v>
      </c>
      <c r="CW39" s="240">
        <v>10</v>
      </c>
      <c r="CX39" s="241">
        <v>10</v>
      </c>
      <c r="CY39" s="217">
        <v>0</v>
      </c>
      <c r="CZ39" s="219">
        <v>0</v>
      </c>
      <c r="DA39" s="219">
        <v>0</v>
      </c>
      <c r="DB39" s="220">
        <v>0</v>
      </c>
      <c r="DC39" s="218">
        <v>0</v>
      </c>
      <c r="DD39" s="218">
        <v>0</v>
      </c>
      <c r="DE39" s="218">
        <v>6</v>
      </c>
      <c r="DF39" s="219">
        <v>3</v>
      </c>
      <c r="DG39" s="240">
        <v>9</v>
      </c>
      <c r="DH39" s="242">
        <v>9</v>
      </c>
      <c r="DI39" s="222">
        <v>0</v>
      </c>
      <c r="DJ39" s="219">
        <v>0</v>
      </c>
      <c r="DK39" s="219">
        <v>0</v>
      </c>
      <c r="DL39" s="220">
        <v>0</v>
      </c>
      <c r="DM39" s="218">
        <v>0</v>
      </c>
      <c r="DN39" s="218">
        <v>0</v>
      </c>
      <c r="DO39" s="218">
        <v>1</v>
      </c>
      <c r="DP39" s="219">
        <v>0</v>
      </c>
      <c r="DQ39" s="240">
        <v>1</v>
      </c>
      <c r="DR39" s="242">
        <v>1</v>
      </c>
      <c r="DS39" s="222">
        <v>0</v>
      </c>
      <c r="DT39" s="219">
        <v>0</v>
      </c>
      <c r="DU39" s="219">
        <v>0</v>
      </c>
      <c r="DV39" s="220">
        <v>15</v>
      </c>
      <c r="DW39" s="218">
        <v>22</v>
      </c>
      <c r="DX39" s="218">
        <v>97</v>
      </c>
      <c r="DY39" s="218">
        <v>138</v>
      </c>
      <c r="DZ39" s="219">
        <v>92</v>
      </c>
      <c r="EA39" s="240">
        <v>364</v>
      </c>
      <c r="EB39" s="242">
        <v>364</v>
      </c>
      <c r="EC39" s="239"/>
    </row>
    <row r="40" spans="2:133" ht="21" customHeight="1" thickBot="1" x14ac:dyDescent="0.25">
      <c r="B40" s="108" t="s">
        <v>37</v>
      </c>
      <c r="C40" s="223">
        <v>0</v>
      </c>
      <c r="D40" s="225">
        <v>0</v>
      </c>
      <c r="E40" s="225">
        <v>0</v>
      </c>
      <c r="F40" s="226">
        <v>0</v>
      </c>
      <c r="G40" s="224">
        <v>0</v>
      </c>
      <c r="H40" s="224">
        <v>6</v>
      </c>
      <c r="I40" s="224">
        <v>7</v>
      </c>
      <c r="J40" s="225">
        <v>8</v>
      </c>
      <c r="K40" s="243">
        <v>21</v>
      </c>
      <c r="L40" s="244">
        <v>21</v>
      </c>
      <c r="M40" s="223">
        <v>0</v>
      </c>
      <c r="N40" s="225">
        <v>0</v>
      </c>
      <c r="O40" s="243">
        <v>0</v>
      </c>
      <c r="P40" s="226">
        <v>0</v>
      </c>
      <c r="Q40" s="224">
        <v>0</v>
      </c>
      <c r="R40" s="224">
        <v>6</v>
      </c>
      <c r="S40" s="224">
        <v>7</v>
      </c>
      <c r="T40" s="225">
        <v>8</v>
      </c>
      <c r="U40" s="243">
        <v>21</v>
      </c>
      <c r="V40" s="245">
        <v>21</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3</v>
      </c>
      <c r="AL40" s="224">
        <v>7</v>
      </c>
      <c r="AM40" s="224">
        <v>3</v>
      </c>
      <c r="AN40" s="225">
        <v>2</v>
      </c>
      <c r="AO40" s="243">
        <v>16</v>
      </c>
      <c r="AP40" s="227">
        <v>16</v>
      </c>
      <c r="AQ40" s="228">
        <v>0</v>
      </c>
      <c r="AR40" s="225">
        <v>0</v>
      </c>
      <c r="AS40" s="243">
        <v>0</v>
      </c>
      <c r="AT40" s="226">
        <v>1</v>
      </c>
      <c r="AU40" s="224">
        <v>3</v>
      </c>
      <c r="AV40" s="224">
        <v>7</v>
      </c>
      <c r="AW40" s="224">
        <v>3</v>
      </c>
      <c r="AX40" s="225">
        <v>2</v>
      </c>
      <c r="AY40" s="243">
        <v>16</v>
      </c>
      <c r="AZ40" s="244">
        <v>16</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3</v>
      </c>
      <c r="DX40" s="224">
        <v>13</v>
      </c>
      <c r="DY40" s="224">
        <v>10</v>
      </c>
      <c r="DZ40" s="225">
        <v>11</v>
      </c>
      <c r="EA40" s="243">
        <v>38</v>
      </c>
      <c r="EB40" s="245">
        <v>38</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6">
        <f>第１表!F2</f>
        <v>6</v>
      </c>
      <c r="G1" s="446"/>
      <c r="H1" s="18">
        <f>第１表!G2</f>
        <v>5</v>
      </c>
      <c r="I1" s="428">
        <f>H1</f>
        <v>5</v>
      </c>
      <c r="J1" s="428"/>
    </row>
    <row r="2" spans="2:299" ht="24" customHeight="1" thickBot="1" x14ac:dyDescent="0.25">
      <c r="B2" s="10" t="s">
        <v>127</v>
      </c>
    </row>
    <row r="3" spans="2:299" ht="21" customHeight="1" thickBot="1" x14ac:dyDescent="0.25">
      <c r="B3" s="429" t="s">
        <v>38</v>
      </c>
      <c r="C3" s="441" t="s">
        <v>96</v>
      </c>
      <c r="D3" s="441"/>
      <c r="E3" s="441"/>
      <c r="F3" s="441"/>
      <c r="G3" s="441"/>
      <c r="H3" s="441"/>
      <c r="I3" s="441"/>
      <c r="J3" s="441"/>
      <c r="K3" s="441"/>
      <c r="L3" s="441"/>
      <c r="M3" s="441"/>
      <c r="N3" s="441"/>
      <c r="O3" s="441"/>
      <c r="P3" s="441"/>
      <c r="Q3" s="441"/>
      <c r="R3" s="441"/>
      <c r="S3" s="441"/>
      <c r="T3" s="441"/>
      <c r="U3" s="441"/>
      <c r="V3" s="441"/>
      <c r="W3" s="441"/>
      <c r="X3" s="441"/>
      <c r="Y3" s="441"/>
      <c r="Z3" s="441"/>
      <c r="AA3" s="441"/>
      <c r="AB3" s="441"/>
      <c r="AC3" s="441"/>
      <c r="AD3" s="441"/>
      <c r="AE3" s="441"/>
      <c r="AF3" s="441"/>
      <c r="AG3" s="441"/>
      <c r="AH3" s="441"/>
      <c r="AI3" s="441"/>
      <c r="AJ3" s="441"/>
      <c r="AK3" s="441"/>
      <c r="AL3" s="441"/>
      <c r="AM3" s="441"/>
      <c r="AN3" s="441"/>
      <c r="AO3" s="441"/>
      <c r="AP3" s="441"/>
      <c r="AQ3" s="441"/>
      <c r="AR3" s="441"/>
      <c r="AS3" s="441"/>
      <c r="AT3" s="441"/>
      <c r="AU3" s="441"/>
      <c r="AV3" s="441"/>
      <c r="AW3" s="441"/>
      <c r="AX3" s="441"/>
      <c r="AY3" s="441"/>
      <c r="AZ3" s="441"/>
      <c r="BA3" s="441"/>
      <c r="BB3" s="441"/>
      <c r="BC3" s="441"/>
      <c r="BD3" s="441"/>
      <c r="BE3" s="441"/>
      <c r="BF3" s="441"/>
      <c r="BG3" s="441"/>
      <c r="BH3" s="441"/>
      <c r="BI3" s="441"/>
      <c r="BJ3" s="441"/>
      <c r="BK3" s="441"/>
      <c r="BL3" s="441"/>
      <c r="BM3" s="441"/>
      <c r="BN3" s="441"/>
      <c r="BO3" s="441"/>
      <c r="BP3" s="441"/>
      <c r="BQ3" s="441"/>
      <c r="BR3" s="441"/>
      <c r="BS3" s="441"/>
      <c r="BT3" s="441"/>
      <c r="BU3" s="441"/>
      <c r="BV3" s="441"/>
      <c r="BW3" s="441"/>
      <c r="BX3" s="441"/>
      <c r="BY3" s="441"/>
      <c r="BZ3" s="441"/>
      <c r="CA3" s="441"/>
      <c r="CB3" s="441"/>
      <c r="CC3" s="441"/>
      <c r="CD3" s="441"/>
      <c r="CE3" s="441"/>
      <c r="CF3" s="441"/>
      <c r="CG3" s="441"/>
      <c r="CH3" s="441"/>
      <c r="CI3" s="441"/>
      <c r="CJ3" s="441"/>
      <c r="CK3" s="441"/>
      <c r="CL3" s="441"/>
      <c r="CM3" s="441"/>
      <c r="CN3" s="441"/>
      <c r="CO3" s="441"/>
      <c r="CP3" s="441"/>
      <c r="CQ3" s="441"/>
      <c r="CR3" s="441"/>
      <c r="CS3" s="441"/>
      <c r="CT3" s="441"/>
      <c r="CU3" s="441"/>
      <c r="CV3" s="441"/>
      <c r="CW3" s="442"/>
      <c r="CX3" s="441" t="s">
        <v>102</v>
      </c>
      <c r="CY3" s="441"/>
      <c r="CZ3" s="441"/>
      <c r="DA3" s="441"/>
      <c r="DB3" s="441"/>
      <c r="DC3" s="441"/>
      <c r="DD3" s="441"/>
      <c r="DE3" s="441"/>
      <c r="DF3" s="441"/>
      <c r="DG3" s="441"/>
      <c r="DH3" s="441"/>
      <c r="DI3" s="441"/>
      <c r="DJ3" s="441"/>
      <c r="DK3" s="441"/>
      <c r="DL3" s="441"/>
      <c r="DM3" s="441"/>
      <c r="DN3" s="441"/>
      <c r="DO3" s="441"/>
      <c r="DP3" s="441"/>
      <c r="DQ3" s="441"/>
      <c r="DR3" s="441"/>
      <c r="DS3" s="441"/>
      <c r="DT3" s="441"/>
      <c r="DU3" s="441"/>
      <c r="DV3" s="441"/>
      <c r="DW3" s="441"/>
      <c r="DX3" s="441"/>
      <c r="DY3" s="441"/>
      <c r="DZ3" s="441"/>
      <c r="EA3" s="441"/>
      <c r="EB3" s="441"/>
      <c r="EC3" s="441"/>
      <c r="ED3" s="441"/>
      <c r="EE3" s="441"/>
      <c r="EF3" s="441"/>
      <c r="EG3" s="441"/>
      <c r="EH3" s="441"/>
      <c r="EI3" s="441"/>
      <c r="EJ3" s="441"/>
      <c r="EK3" s="441"/>
      <c r="EL3" s="441"/>
      <c r="EM3" s="441"/>
      <c r="EN3" s="441"/>
      <c r="EO3" s="441"/>
      <c r="EP3" s="441"/>
      <c r="EQ3" s="441"/>
      <c r="ER3" s="441"/>
      <c r="ES3" s="441"/>
      <c r="ET3" s="441"/>
      <c r="EU3" s="441"/>
      <c r="EV3" s="441"/>
      <c r="EW3" s="441"/>
      <c r="EX3" s="441"/>
      <c r="EY3" s="441"/>
      <c r="EZ3" s="441"/>
      <c r="FA3" s="441"/>
      <c r="FB3" s="441"/>
      <c r="FC3" s="441"/>
      <c r="FD3" s="441"/>
      <c r="FE3" s="441"/>
      <c r="FF3" s="441"/>
      <c r="FG3" s="441"/>
      <c r="FH3" s="441"/>
      <c r="FI3" s="441"/>
      <c r="FJ3" s="441"/>
      <c r="FK3" s="441"/>
      <c r="FL3" s="441"/>
      <c r="FM3" s="441"/>
      <c r="FN3" s="441"/>
      <c r="FO3" s="441"/>
      <c r="FP3" s="441"/>
      <c r="FQ3" s="441"/>
      <c r="FR3" s="441"/>
      <c r="FS3" s="441"/>
      <c r="FT3" s="441"/>
      <c r="FU3" s="441"/>
      <c r="FV3" s="441"/>
      <c r="FW3" s="441"/>
      <c r="FX3" s="441"/>
      <c r="FY3" s="441"/>
      <c r="FZ3" s="441"/>
      <c r="GA3" s="441"/>
      <c r="GB3" s="441"/>
      <c r="GC3" s="441"/>
      <c r="GD3" s="441"/>
      <c r="GE3" s="441"/>
      <c r="GF3" s="441"/>
      <c r="GG3" s="441"/>
      <c r="GH3" s="441"/>
      <c r="GI3" s="441"/>
      <c r="GJ3" s="441"/>
      <c r="GK3" s="441"/>
      <c r="GL3" s="441"/>
      <c r="GM3" s="441"/>
      <c r="GN3" s="441"/>
      <c r="GO3" s="441"/>
      <c r="GP3" s="441"/>
      <c r="GQ3" s="441"/>
      <c r="GR3" s="442"/>
      <c r="GS3" s="441" t="s">
        <v>103</v>
      </c>
      <c r="GT3" s="441"/>
      <c r="GU3" s="441"/>
      <c r="GV3" s="441"/>
      <c r="GW3" s="441"/>
      <c r="GX3" s="441"/>
      <c r="GY3" s="441"/>
      <c r="GZ3" s="441"/>
      <c r="HA3" s="441"/>
      <c r="HB3" s="441"/>
      <c r="HC3" s="441"/>
      <c r="HD3" s="441"/>
      <c r="HE3" s="441"/>
      <c r="HF3" s="441"/>
      <c r="HG3" s="441"/>
      <c r="HH3" s="441"/>
      <c r="HI3" s="441"/>
      <c r="HJ3" s="441"/>
      <c r="HK3" s="441"/>
      <c r="HL3" s="441"/>
      <c r="HM3" s="441"/>
      <c r="HN3" s="441"/>
      <c r="HO3" s="441"/>
      <c r="HP3" s="441"/>
      <c r="HQ3" s="441"/>
      <c r="HR3" s="441"/>
      <c r="HS3" s="441"/>
      <c r="HT3" s="441"/>
      <c r="HU3" s="441"/>
      <c r="HV3" s="441"/>
      <c r="HW3" s="441"/>
      <c r="HX3" s="441"/>
      <c r="HY3" s="441"/>
      <c r="HZ3" s="441"/>
      <c r="IA3" s="441"/>
      <c r="IB3" s="441"/>
      <c r="IC3" s="441"/>
      <c r="ID3" s="441"/>
      <c r="IE3" s="441"/>
      <c r="IF3" s="441"/>
      <c r="IG3" s="441"/>
      <c r="IH3" s="441"/>
      <c r="II3" s="441"/>
      <c r="IJ3" s="441"/>
      <c r="IK3" s="441"/>
      <c r="IL3" s="441"/>
      <c r="IM3" s="441"/>
      <c r="IN3" s="441"/>
      <c r="IO3" s="441"/>
      <c r="IP3" s="441"/>
      <c r="IQ3" s="441"/>
      <c r="IR3" s="441"/>
      <c r="IS3" s="441"/>
      <c r="IT3" s="441"/>
      <c r="IU3" s="441"/>
      <c r="IV3" s="441"/>
      <c r="IW3" s="441"/>
      <c r="IX3" s="441"/>
      <c r="IY3" s="441"/>
      <c r="IZ3" s="441"/>
      <c r="JA3" s="441"/>
      <c r="JB3" s="441"/>
      <c r="JC3" s="441"/>
      <c r="JD3" s="441"/>
      <c r="JE3" s="441"/>
      <c r="JF3" s="441"/>
      <c r="JG3" s="441"/>
      <c r="JH3" s="441"/>
      <c r="JI3" s="441"/>
      <c r="JJ3" s="441"/>
      <c r="JK3" s="441"/>
      <c r="JL3" s="441"/>
      <c r="JM3" s="441"/>
      <c r="JN3" s="441"/>
      <c r="JO3" s="441"/>
      <c r="JP3" s="441"/>
      <c r="JQ3" s="441"/>
      <c r="JR3" s="441"/>
      <c r="JS3" s="441"/>
      <c r="JT3" s="441"/>
      <c r="JU3" s="441"/>
      <c r="JV3" s="441"/>
      <c r="JW3" s="441"/>
      <c r="JX3" s="441"/>
      <c r="JY3" s="441"/>
      <c r="JZ3" s="441"/>
      <c r="KA3" s="441"/>
      <c r="KB3" s="441"/>
      <c r="KC3" s="441"/>
      <c r="KD3" s="441"/>
      <c r="KE3" s="441"/>
      <c r="KF3" s="441"/>
      <c r="KG3" s="441"/>
      <c r="KH3" s="441"/>
      <c r="KI3" s="441"/>
      <c r="KJ3" s="441"/>
      <c r="KK3" s="441"/>
      <c r="KL3" s="441"/>
      <c r="KM3" s="442"/>
    </row>
    <row r="4" spans="2:299" ht="21" customHeight="1" thickBot="1" x14ac:dyDescent="0.25">
      <c r="B4" s="447"/>
      <c r="C4" s="443" t="s">
        <v>39</v>
      </c>
      <c r="D4" s="444"/>
      <c r="E4" s="444"/>
      <c r="F4" s="444"/>
      <c r="G4" s="444"/>
      <c r="H4" s="444"/>
      <c r="I4" s="444"/>
      <c r="J4" s="444"/>
      <c r="K4" s="444"/>
      <c r="L4" s="444"/>
      <c r="M4" s="444"/>
      <c r="N4" s="444"/>
      <c r="O4" s="444"/>
      <c r="P4" s="444"/>
      <c r="Q4" s="444"/>
      <c r="R4" s="444"/>
      <c r="S4" s="444"/>
      <c r="T4" s="444"/>
      <c r="U4" s="444"/>
      <c r="V4" s="444"/>
      <c r="W4" s="444"/>
      <c r="X4" s="444"/>
      <c r="Y4" s="444"/>
      <c r="Z4" s="444"/>
      <c r="AA4" s="444"/>
      <c r="AB4" s="444"/>
      <c r="AC4" s="444"/>
      <c r="AD4" s="444"/>
      <c r="AE4" s="444"/>
      <c r="AF4" s="444"/>
      <c r="AG4" s="444"/>
      <c r="AH4" s="444"/>
      <c r="AI4" s="444"/>
      <c r="AJ4" s="444"/>
      <c r="AK4" s="444"/>
      <c r="AL4" s="444"/>
      <c r="AM4" s="444"/>
      <c r="AN4" s="444"/>
      <c r="AO4" s="444"/>
      <c r="AP4" s="444"/>
      <c r="AQ4" s="444"/>
      <c r="AR4" s="444"/>
      <c r="AS4" s="444"/>
      <c r="AT4" s="444"/>
      <c r="AU4" s="444"/>
      <c r="AV4" s="444"/>
      <c r="AW4" s="444"/>
      <c r="AX4" s="444"/>
      <c r="AY4" s="444"/>
      <c r="AZ4" s="444"/>
      <c r="BA4" s="444"/>
      <c r="BB4" s="444"/>
      <c r="BC4" s="444"/>
      <c r="BD4" s="444"/>
      <c r="BE4" s="444"/>
      <c r="BF4" s="444"/>
      <c r="BG4" s="444"/>
      <c r="BH4" s="444"/>
      <c r="BI4" s="444"/>
      <c r="BJ4" s="444"/>
      <c r="BK4" s="444"/>
      <c r="BL4" s="444"/>
      <c r="BM4" s="444"/>
      <c r="BN4" s="444"/>
      <c r="BO4" s="444"/>
      <c r="BP4" s="444"/>
      <c r="BQ4" s="444"/>
      <c r="BR4" s="444"/>
      <c r="BS4" s="444"/>
      <c r="BT4" s="444"/>
      <c r="BU4" s="444"/>
      <c r="BV4" s="444"/>
      <c r="BW4" s="444"/>
      <c r="BX4" s="444"/>
      <c r="BY4" s="444"/>
      <c r="BZ4" s="444"/>
      <c r="CA4" s="445"/>
      <c r="CB4" s="429" t="s">
        <v>40</v>
      </c>
      <c r="CC4" s="430"/>
      <c r="CD4" s="430"/>
      <c r="CE4" s="430"/>
      <c r="CF4" s="430"/>
      <c r="CG4" s="430"/>
      <c r="CH4" s="430"/>
      <c r="CI4" s="430"/>
      <c r="CJ4" s="430"/>
      <c r="CK4" s="430"/>
      <c r="CL4" s="431"/>
      <c r="CM4" s="429" t="s">
        <v>41</v>
      </c>
      <c r="CN4" s="430"/>
      <c r="CO4" s="430"/>
      <c r="CP4" s="430"/>
      <c r="CQ4" s="430"/>
      <c r="CR4" s="430"/>
      <c r="CS4" s="430"/>
      <c r="CT4" s="430"/>
      <c r="CU4" s="430"/>
      <c r="CV4" s="430"/>
      <c r="CW4" s="431"/>
      <c r="CX4" s="443" t="s">
        <v>39</v>
      </c>
      <c r="CY4" s="444"/>
      <c r="CZ4" s="444"/>
      <c r="DA4" s="444"/>
      <c r="DB4" s="444"/>
      <c r="DC4" s="444"/>
      <c r="DD4" s="444"/>
      <c r="DE4" s="444"/>
      <c r="DF4" s="444"/>
      <c r="DG4" s="444"/>
      <c r="DH4" s="444"/>
      <c r="DI4" s="444"/>
      <c r="DJ4" s="444"/>
      <c r="DK4" s="444"/>
      <c r="DL4" s="444"/>
      <c r="DM4" s="444"/>
      <c r="DN4" s="444"/>
      <c r="DO4" s="444"/>
      <c r="DP4" s="444"/>
      <c r="DQ4" s="444"/>
      <c r="DR4" s="444"/>
      <c r="DS4" s="444"/>
      <c r="DT4" s="444"/>
      <c r="DU4" s="444"/>
      <c r="DV4" s="444"/>
      <c r="DW4" s="444"/>
      <c r="DX4" s="444"/>
      <c r="DY4" s="444"/>
      <c r="DZ4" s="444"/>
      <c r="EA4" s="444"/>
      <c r="EB4" s="444"/>
      <c r="EC4" s="444"/>
      <c r="ED4" s="444"/>
      <c r="EE4" s="444"/>
      <c r="EF4" s="444"/>
      <c r="EG4" s="444"/>
      <c r="EH4" s="444"/>
      <c r="EI4" s="444"/>
      <c r="EJ4" s="444"/>
      <c r="EK4" s="444"/>
      <c r="EL4" s="444"/>
      <c r="EM4" s="444"/>
      <c r="EN4" s="444"/>
      <c r="EO4" s="444"/>
      <c r="EP4" s="444"/>
      <c r="EQ4" s="444"/>
      <c r="ER4" s="444"/>
      <c r="ES4" s="444"/>
      <c r="ET4" s="444"/>
      <c r="EU4" s="444"/>
      <c r="EV4" s="444"/>
      <c r="EW4" s="444"/>
      <c r="EX4" s="444"/>
      <c r="EY4" s="444"/>
      <c r="EZ4" s="444"/>
      <c r="FA4" s="444"/>
      <c r="FB4" s="444"/>
      <c r="FC4" s="444"/>
      <c r="FD4" s="444"/>
      <c r="FE4" s="444"/>
      <c r="FF4" s="444"/>
      <c r="FG4" s="444"/>
      <c r="FH4" s="444"/>
      <c r="FI4" s="444"/>
      <c r="FJ4" s="444"/>
      <c r="FK4" s="444"/>
      <c r="FL4" s="444"/>
      <c r="FM4" s="444"/>
      <c r="FN4" s="444"/>
      <c r="FO4" s="444"/>
      <c r="FP4" s="444"/>
      <c r="FQ4" s="444"/>
      <c r="FR4" s="444"/>
      <c r="FS4" s="444"/>
      <c r="FT4" s="444"/>
      <c r="FU4" s="444"/>
      <c r="FV4" s="445"/>
      <c r="FW4" s="429" t="s">
        <v>40</v>
      </c>
      <c r="FX4" s="430"/>
      <c r="FY4" s="430"/>
      <c r="FZ4" s="430"/>
      <c r="GA4" s="430"/>
      <c r="GB4" s="430"/>
      <c r="GC4" s="430"/>
      <c r="GD4" s="430"/>
      <c r="GE4" s="430"/>
      <c r="GF4" s="430"/>
      <c r="GG4" s="431"/>
      <c r="GH4" s="429" t="s">
        <v>41</v>
      </c>
      <c r="GI4" s="430"/>
      <c r="GJ4" s="430"/>
      <c r="GK4" s="430"/>
      <c r="GL4" s="430"/>
      <c r="GM4" s="430"/>
      <c r="GN4" s="430"/>
      <c r="GO4" s="430"/>
      <c r="GP4" s="430"/>
      <c r="GQ4" s="430"/>
      <c r="GR4" s="431"/>
      <c r="GS4" s="443" t="s">
        <v>39</v>
      </c>
      <c r="GT4" s="444"/>
      <c r="GU4" s="444"/>
      <c r="GV4" s="444"/>
      <c r="GW4" s="444"/>
      <c r="GX4" s="444"/>
      <c r="GY4" s="444"/>
      <c r="GZ4" s="444"/>
      <c r="HA4" s="444"/>
      <c r="HB4" s="444"/>
      <c r="HC4" s="444"/>
      <c r="HD4" s="444"/>
      <c r="HE4" s="444"/>
      <c r="HF4" s="444"/>
      <c r="HG4" s="444"/>
      <c r="HH4" s="444"/>
      <c r="HI4" s="444"/>
      <c r="HJ4" s="444"/>
      <c r="HK4" s="444"/>
      <c r="HL4" s="444"/>
      <c r="HM4" s="444"/>
      <c r="HN4" s="444"/>
      <c r="HO4" s="444"/>
      <c r="HP4" s="444"/>
      <c r="HQ4" s="444"/>
      <c r="HR4" s="444"/>
      <c r="HS4" s="444"/>
      <c r="HT4" s="444"/>
      <c r="HU4" s="444"/>
      <c r="HV4" s="444"/>
      <c r="HW4" s="444"/>
      <c r="HX4" s="444"/>
      <c r="HY4" s="444"/>
      <c r="HZ4" s="444"/>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5"/>
      <c r="JR4" s="429" t="s">
        <v>40</v>
      </c>
      <c r="JS4" s="430"/>
      <c r="JT4" s="430"/>
      <c r="JU4" s="430"/>
      <c r="JV4" s="430"/>
      <c r="JW4" s="430"/>
      <c r="JX4" s="430"/>
      <c r="JY4" s="430"/>
      <c r="JZ4" s="430"/>
      <c r="KA4" s="430"/>
      <c r="KB4" s="431"/>
      <c r="KC4" s="429" t="s">
        <v>41</v>
      </c>
      <c r="KD4" s="430"/>
      <c r="KE4" s="430"/>
      <c r="KF4" s="430"/>
      <c r="KG4" s="430"/>
      <c r="KH4" s="430"/>
      <c r="KI4" s="430"/>
      <c r="KJ4" s="430"/>
      <c r="KK4" s="430"/>
      <c r="KL4" s="430"/>
      <c r="KM4" s="431"/>
    </row>
    <row r="5" spans="2:299" ht="21" customHeight="1" thickBot="1" x14ac:dyDescent="0.25">
      <c r="B5" s="435"/>
      <c r="C5" s="435"/>
      <c r="D5" s="436"/>
      <c r="E5" s="436"/>
      <c r="F5" s="436"/>
      <c r="G5" s="436"/>
      <c r="H5" s="436"/>
      <c r="I5" s="436"/>
      <c r="J5" s="436"/>
      <c r="K5" s="436"/>
      <c r="L5" s="436"/>
      <c r="M5" s="437"/>
      <c r="N5" s="438" t="s">
        <v>97</v>
      </c>
      <c r="O5" s="439"/>
      <c r="P5" s="439"/>
      <c r="Q5" s="439"/>
      <c r="R5" s="439"/>
      <c r="S5" s="439"/>
      <c r="T5" s="439"/>
      <c r="U5" s="439"/>
      <c r="V5" s="439"/>
      <c r="W5" s="439"/>
      <c r="X5" s="440"/>
      <c r="Y5" s="438" t="s">
        <v>98</v>
      </c>
      <c r="Z5" s="439"/>
      <c r="AA5" s="439"/>
      <c r="AB5" s="439"/>
      <c r="AC5" s="439"/>
      <c r="AD5" s="439"/>
      <c r="AE5" s="439"/>
      <c r="AF5" s="439"/>
      <c r="AG5" s="439"/>
      <c r="AH5" s="439"/>
      <c r="AI5" s="440"/>
      <c r="AJ5" s="438" t="s">
        <v>99</v>
      </c>
      <c r="AK5" s="439"/>
      <c r="AL5" s="439"/>
      <c r="AM5" s="439"/>
      <c r="AN5" s="439"/>
      <c r="AO5" s="439"/>
      <c r="AP5" s="439"/>
      <c r="AQ5" s="439"/>
      <c r="AR5" s="439"/>
      <c r="AS5" s="439"/>
      <c r="AT5" s="440"/>
      <c r="AU5" s="438" t="s">
        <v>100</v>
      </c>
      <c r="AV5" s="439"/>
      <c r="AW5" s="439"/>
      <c r="AX5" s="439"/>
      <c r="AY5" s="439"/>
      <c r="AZ5" s="439"/>
      <c r="BA5" s="439"/>
      <c r="BB5" s="439"/>
      <c r="BC5" s="439"/>
      <c r="BD5" s="439"/>
      <c r="BE5" s="440"/>
      <c r="BF5" s="438" t="s">
        <v>162</v>
      </c>
      <c r="BG5" s="439"/>
      <c r="BH5" s="439"/>
      <c r="BI5" s="439"/>
      <c r="BJ5" s="439"/>
      <c r="BK5" s="439"/>
      <c r="BL5" s="439"/>
      <c r="BM5" s="439"/>
      <c r="BN5" s="439"/>
      <c r="BO5" s="439"/>
      <c r="BP5" s="440"/>
      <c r="BQ5" s="438" t="s">
        <v>101</v>
      </c>
      <c r="BR5" s="439"/>
      <c r="BS5" s="439"/>
      <c r="BT5" s="439"/>
      <c r="BU5" s="439"/>
      <c r="BV5" s="439"/>
      <c r="BW5" s="439"/>
      <c r="BX5" s="439"/>
      <c r="BY5" s="439"/>
      <c r="BZ5" s="439"/>
      <c r="CA5" s="440"/>
      <c r="CB5" s="432"/>
      <c r="CC5" s="433"/>
      <c r="CD5" s="433"/>
      <c r="CE5" s="433"/>
      <c r="CF5" s="433"/>
      <c r="CG5" s="433"/>
      <c r="CH5" s="433"/>
      <c r="CI5" s="433"/>
      <c r="CJ5" s="433"/>
      <c r="CK5" s="433"/>
      <c r="CL5" s="434"/>
      <c r="CM5" s="432"/>
      <c r="CN5" s="433"/>
      <c r="CO5" s="433"/>
      <c r="CP5" s="433"/>
      <c r="CQ5" s="433"/>
      <c r="CR5" s="433"/>
      <c r="CS5" s="433"/>
      <c r="CT5" s="433"/>
      <c r="CU5" s="433"/>
      <c r="CV5" s="433"/>
      <c r="CW5" s="434"/>
      <c r="CX5" s="435"/>
      <c r="CY5" s="436"/>
      <c r="CZ5" s="436"/>
      <c r="DA5" s="436"/>
      <c r="DB5" s="436"/>
      <c r="DC5" s="436"/>
      <c r="DD5" s="436"/>
      <c r="DE5" s="436"/>
      <c r="DF5" s="436"/>
      <c r="DG5" s="436"/>
      <c r="DH5" s="437"/>
      <c r="DI5" s="438" t="s">
        <v>97</v>
      </c>
      <c r="DJ5" s="439"/>
      <c r="DK5" s="439"/>
      <c r="DL5" s="439"/>
      <c r="DM5" s="439"/>
      <c r="DN5" s="439"/>
      <c r="DO5" s="439"/>
      <c r="DP5" s="439"/>
      <c r="DQ5" s="439"/>
      <c r="DR5" s="439"/>
      <c r="DS5" s="440"/>
      <c r="DT5" s="438" t="s">
        <v>98</v>
      </c>
      <c r="DU5" s="439"/>
      <c r="DV5" s="439"/>
      <c r="DW5" s="439"/>
      <c r="DX5" s="439"/>
      <c r="DY5" s="439"/>
      <c r="DZ5" s="439"/>
      <c r="EA5" s="439"/>
      <c r="EB5" s="439"/>
      <c r="EC5" s="439"/>
      <c r="ED5" s="440"/>
      <c r="EE5" s="438" t="s">
        <v>99</v>
      </c>
      <c r="EF5" s="439"/>
      <c r="EG5" s="439"/>
      <c r="EH5" s="439"/>
      <c r="EI5" s="439"/>
      <c r="EJ5" s="439"/>
      <c r="EK5" s="439"/>
      <c r="EL5" s="439"/>
      <c r="EM5" s="439"/>
      <c r="EN5" s="439"/>
      <c r="EO5" s="440"/>
      <c r="EP5" s="438" t="s">
        <v>100</v>
      </c>
      <c r="EQ5" s="439"/>
      <c r="ER5" s="439"/>
      <c r="ES5" s="439"/>
      <c r="ET5" s="439"/>
      <c r="EU5" s="439"/>
      <c r="EV5" s="439"/>
      <c r="EW5" s="439"/>
      <c r="EX5" s="439"/>
      <c r="EY5" s="439"/>
      <c r="EZ5" s="440"/>
      <c r="FA5" s="438" t="s">
        <v>162</v>
      </c>
      <c r="FB5" s="439"/>
      <c r="FC5" s="439"/>
      <c r="FD5" s="439"/>
      <c r="FE5" s="439"/>
      <c r="FF5" s="439"/>
      <c r="FG5" s="439"/>
      <c r="FH5" s="439"/>
      <c r="FI5" s="439"/>
      <c r="FJ5" s="439"/>
      <c r="FK5" s="440"/>
      <c r="FL5" s="438" t="s">
        <v>101</v>
      </c>
      <c r="FM5" s="439"/>
      <c r="FN5" s="439"/>
      <c r="FO5" s="439"/>
      <c r="FP5" s="439"/>
      <c r="FQ5" s="439"/>
      <c r="FR5" s="439"/>
      <c r="FS5" s="439"/>
      <c r="FT5" s="439"/>
      <c r="FU5" s="439"/>
      <c r="FV5" s="440"/>
      <c r="FW5" s="432"/>
      <c r="FX5" s="433"/>
      <c r="FY5" s="433"/>
      <c r="FZ5" s="433"/>
      <c r="GA5" s="433"/>
      <c r="GB5" s="433"/>
      <c r="GC5" s="433"/>
      <c r="GD5" s="433"/>
      <c r="GE5" s="433"/>
      <c r="GF5" s="433"/>
      <c r="GG5" s="434"/>
      <c r="GH5" s="432"/>
      <c r="GI5" s="433"/>
      <c r="GJ5" s="433"/>
      <c r="GK5" s="433"/>
      <c r="GL5" s="433"/>
      <c r="GM5" s="433"/>
      <c r="GN5" s="433"/>
      <c r="GO5" s="433"/>
      <c r="GP5" s="433"/>
      <c r="GQ5" s="433"/>
      <c r="GR5" s="434"/>
      <c r="GS5" s="435"/>
      <c r="GT5" s="436"/>
      <c r="GU5" s="436"/>
      <c r="GV5" s="436"/>
      <c r="GW5" s="436"/>
      <c r="GX5" s="436"/>
      <c r="GY5" s="436"/>
      <c r="GZ5" s="436"/>
      <c r="HA5" s="436"/>
      <c r="HB5" s="436"/>
      <c r="HC5" s="437"/>
      <c r="HD5" s="438" t="s">
        <v>97</v>
      </c>
      <c r="HE5" s="439"/>
      <c r="HF5" s="439"/>
      <c r="HG5" s="439"/>
      <c r="HH5" s="439"/>
      <c r="HI5" s="439"/>
      <c r="HJ5" s="439"/>
      <c r="HK5" s="439"/>
      <c r="HL5" s="439"/>
      <c r="HM5" s="439"/>
      <c r="HN5" s="440"/>
      <c r="HO5" s="438" t="s">
        <v>98</v>
      </c>
      <c r="HP5" s="439"/>
      <c r="HQ5" s="439"/>
      <c r="HR5" s="439"/>
      <c r="HS5" s="439"/>
      <c r="HT5" s="439"/>
      <c r="HU5" s="439"/>
      <c r="HV5" s="439"/>
      <c r="HW5" s="439"/>
      <c r="HX5" s="439"/>
      <c r="HY5" s="440"/>
      <c r="HZ5" s="438" t="s">
        <v>99</v>
      </c>
      <c r="IA5" s="439"/>
      <c r="IB5" s="439"/>
      <c r="IC5" s="439"/>
      <c r="ID5" s="439"/>
      <c r="IE5" s="439"/>
      <c r="IF5" s="439"/>
      <c r="IG5" s="439"/>
      <c r="IH5" s="439"/>
      <c r="II5" s="439"/>
      <c r="IJ5" s="440"/>
      <c r="IK5" s="438" t="s">
        <v>100</v>
      </c>
      <c r="IL5" s="439"/>
      <c r="IM5" s="439"/>
      <c r="IN5" s="439"/>
      <c r="IO5" s="439"/>
      <c r="IP5" s="439"/>
      <c r="IQ5" s="439"/>
      <c r="IR5" s="439"/>
      <c r="IS5" s="439"/>
      <c r="IT5" s="439"/>
      <c r="IU5" s="440"/>
      <c r="IV5" s="438" t="s">
        <v>162</v>
      </c>
      <c r="IW5" s="439"/>
      <c r="IX5" s="439"/>
      <c r="IY5" s="439"/>
      <c r="IZ5" s="439"/>
      <c r="JA5" s="439"/>
      <c r="JB5" s="439"/>
      <c r="JC5" s="439"/>
      <c r="JD5" s="439"/>
      <c r="JE5" s="439"/>
      <c r="JF5" s="440"/>
      <c r="JG5" s="438" t="s">
        <v>101</v>
      </c>
      <c r="JH5" s="439"/>
      <c r="JI5" s="439"/>
      <c r="JJ5" s="439"/>
      <c r="JK5" s="439"/>
      <c r="JL5" s="439"/>
      <c r="JM5" s="439"/>
      <c r="JN5" s="439"/>
      <c r="JO5" s="439"/>
      <c r="JP5" s="439"/>
      <c r="JQ5" s="440"/>
      <c r="JR5" s="432"/>
      <c r="JS5" s="433"/>
      <c r="JT5" s="433"/>
      <c r="JU5" s="433"/>
      <c r="JV5" s="433"/>
      <c r="JW5" s="433"/>
      <c r="JX5" s="433"/>
      <c r="JY5" s="433"/>
      <c r="JZ5" s="433"/>
      <c r="KA5" s="433"/>
      <c r="KB5" s="434"/>
      <c r="KC5" s="432"/>
      <c r="KD5" s="433"/>
      <c r="KE5" s="433"/>
      <c r="KF5" s="433"/>
      <c r="KG5" s="433"/>
      <c r="KH5" s="433"/>
      <c r="KI5" s="433"/>
      <c r="KJ5" s="433"/>
      <c r="KK5" s="433"/>
      <c r="KL5" s="433"/>
      <c r="KM5" s="434"/>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0474</v>
      </c>
      <c r="D7" s="86">
        <v>21231</v>
      </c>
      <c r="E7" s="87">
        <v>41705</v>
      </c>
      <c r="F7" s="411">
        <v>0</v>
      </c>
      <c r="G7" s="86">
        <v>31337</v>
      </c>
      <c r="H7" s="86">
        <v>31678</v>
      </c>
      <c r="I7" s="86">
        <v>20935</v>
      </c>
      <c r="J7" s="86">
        <v>17363</v>
      </c>
      <c r="K7" s="86">
        <v>10478</v>
      </c>
      <c r="L7" s="88">
        <v>111791</v>
      </c>
      <c r="M7" s="89">
        <v>153496</v>
      </c>
      <c r="N7" s="90">
        <v>841</v>
      </c>
      <c r="O7" s="91">
        <v>985</v>
      </c>
      <c r="P7" s="92">
        <v>1826</v>
      </c>
      <c r="Q7" s="411">
        <v>0</v>
      </c>
      <c r="R7" s="91">
        <v>1343</v>
      </c>
      <c r="S7" s="91">
        <v>1607</v>
      </c>
      <c r="T7" s="91">
        <v>1018</v>
      </c>
      <c r="U7" s="91">
        <v>947</v>
      </c>
      <c r="V7" s="91">
        <v>710</v>
      </c>
      <c r="W7" s="92">
        <v>5625</v>
      </c>
      <c r="X7" s="93">
        <v>7451</v>
      </c>
      <c r="Y7" s="90">
        <v>1790</v>
      </c>
      <c r="Z7" s="91">
        <v>2286</v>
      </c>
      <c r="AA7" s="92">
        <v>4076</v>
      </c>
      <c r="AB7" s="411">
        <v>0</v>
      </c>
      <c r="AC7" s="91">
        <v>2740</v>
      </c>
      <c r="AD7" s="91">
        <v>3336</v>
      </c>
      <c r="AE7" s="91">
        <v>2151</v>
      </c>
      <c r="AF7" s="91">
        <v>1877</v>
      </c>
      <c r="AG7" s="91">
        <v>1349</v>
      </c>
      <c r="AH7" s="92">
        <v>11453</v>
      </c>
      <c r="AI7" s="93">
        <v>15529</v>
      </c>
      <c r="AJ7" s="90">
        <v>3116</v>
      </c>
      <c r="AK7" s="91">
        <v>3517</v>
      </c>
      <c r="AL7" s="92">
        <v>6633</v>
      </c>
      <c r="AM7" s="411">
        <v>0</v>
      </c>
      <c r="AN7" s="91">
        <v>4871</v>
      </c>
      <c r="AO7" s="91">
        <v>5147</v>
      </c>
      <c r="AP7" s="91">
        <v>3355</v>
      </c>
      <c r="AQ7" s="91">
        <v>2851</v>
      </c>
      <c r="AR7" s="91">
        <v>1904</v>
      </c>
      <c r="AS7" s="92">
        <v>18128</v>
      </c>
      <c r="AT7" s="93">
        <v>24761</v>
      </c>
      <c r="AU7" s="90">
        <v>5506</v>
      </c>
      <c r="AV7" s="91">
        <v>5308</v>
      </c>
      <c r="AW7" s="92">
        <v>10814</v>
      </c>
      <c r="AX7" s="411">
        <v>0</v>
      </c>
      <c r="AY7" s="91">
        <v>8210</v>
      </c>
      <c r="AZ7" s="91">
        <v>7603</v>
      </c>
      <c r="BA7" s="91">
        <v>4938</v>
      </c>
      <c r="BB7" s="91">
        <v>4046</v>
      </c>
      <c r="BC7" s="91">
        <v>2427</v>
      </c>
      <c r="BD7" s="92">
        <v>27224</v>
      </c>
      <c r="BE7" s="93">
        <v>38038</v>
      </c>
      <c r="BF7" s="90">
        <v>5779</v>
      </c>
      <c r="BG7" s="91">
        <v>5447</v>
      </c>
      <c r="BH7" s="92">
        <v>11226</v>
      </c>
      <c r="BI7" s="411">
        <v>0</v>
      </c>
      <c r="BJ7" s="91">
        <v>8343</v>
      </c>
      <c r="BK7" s="91">
        <v>7749</v>
      </c>
      <c r="BL7" s="91">
        <v>5088</v>
      </c>
      <c r="BM7" s="91">
        <v>4132</v>
      </c>
      <c r="BN7" s="91">
        <v>2268</v>
      </c>
      <c r="BO7" s="92">
        <v>27580</v>
      </c>
      <c r="BP7" s="93">
        <v>38806</v>
      </c>
      <c r="BQ7" s="90">
        <v>3442</v>
      </c>
      <c r="BR7" s="91">
        <v>3688</v>
      </c>
      <c r="BS7" s="92">
        <v>7130</v>
      </c>
      <c r="BT7" s="411">
        <v>0</v>
      </c>
      <c r="BU7" s="91">
        <v>5830</v>
      </c>
      <c r="BV7" s="91">
        <v>6236</v>
      </c>
      <c r="BW7" s="91">
        <v>4385</v>
      </c>
      <c r="BX7" s="91">
        <v>3510</v>
      </c>
      <c r="BY7" s="91">
        <v>1820</v>
      </c>
      <c r="BZ7" s="92">
        <v>21781</v>
      </c>
      <c r="CA7" s="93">
        <v>28911</v>
      </c>
      <c r="CB7" s="90">
        <v>493</v>
      </c>
      <c r="CC7" s="91">
        <v>842</v>
      </c>
      <c r="CD7" s="92">
        <v>1335</v>
      </c>
      <c r="CE7" s="411">
        <v>0</v>
      </c>
      <c r="CF7" s="91">
        <v>892</v>
      </c>
      <c r="CG7" s="91">
        <v>1470</v>
      </c>
      <c r="CH7" s="91">
        <v>860</v>
      </c>
      <c r="CI7" s="91">
        <v>793</v>
      </c>
      <c r="CJ7" s="91">
        <v>756</v>
      </c>
      <c r="CK7" s="92">
        <v>4771</v>
      </c>
      <c r="CL7" s="93">
        <v>6106</v>
      </c>
      <c r="CM7" s="90">
        <v>20967</v>
      </c>
      <c r="CN7" s="91">
        <v>22073</v>
      </c>
      <c r="CO7" s="92">
        <v>43040</v>
      </c>
      <c r="CP7" s="411">
        <v>0</v>
      </c>
      <c r="CQ7" s="91">
        <v>32229</v>
      </c>
      <c r="CR7" s="91">
        <v>33148</v>
      </c>
      <c r="CS7" s="91">
        <v>21795</v>
      </c>
      <c r="CT7" s="91">
        <v>18156</v>
      </c>
      <c r="CU7" s="91">
        <v>11234</v>
      </c>
      <c r="CV7" s="92">
        <v>116562</v>
      </c>
      <c r="CW7" s="93">
        <v>159602</v>
      </c>
      <c r="CX7" s="94">
        <v>39612</v>
      </c>
      <c r="CY7" s="86">
        <v>47105</v>
      </c>
      <c r="CZ7" s="87">
        <v>86717</v>
      </c>
      <c r="DA7" s="411">
        <v>0</v>
      </c>
      <c r="DB7" s="86">
        <v>57001</v>
      </c>
      <c r="DC7" s="86">
        <v>54421</v>
      </c>
      <c r="DD7" s="86">
        <v>39933</v>
      </c>
      <c r="DE7" s="86">
        <v>39036</v>
      </c>
      <c r="DF7" s="86">
        <v>25398</v>
      </c>
      <c r="DG7" s="88">
        <v>215789</v>
      </c>
      <c r="DH7" s="89">
        <v>302506</v>
      </c>
      <c r="DI7" s="90">
        <v>820</v>
      </c>
      <c r="DJ7" s="91">
        <v>1084</v>
      </c>
      <c r="DK7" s="92">
        <v>1904</v>
      </c>
      <c r="DL7" s="411">
        <v>0</v>
      </c>
      <c r="DM7" s="91">
        <v>982</v>
      </c>
      <c r="DN7" s="91">
        <v>1114</v>
      </c>
      <c r="DO7" s="91">
        <v>712</v>
      </c>
      <c r="DP7" s="91">
        <v>670</v>
      </c>
      <c r="DQ7" s="91">
        <v>565</v>
      </c>
      <c r="DR7" s="92">
        <v>4043</v>
      </c>
      <c r="DS7" s="93">
        <v>5947</v>
      </c>
      <c r="DT7" s="90">
        <v>2448</v>
      </c>
      <c r="DU7" s="91">
        <v>3010</v>
      </c>
      <c r="DV7" s="92">
        <v>5458</v>
      </c>
      <c r="DW7" s="411">
        <v>0</v>
      </c>
      <c r="DX7" s="91">
        <v>2624</v>
      </c>
      <c r="DY7" s="91">
        <v>2711</v>
      </c>
      <c r="DZ7" s="91">
        <v>1674</v>
      </c>
      <c r="EA7" s="91">
        <v>1713</v>
      </c>
      <c r="EB7" s="91">
        <v>1320</v>
      </c>
      <c r="EC7" s="92">
        <v>10042</v>
      </c>
      <c r="ED7" s="93">
        <v>15500</v>
      </c>
      <c r="EE7" s="90">
        <v>6016</v>
      </c>
      <c r="EF7" s="91">
        <v>6772</v>
      </c>
      <c r="EG7" s="92">
        <v>12788</v>
      </c>
      <c r="EH7" s="411">
        <v>0</v>
      </c>
      <c r="EI7" s="91">
        <v>6483</v>
      </c>
      <c r="EJ7" s="91">
        <v>5716</v>
      </c>
      <c r="EK7" s="91">
        <v>3538</v>
      </c>
      <c r="EL7" s="91">
        <v>3381</v>
      </c>
      <c r="EM7" s="91">
        <v>2580</v>
      </c>
      <c r="EN7" s="92">
        <v>21698</v>
      </c>
      <c r="EO7" s="93">
        <v>34486</v>
      </c>
      <c r="EP7" s="90">
        <v>12377</v>
      </c>
      <c r="EQ7" s="91">
        <v>13197</v>
      </c>
      <c r="ER7" s="92">
        <v>25574</v>
      </c>
      <c r="ES7" s="411">
        <v>0</v>
      </c>
      <c r="ET7" s="91">
        <v>14167</v>
      </c>
      <c r="EU7" s="91">
        <v>11700</v>
      </c>
      <c r="EV7" s="91">
        <v>7681</v>
      </c>
      <c r="EW7" s="91">
        <v>6832</v>
      </c>
      <c r="EX7" s="91">
        <v>4702</v>
      </c>
      <c r="EY7" s="92">
        <v>45082</v>
      </c>
      <c r="EZ7" s="93">
        <v>70656</v>
      </c>
      <c r="FA7" s="90">
        <v>11661</v>
      </c>
      <c r="FB7" s="91">
        <v>13765</v>
      </c>
      <c r="FC7" s="92">
        <v>25426</v>
      </c>
      <c r="FD7" s="411">
        <v>0</v>
      </c>
      <c r="FE7" s="91">
        <v>17401</v>
      </c>
      <c r="FF7" s="91">
        <v>15496</v>
      </c>
      <c r="FG7" s="91">
        <v>10741</v>
      </c>
      <c r="FH7" s="91">
        <v>9695</v>
      </c>
      <c r="FI7" s="91">
        <v>6395</v>
      </c>
      <c r="FJ7" s="92">
        <v>59728</v>
      </c>
      <c r="FK7" s="93">
        <v>85154</v>
      </c>
      <c r="FL7" s="90">
        <v>6290</v>
      </c>
      <c r="FM7" s="91">
        <v>9277</v>
      </c>
      <c r="FN7" s="92">
        <v>15567</v>
      </c>
      <c r="FO7" s="411">
        <v>0</v>
      </c>
      <c r="FP7" s="91">
        <v>15344</v>
      </c>
      <c r="FQ7" s="91">
        <v>17684</v>
      </c>
      <c r="FR7" s="91">
        <v>15587</v>
      </c>
      <c r="FS7" s="91">
        <v>16745</v>
      </c>
      <c r="FT7" s="91">
        <v>9836</v>
      </c>
      <c r="FU7" s="92">
        <v>75196</v>
      </c>
      <c r="FV7" s="93">
        <v>90763</v>
      </c>
      <c r="FW7" s="90">
        <v>379</v>
      </c>
      <c r="FX7" s="91">
        <v>722</v>
      </c>
      <c r="FY7" s="92">
        <v>1101</v>
      </c>
      <c r="FZ7" s="411">
        <v>0</v>
      </c>
      <c r="GA7" s="91">
        <v>705</v>
      </c>
      <c r="GB7" s="91">
        <v>1107</v>
      </c>
      <c r="GC7" s="91">
        <v>620</v>
      </c>
      <c r="GD7" s="91">
        <v>587</v>
      </c>
      <c r="GE7" s="91">
        <v>601</v>
      </c>
      <c r="GF7" s="92">
        <v>3620</v>
      </c>
      <c r="GG7" s="93">
        <v>4721</v>
      </c>
      <c r="GH7" s="90">
        <v>39991</v>
      </c>
      <c r="GI7" s="91">
        <v>47827</v>
      </c>
      <c r="GJ7" s="92">
        <v>87818</v>
      </c>
      <c r="GK7" s="411">
        <v>0</v>
      </c>
      <c r="GL7" s="91">
        <v>57706</v>
      </c>
      <c r="GM7" s="91">
        <v>55528</v>
      </c>
      <c r="GN7" s="91">
        <v>40553</v>
      </c>
      <c r="GO7" s="91">
        <v>39623</v>
      </c>
      <c r="GP7" s="91">
        <v>25999</v>
      </c>
      <c r="GQ7" s="92">
        <v>219409</v>
      </c>
      <c r="GR7" s="93">
        <v>307227</v>
      </c>
      <c r="GS7" s="94">
        <v>60086</v>
      </c>
      <c r="GT7" s="86">
        <v>68336</v>
      </c>
      <c r="GU7" s="87">
        <v>128422</v>
      </c>
      <c r="GV7" s="411">
        <v>0</v>
      </c>
      <c r="GW7" s="86">
        <v>88338</v>
      </c>
      <c r="GX7" s="86">
        <v>86099</v>
      </c>
      <c r="GY7" s="86">
        <v>60868</v>
      </c>
      <c r="GZ7" s="86">
        <v>56399</v>
      </c>
      <c r="HA7" s="86">
        <v>35876</v>
      </c>
      <c r="HB7" s="88">
        <v>327580</v>
      </c>
      <c r="HC7" s="89">
        <v>456002</v>
      </c>
      <c r="HD7" s="90">
        <v>1661</v>
      </c>
      <c r="HE7" s="91">
        <v>2069</v>
      </c>
      <c r="HF7" s="92">
        <v>3730</v>
      </c>
      <c r="HG7" s="414">
        <v>0</v>
      </c>
      <c r="HH7" s="91">
        <v>2325</v>
      </c>
      <c r="HI7" s="91">
        <v>2721</v>
      </c>
      <c r="HJ7" s="91">
        <v>1730</v>
      </c>
      <c r="HK7" s="91">
        <v>1617</v>
      </c>
      <c r="HL7" s="91">
        <v>1275</v>
      </c>
      <c r="HM7" s="92">
        <v>9668</v>
      </c>
      <c r="HN7" s="93">
        <v>13398</v>
      </c>
      <c r="HO7" s="90">
        <v>4238</v>
      </c>
      <c r="HP7" s="91">
        <v>5296</v>
      </c>
      <c r="HQ7" s="92">
        <v>9534</v>
      </c>
      <c r="HR7" s="411">
        <v>0</v>
      </c>
      <c r="HS7" s="91">
        <v>5364</v>
      </c>
      <c r="HT7" s="91">
        <v>6047</v>
      </c>
      <c r="HU7" s="91">
        <v>3825</v>
      </c>
      <c r="HV7" s="91">
        <v>3590</v>
      </c>
      <c r="HW7" s="91">
        <v>2669</v>
      </c>
      <c r="HX7" s="92">
        <v>21495</v>
      </c>
      <c r="HY7" s="93">
        <v>31029</v>
      </c>
      <c r="HZ7" s="90">
        <v>9132</v>
      </c>
      <c r="IA7" s="91">
        <v>10289</v>
      </c>
      <c r="IB7" s="92">
        <v>19421</v>
      </c>
      <c r="IC7" s="411">
        <v>0</v>
      </c>
      <c r="ID7" s="91">
        <v>11354</v>
      </c>
      <c r="IE7" s="91">
        <v>10863</v>
      </c>
      <c r="IF7" s="91">
        <v>6893</v>
      </c>
      <c r="IG7" s="91">
        <v>6232</v>
      </c>
      <c r="IH7" s="91">
        <v>4484</v>
      </c>
      <c r="II7" s="92">
        <v>39826</v>
      </c>
      <c r="IJ7" s="93">
        <v>59247</v>
      </c>
      <c r="IK7" s="90">
        <v>17883</v>
      </c>
      <c r="IL7" s="91">
        <v>18505</v>
      </c>
      <c r="IM7" s="92">
        <v>36388</v>
      </c>
      <c r="IN7" s="411">
        <v>0</v>
      </c>
      <c r="IO7" s="91">
        <v>22377</v>
      </c>
      <c r="IP7" s="91">
        <v>19303</v>
      </c>
      <c r="IQ7" s="91">
        <v>12619</v>
      </c>
      <c r="IR7" s="91">
        <v>10878</v>
      </c>
      <c r="IS7" s="91">
        <v>7129</v>
      </c>
      <c r="IT7" s="92">
        <v>72306</v>
      </c>
      <c r="IU7" s="93">
        <v>108694</v>
      </c>
      <c r="IV7" s="90">
        <v>17440</v>
      </c>
      <c r="IW7" s="91">
        <v>19212</v>
      </c>
      <c r="IX7" s="92">
        <v>36652</v>
      </c>
      <c r="IY7" s="411">
        <v>0</v>
      </c>
      <c r="IZ7" s="91">
        <v>25744</v>
      </c>
      <c r="JA7" s="91">
        <v>23245</v>
      </c>
      <c r="JB7" s="91">
        <v>15829</v>
      </c>
      <c r="JC7" s="91">
        <v>13827</v>
      </c>
      <c r="JD7" s="91">
        <v>8663</v>
      </c>
      <c r="JE7" s="92">
        <v>87308</v>
      </c>
      <c r="JF7" s="93">
        <v>123960</v>
      </c>
      <c r="JG7" s="90">
        <v>9732</v>
      </c>
      <c r="JH7" s="91">
        <v>12965</v>
      </c>
      <c r="JI7" s="92">
        <v>22697</v>
      </c>
      <c r="JJ7" s="411">
        <v>0</v>
      </c>
      <c r="JK7" s="91">
        <v>21174</v>
      </c>
      <c r="JL7" s="91">
        <v>23920</v>
      </c>
      <c r="JM7" s="91">
        <v>19972</v>
      </c>
      <c r="JN7" s="91">
        <v>20255</v>
      </c>
      <c r="JO7" s="91">
        <v>11656</v>
      </c>
      <c r="JP7" s="92">
        <v>96977</v>
      </c>
      <c r="JQ7" s="93">
        <v>119674</v>
      </c>
      <c r="JR7" s="90">
        <v>872</v>
      </c>
      <c r="JS7" s="91">
        <v>1564</v>
      </c>
      <c r="JT7" s="92">
        <v>2436</v>
      </c>
      <c r="JU7" s="411">
        <v>0</v>
      </c>
      <c r="JV7" s="91">
        <v>1597</v>
      </c>
      <c r="JW7" s="91">
        <v>2577</v>
      </c>
      <c r="JX7" s="91">
        <v>1480</v>
      </c>
      <c r="JY7" s="91">
        <v>1380</v>
      </c>
      <c r="JZ7" s="91">
        <v>1357</v>
      </c>
      <c r="KA7" s="92">
        <v>8391</v>
      </c>
      <c r="KB7" s="93">
        <v>10827</v>
      </c>
      <c r="KC7" s="90">
        <v>60958</v>
      </c>
      <c r="KD7" s="91">
        <v>69900</v>
      </c>
      <c r="KE7" s="92">
        <v>130858</v>
      </c>
      <c r="KF7" s="411">
        <v>0</v>
      </c>
      <c r="KG7" s="91">
        <v>89935</v>
      </c>
      <c r="KH7" s="91">
        <v>88676</v>
      </c>
      <c r="KI7" s="91">
        <v>62348</v>
      </c>
      <c r="KJ7" s="91">
        <v>57779</v>
      </c>
      <c r="KK7" s="91">
        <v>37233</v>
      </c>
      <c r="KL7" s="92">
        <v>335971</v>
      </c>
      <c r="KM7" s="93">
        <v>466829</v>
      </c>
    </row>
    <row r="8" spans="2:299" s="70" customFormat="1" ht="21" customHeight="1" x14ac:dyDescent="0.2">
      <c r="B8" s="95" t="s">
        <v>5</v>
      </c>
      <c r="C8" s="96">
        <v>8022</v>
      </c>
      <c r="D8" s="97">
        <v>10077</v>
      </c>
      <c r="E8" s="98">
        <v>18099</v>
      </c>
      <c r="F8" s="412">
        <v>0</v>
      </c>
      <c r="G8" s="97">
        <v>10231</v>
      </c>
      <c r="H8" s="97">
        <v>14078</v>
      </c>
      <c r="I8" s="97">
        <v>8863</v>
      </c>
      <c r="J8" s="97">
        <v>7171</v>
      </c>
      <c r="K8" s="97">
        <v>4300</v>
      </c>
      <c r="L8" s="99">
        <v>44643</v>
      </c>
      <c r="M8" s="100">
        <v>62742</v>
      </c>
      <c r="N8" s="101">
        <v>302</v>
      </c>
      <c r="O8" s="102">
        <v>450</v>
      </c>
      <c r="P8" s="103">
        <v>752</v>
      </c>
      <c r="Q8" s="412">
        <v>0</v>
      </c>
      <c r="R8" s="102">
        <v>412</v>
      </c>
      <c r="S8" s="102">
        <v>732</v>
      </c>
      <c r="T8" s="102">
        <v>446</v>
      </c>
      <c r="U8" s="102">
        <v>391</v>
      </c>
      <c r="V8" s="102">
        <v>285</v>
      </c>
      <c r="W8" s="103">
        <v>2266</v>
      </c>
      <c r="X8" s="104">
        <v>3018</v>
      </c>
      <c r="Y8" s="101">
        <v>684</v>
      </c>
      <c r="Z8" s="102">
        <v>1062</v>
      </c>
      <c r="AA8" s="103">
        <v>1746</v>
      </c>
      <c r="AB8" s="412">
        <v>0</v>
      </c>
      <c r="AC8" s="102">
        <v>801</v>
      </c>
      <c r="AD8" s="102">
        <v>1494</v>
      </c>
      <c r="AE8" s="102">
        <v>911</v>
      </c>
      <c r="AF8" s="102">
        <v>791</v>
      </c>
      <c r="AG8" s="102">
        <v>532</v>
      </c>
      <c r="AH8" s="103">
        <v>4529</v>
      </c>
      <c r="AI8" s="104">
        <v>6275</v>
      </c>
      <c r="AJ8" s="101">
        <v>1203</v>
      </c>
      <c r="AK8" s="102">
        <v>1641</v>
      </c>
      <c r="AL8" s="103">
        <v>2844</v>
      </c>
      <c r="AM8" s="412">
        <v>0</v>
      </c>
      <c r="AN8" s="102">
        <v>1475</v>
      </c>
      <c r="AO8" s="102">
        <v>2281</v>
      </c>
      <c r="AP8" s="102">
        <v>1413</v>
      </c>
      <c r="AQ8" s="102">
        <v>1135</v>
      </c>
      <c r="AR8" s="102">
        <v>779</v>
      </c>
      <c r="AS8" s="103">
        <v>7083</v>
      </c>
      <c r="AT8" s="104">
        <v>9927</v>
      </c>
      <c r="AU8" s="101">
        <v>2085</v>
      </c>
      <c r="AV8" s="102">
        <v>2488</v>
      </c>
      <c r="AW8" s="103">
        <v>4573</v>
      </c>
      <c r="AX8" s="412">
        <v>0</v>
      </c>
      <c r="AY8" s="102">
        <v>2618</v>
      </c>
      <c r="AZ8" s="102">
        <v>3193</v>
      </c>
      <c r="BA8" s="102">
        <v>2034</v>
      </c>
      <c r="BB8" s="102">
        <v>1643</v>
      </c>
      <c r="BC8" s="102">
        <v>995</v>
      </c>
      <c r="BD8" s="103">
        <v>10483</v>
      </c>
      <c r="BE8" s="104">
        <v>15056</v>
      </c>
      <c r="BF8" s="101">
        <v>2326</v>
      </c>
      <c r="BG8" s="102">
        <v>2586</v>
      </c>
      <c r="BH8" s="103">
        <v>4912</v>
      </c>
      <c r="BI8" s="412">
        <v>0</v>
      </c>
      <c r="BJ8" s="102">
        <v>2857</v>
      </c>
      <c r="BK8" s="102">
        <v>3497</v>
      </c>
      <c r="BL8" s="102">
        <v>2125</v>
      </c>
      <c r="BM8" s="102">
        <v>1722</v>
      </c>
      <c r="BN8" s="102">
        <v>940</v>
      </c>
      <c r="BO8" s="103">
        <v>11141</v>
      </c>
      <c r="BP8" s="104">
        <v>16053</v>
      </c>
      <c r="BQ8" s="101">
        <v>1422</v>
      </c>
      <c r="BR8" s="102">
        <v>1850</v>
      </c>
      <c r="BS8" s="103">
        <v>3272</v>
      </c>
      <c r="BT8" s="412">
        <v>0</v>
      </c>
      <c r="BU8" s="102">
        <v>2068</v>
      </c>
      <c r="BV8" s="102">
        <v>2881</v>
      </c>
      <c r="BW8" s="102">
        <v>1934</v>
      </c>
      <c r="BX8" s="102">
        <v>1489</v>
      </c>
      <c r="BY8" s="102">
        <v>769</v>
      </c>
      <c r="BZ8" s="103">
        <v>9141</v>
      </c>
      <c r="CA8" s="104">
        <v>12413</v>
      </c>
      <c r="CB8" s="101">
        <v>172</v>
      </c>
      <c r="CC8" s="102">
        <v>373</v>
      </c>
      <c r="CD8" s="103">
        <v>545</v>
      </c>
      <c r="CE8" s="412">
        <v>0</v>
      </c>
      <c r="CF8" s="102">
        <v>254</v>
      </c>
      <c r="CG8" s="102">
        <v>669</v>
      </c>
      <c r="CH8" s="102">
        <v>376</v>
      </c>
      <c r="CI8" s="102">
        <v>327</v>
      </c>
      <c r="CJ8" s="102">
        <v>339</v>
      </c>
      <c r="CK8" s="103">
        <v>1965</v>
      </c>
      <c r="CL8" s="104">
        <v>2510</v>
      </c>
      <c r="CM8" s="101">
        <v>8194</v>
      </c>
      <c r="CN8" s="102">
        <v>10450</v>
      </c>
      <c r="CO8" s="103">
        <v>18644</v>
      </c>
      <c r="CP8" s="412">
        <v>0</v>
      </c>
      <c r="CQ8" s="102">
        <v>10485</v>
      </c>
      <c r="CR8" s="102">
        <v>14747</v>
      </c>
      <c r="CS8" s="102">
        <v>9239</v>
      </c>
      <c r="CT8" s="102">
        <v>7498</v>
      </c>
      <c r="CU8" s="102">
        <v>4639</v>
      </c>
      <c r="CV8" s="103">
        <v>46608</v>
      </c>
      <c r="CW8" s="104">
        <v>65252</v>
      </c>
      <c r="CX8" s="105">
        <v>15176</v>
      </c>
      <c r="CY8" s="97">
        <v>20976</v>
      </c>
      <c r="CZ8" s="98">
        <v>36152</v>
      </c>
      <c r="DA8" s="412">
        <v>0</v>
      </c>
      <c r="DB8" s="97">
        <v>19674</v>
      </c>
      <c r="DC8" s="97">
        <v>24852</v>
      </c>
      <c r="DD8" s="97">
        <v>16692</v>
      </c>
      <c r="DE8" s="97">
        <v>16152</v>
      </c>
      <c r="DF8" s="97">
        <v>10429</v>
      </c>
      <c r="DG8" s="99">
        <v>87799</v>
      </c>
      <c r="DH8" s="100">
        <v>123951</v>
      </c>
      <c r="DI8" s="101">
        <v>320</v>
      </c>
      <c r="DJ8" s="102">
        <v>483</v>
      </c>
      <c r="DK8" s="103">
        <v>803</v>
      </c>
      <c r="DL8" s="412">
        <v>0</v>
      </c>
      <c r="DM8" s="102">
        <v>268</v>
      </c>
      <c r="DN8" s="102">
        <v>485</v>
      </c>
      <c r="DO8" s="102">
        <v>295</v>
      </c>
      <c r="DP8" s="102">
        <v>284</v>
      </c>
      <c r="DQ8" s="102">
        <v>221</v>
      </c>
      <c r="DR8" s="103">
        <v>1553</v>
      </c>
      <c r="DS8" s="104">
        <v>2356</v>
      </c>
      <c r="DT8" s="101">
        <v>861</v>
      </c>
      <c r="DU8" s="102">
        <v>1314</v>
      </c>
      <c r="DV8" s="103">
        <v>2175</v>
      </c>
      <c r="DW8" s="412">
        <v>0</v>
      </c>
      <c r="DX8" s="102">
        <v>773</v>
      </c>
      <c r="DY8" s="102">
        <v>1215</v>
      </c>
      <c r="DZ8" s="102">
        <v>681</v>
      </c>
      <c r="EA8" s="102">
        <v>676</v>
      </c>
      <c r="EB8" s="102">
        <v>591</v>
      </c>
      <c r="EC8" s="103">
        <v>3936</v>
      </c>
      <c r="ED8" s="104">
        <v>6111</v>
      </c>
      <c r="EE8" s="101">
        <v>2285</v>
      </c>
      <c r="EF8" s="102">
        <v>2949</v>
      </c>
      <c r="EG8" s="103">
        <v>5234</v>
      </c>
      <c r="EH8" s="412">
        <v>0</v>
      </c>
      <c r="EI8" s="102">
        <v>2121</v>
      </c>
      <c r="EJ8" s="102">
        <v>2541</v>
      </c>
      <c r="EK8" s="102">
        <v>1411</v>
      </c>
      <c r="EL8" s="102">
        <v>1322</v>
      </c>
      <c r="EM8" s="102">
        <v>1076</v>
      </c>
      <c r="EN8" s="103">
        <v>8471</v>
      </c>
      <c r="EO8" s="104">
        <v>13705</v>
      </c>
      <c r="EP8" s="101">
        <v>4769</v>
      </c>
      <c r="EQ8" s="102">
        <v>5739</v>
      </c>
      <c r="ER8" s="103">
        <v>10508</v>
      </c>
      <c r="ES8" s="412">
        <v>0</v>
      </c>
      <c r="ET8" s="102">
        <v>4917</v>
      </c>
      <c r="EU8" s="102">
        <v>5243</v>
      </c>
      <c r="EV8" s="102">
        <v>3116</v>
      </c>
      <c r="EW8" s="102">
        <v>2796</v>
      </c>
      <c r="EX8" s="102">
        <v>1835</v>
      </c>
      <c r="EY8" s="103">
        <v>17907</v>
      </c>
      <c r="EZ8" s="104">
        <v>28415</v>
      </c>
      <c r="FA8" s="101">
        <v>4511</v>
      </c>
      <c r="FB8" s="102">
        <v>6247</v>
      </c>
      <c r="FC8" s="103">
        <v>10758</v>
      </c>
      <c r="FD8" s="412">
        <v>0</v>
      </c>
      <c r="FE8" s="102">
        <v>6238</v>
      </c>
      <c r="FF8" s="102">
        <v>7189</v>
      </c>
      <c r="FG8" s="102">
        <v>4522</v>
      </c>
      <c r="FH8" s="102">
        <v>4117</v>
      </c>
      <c r="FI8" s="102">
        <v>2641</v>
      </c>
      <c r="FJ8" s="103">
        <v>24707</v>
      </c>
      <c r="FK8" s="104">
        <v>35465</v>
      </c>
      <c r="FL8" s="101">
        <v>2430</v>
      </c>
      <c r="FM8" s="102">
        <v>4244</v>
      </c>
      <c r="FN8" s="103">
        <v>6674</v>
      </c>
      <c r="FO8" s="412">
        <v>0</v>
      </c>
      <c r="FP8" s="102">
        <v>5357</v>
      </c>
      <c r="FQ8" s="102">
        <v>8179</v>
      </c>
      <c r="FR8" s="102">
        <v>6667</v>
      </c>
      <c r="FS8" s="102">
        <v>6957</v>
      </c>
      <c r="FT8" s="102">
        <v>4065</v>
      </c>
      <c r="FU8" s="103">
        <v>31225</v>
      </c>
      <c r="FV8" s="104">
        <v>37899</v>
      </c>
      <c r="FW8" s="101">
        <v>148</v>
      </c>
      <c r="FX8" s="102">
        <v>292</v>
      </c>
      <c r="FY8" s="103">
        <v>440</v>
      </c>
      <c r="FZ8" s="412">
        <v>0</v>
      </c>
      <c r="GA8" s="102">
        <v>209</v>
      </c>
      <c r="GB8" s="102">
        <v>519</v>
      </c>
      <c r="GC8" s="102">
        <v>261</v>
      </c>
      <c r="GD8" s="102">
        <v>236</v>
      </c>
      <c r="GE8" s="102">
        <v>260</v>
      </c>
      <c r="GF8" s="103">
        <v>1485</v>
      </c>
      <c r="GG8" s="104">
        <v>1925</v>
      </c>
      <c r="GH8" s="101">
        <v>15324</v>
      </c>
      <c r="GI8" s="102">
        <v>21268</v>
      </c>
      <c r="GJ8" s="103">
        <v>36592</v>
      </c>
      <c r="GK8" s="412">
        <v>0</v>
      </c>
      <c r="GL8" s="102">
        <v>19883</v>
      </c>
      <c r="GM8" s="102">
        <v>25371</v>
      </c>
      <c r="GN8" s="102">
        <v>16953</v>
      </c>
      <c r="GO8" s="102">
        <v>16388</v>
      </c>
      <c r="GP8" s="102">
        <v>10689</v>
      </c>
      <c r="GQ8" s="103">
        <v>89284</v>
      </c>
      <c r="GR8" s="104">
        <v>125876</v>
      </c>
      <c r="GS8" s="105">
        <v>23198</v>
      </c>
      <c r="GT8" s="97">
        <v>31053</v>
      </c>
      <c r="GU8" s="98">
        <v>54251</v>
      </c>
      <c r="GV8" s="412">
        <v>0</v>
      </c>
      <c r="GW8" s="97">
        <v>29905</v>
      </c>
      <c r="GX8" s="97">
        <v>38930</v>
      </c>
      <c r="GY8" s="97">
        <v>25555</v>
      </c>
      <c r="GZ8" s="97">
        <v>23323</v>
      </c>
      <c r="HA8" s="97">
        <v>14729</v>
      </c>
      <c r="HB8" s="99">
        <v>132442</v>
      </c>
      <c r="HC8" s="100">
        <v>186693</v>
      </c>
      <c r="HD8" s="101">
        <v>622</v>
      </c>
      <c r="HE8" s="102">
        <v>933</v>
      </c>
      <c r="HF8" s="103">
        <v>1555</v>
      </c>
      <c r="HG8" s="415">
        <v>0</v>
      </c>
      <c r="HH8" s="102">
        <v>680</v>
      </c>
      <c r="HI8" s="102">
        <v>1217</v>
      </c>
      <c r="HJ8" s="102">
        <v>741</v>
      </c>
      <c r="HK8" s="102">
        <v>675</v>
      </c>
      <c r="HL8" s="102">
        <v>506</v>
      </c>
      <c r="HM8" s="103">
        <v>3819</v>
      </c>
      <c r="HN8" s="104">
        <v>5374</v>
      </c>
      <c r="HO8" s="101">
        <v>1545</v>
      </c>
      <c r="HP8" s="102">
        <v>2376</v>
      </c>
      <c r="HQ8" s="103">
        <v>3921</v>
      </c>
      <c r="HR8" s="412">
        <v>0</v>
      </c>
      <c r="HS8" s="102">
        <v>1574</v>
      </c>
      <c r="HT8" s="102">
        <v>2709</v>
      </c>
      <c r="HU8" s="102">
        <v>1592</v>
      </c>
      <c r="HV8" s="102">
        <v>1467</v>
      </c>
      <c r="HW8" s="102">
        <v>1123</v>
      </c>
      <c r="HX8" s="103">
        <v>8465</v>
      </c>
      <c r="HY8" s="104">
        <v>12386</v>
      </c>
      <c r="HZ8" s="101">
        <v>3488</v>
      </c>
      <c r="IA8" s="102">
        <v>4590</v>
      </c>
      <c r="IB8" s="103">
        <v>8078</v>
      </c>
      <c r="IC8" s="412">
        <v>0</v>
      </c>
      <c r="ID8" s="102">
        <v>3596</v>
      </c>
      <c r="IE8" s="102">
        <v>4822</v>
      </c>
      <c r="IF8" s="102">
        <v>2824</v>
      </c>
      <c r="IG8" s="102">
        <v>2457</v>
      </c>
      <c r="IH8" s="102">
        <v>1855</v>
      </c>
      <c r="II8" s="103">
        <v>15554</v>
      </c>
      <c r="IJ8" s="104">
        <v>23632</v>
      </c>
      <c r="IK8" s="101">
        <v>6854</v>
      </c>
      <c r="IL8" s="102">
        <v>8227</v>
      </c>
      <c r="IM8" s="103">
        <v>15081</v>
      </c>
      <c r="IN8" s="412">
        <v>0</v>
      </c>
      <c r="IO8" s="102">
        <v>7535</v>
      </c>
      <c r="IP8" s="102">
        <v>8436</v>
      </c>
      <c r="IQ8" s="102">
        <v>5150</v>
      </c>
      <c r="IR8" s="102">
        <v>4439</v>
      </c>
      <c r="IS8" s="102">
        <v>2830</v>
      </c>
      <c r="IT8" s="103">
        <v>28390</v>
      </c>
      <c r="IU8" s="104">
        <v>43471</v>
      </c>
      <c r="IV8" s="101">
        <v>6837</v>
      </c>
      <c r="IW8" s="102">
        <v>8833</v>
      </c>
      <c r="IX8" s="103">
        <v>15670</v>
      </c>
      <c r="IY8" s="412">
        <v>0</v>
      </c>
      <c r="IZ8" s="102">
        <v>9095</v>
      </c>
      <c r="JA8" s="102">
        <v>10686</v>
      </c>
      <c r="JB8" s="102">
        <v>6647</v>
      </c>
      <c r="JC8" s="102">
        <v>5839</v>
      </c>
      <c r="JD8" s="102">
        <v>3581</v>
      </c>
      <c r="JE8" s="103">
        <v>35848</v>
      </c>
      <c r="JF8" s="104">
        <v>51518</v>
      </c>
      <c r="JG8" s="101">
        <v>3852</v>
      </c>
      <c r="JH8" s="102">
        <v>6094</v>
      </c>
      <c r="JI8" s="103">
        <v>9946</v>
      </c>
      <c r="JJ8" s="412">
        <v>0</v>
      </c>
      <c r="JK8" s="102">
        <v>7425</v>
      </c>
      <c r="JL8" s="102">
        <v>11060</v>
      </c>
      <c r="JM8" s="102">
        <v>8601</v>
      </c>
      <c r="JN8" s="102">
        <v>8446</v>
      </c>
      <c r="JO8" s="102">
        <v>4834</v>
      </c>
      <c r="JP8" s="103">
        <v>40366</v>
      </c>
      <c r="JQ8" s="104">
        <v>50312</v>
      </c>
      <c r="JR8" s="101">
        <v>320</v>
      </c>
      <c r="JS8" s="102">
        <v>665</v>
      </c>
      <c r="JT8" s="103">
        <v>985</v>
      </c>
      <c r="JU8" s="412">
        <v>0</v>
      </c>
      <c r="JV8" s="102">
        <v>463</v>
      </c>
      <c r="JW8" s="102">
        <v>1188</v>
      </c>
      <c r="JX8" s="102">
        <v>637</v>
      </c>
      <c r="JY8" s="102">
        <v>563</v>
      </c>
      <c r="JZ8" s="102">
        <v>599</v>
      </c>
      <c r="KA8" s="103">
        <v>3450</v>
      </c>
      <c r="KB8" s="104">
        <v>4435</v>
      </c>
      <c r="KC8" s="101">
        <v>23518</v>
      </c>
      <c r="KD8" s="102">
        <v>31718</v>
      </c>
      <c r="KE8" s="103">
        <v>55236</v>
      </c>
      <c r="KF8" s="412">
        <v>0</v>
      </c>
      <c r="KG8" s="102">
        <v>30368</v>
      </c>
      <c r="KH8" s="102">
        <v>40118</v>
      </c>
      <c r="KI8" s="102">
        <v>26192</v>
      </c>
      <c r="KJ8" s="102">
        <v>23886</v>
      </c>
      <c r="KK8" s="102">
        <v>15328</v>
      </c>
      <c r="KL8" s="103">
        <v>135892</v>
      </c>
      <c r="KM8" s="104">
        <v>191128</v>
      </c>
    </row>
    <row r="9" spans="2:299" s="70" customFormat="1" ht="21" customHeight="1" x14ac:dyDescent="0.2">
      <c r="B9" s="106" t="s">
        <v>6</v>
      </c>
      <c r="C9" s="96">
        <v>2743</v>
      </c>
      <c r="D9" s="97">
        <v>2435</v>
      </c>
      <c r="E9" s="98">
        <v>5178</v>
      </c>
      <c r="F9" s="412">
        <v>0</v>
      </c>
      <c r="G9" s="97">
        <v>5134</v>
      </c>
      <c r="H9" s="97">
        <v>4282</v>
      </c>
      <c r="I9" s="97">
        <v>2801</v>
      </c>
      <c r="J9" s="97">
        <v>2451</v>
      </c>
      <c r="K9" s="97">
        <v>1607</v>
      </c>
      <c r="L9" s="99">
        <v>16275</v>
      </c>
      <c r="M9" s="100">
        <v>21453</v>
      </c>
      <c r="N9" s="101">
        <v>166</v>
      </c>
      <c r="O9" s="102">
        <v>145</v>
      </c>
      <c r="P9" s="103">
        <v>311</v>
      </c>
      <c r="Q9" s="412">
        <v>0</v>
      </c>
      <c r="R9" s="102">
        <v>275</v>
      </c>
      <c r="S9" s="102">
        <v>248</v>
      </c>
      <c r="T9" s="102">
        <v>148</v>
      </c>
      <c r="U9" s="102">
        <v>140</v>
      </c>
      <c r="V9" s="102">
        <v>112</v>
      </c>
      <c r="W9" s="103">
        <v>923</v>
      </c>
      <c r="X9" s="104">
        <v>1234</v>
      </c>
      <c r="Y9" s="101">
        <v>295</v>
      </c>
      <c r="Z9" s="102">
        <v>282</v>
      </c>
      <c r="AA9" s="103">
        <v>577</v>
      </c>
      <c r="AB9" s="412">
        <v>0</v>
      </c>
      <c r="AC9" s="102">
        <v>521</v>
      </c>
      <c r="AD9" s="102">
        <v>475</v>
      </c>
      <c r="AE9" s="102">
        <v>316</v>
      </c>
      <c r="AF9" s="102">
        <v>274</v>
      </c>
      <c r="AG9" s="102">
        <v>225</v>
      </c>
      <c r="AH9" s="103">
        <v>1811</v>
      </c>
      <c r="AI9" s="104">
        <v>2388</v>
      </c>
      <c r="AJ9" s="101">
        <v>452</v>
      </c>
      <c r="AK9" s="102">
        <v>417</v>
      </c>
      <c r="AL9" s="103">
        <v>869</v>
      </c>
      <c r="AM9" s="412">
        <v>0</v>
      </c>
      <c r="AN9" s="102">
        <v>864</v>
      </c>
      <c r="AO9" s="102">
        <v>715</v>
      </c>
      <c r="AP9" s="102">
        <v>466</v>
      </c>
      <c r="AQ9" s="102">
        <v>436</v>
      </c>
      <c r="AR9" s="102">
        <v>321</v>
      </c>
      <c r="AS9" s="103">
        <v>2802</v>
      </c>
      <c r="AT9" s="104">
        <v>3671</v>
      </c>
      <c r="AU9" s="101">
        <v>692</v>
      </c>
      <c r="AV9" s="102">
        <v>569</v>
      </c>
      <c r="AW9" s="103">
        <v>1261</v>
      </c>
      <c r="AX9" s="412">
        <v>0</v>
      </c>
      <c r="AY9" s="102">
        <v>1268</v>
      </c>
      <c r="AZ9" s="102">
        <v>1042</v>
      </c>
      <c r="BA9" s="102">
        <v>630</v>
      </c>
      <c r="BB9" s="102">
        <v>545</v>
      </c>
      <c r="BC9" s="102">
        <v>341</v>
      </c>
      <c r="BD9" s="103">
        <v>3826</v>
      </c>
      <c r="BE9" s="104">
        <v>5087</v>
      </c>
      <c r="BF9" s="101">
        <v>711</v>
      </c>
      <c r="BG9" s="102">
        <v>601</v>
      </c>
      <c r="BH9" s="103">
        <v>1312</v>
      </c>
      <c r="BI9" s="412">
        <v>0</v>
      </c>
      <c r="BJ9" s="102">
        <v>1264</v>
      </c>
      <c r="BK9" s="102">
        <v>986</v>
      </c>
      <c r="BL9" s="102">
        <v>661</v>
      </c>
      <c r="BM9" s="102">
        <v>543</v>
      </c>
      <c r="BN9" s="102">
        <v>341</v>
      </c>
      <c r="BO9" s="103">
        <v>3795</v>
      </c>
      <c r="BP9" s="104">
        <v>5107</v>
      </c>
      <c r="BQ9" s="101">
        <v>427</v>
      </c>
      <c r="BR9" s="102">
        <v>421</v>
      </c>
      <c r="BS9" s="103">
        <v>848</v>
      </c>
      <c r="BT9" s="412">
        <v>0</v>
      </c>
      <c r="BU9" s="102">
        <v>942</v>
      </c>
      <c r="BV9" s="102">
        <v>816</v>
      </c>
      <c r="BW9" s="102">
        <v>580</v>
      </c>
      <c r="BX9" s="102">
        <v>513</v>
      </c>
      <c r="BY9" s="102">
        <v>267</v>
      </c>
      <c r="BZ9" s="103">
        <v>3118</v>
      </c>
      <c r="CA9" s="104">
        <v>3966</v>
      </c>
      <c r="CB9" s="101">
        <v>76</v>
      </c>
      <c r="CC9" s="102">
        <v>103</v>
      </c>
      <c r="CD9" s="103">
        <v>179</v>
      </c>
      <c r="CE9" s="412">
        <v>0</v>
      </c>
      <c r="CF9" s="102">
        <v>175</v>
      </c>
      <c r="CG9" s="102">
        <v>206</v>
      </c>
      <c r="CH9" s="102">
        <v>116</v>
      </c>
      <c r="CI9" s="102">
        <v>124</v>
      </c>
      <c r="CJ9" s="102">
        <v>131</v>
      </c>
      <c r="CK9" s="103">
        <v>752</v>
      </c>
      <c r="CL9" s="104">
        <v>931</v>
      </c>
      <c r="CM9" s="101">
        <v>2819</v>
      </c>
      <c r="CN9" s="102">
        <v>2538</v>
      </c>
      <c r="CO9" s="103">
        <v>5357</v>
      </c>
      <c r="CP9" s="412">
        <v>0</v>
      </c>
      <c r="CQ9" s="102">
        <v>5309</v>
      </c>
      <c r="CR9" s="102">
        <v>4488</v>
      </c>
      <c r="CS9" s="102">
        <v>2917</v>
      </c>
      <c r="CT9" s="102">
        <v>2575</v>
      </c>
      <c r="CU9" s="102">
        <v>1738</v>
      </c>
      <c r="CV9" s="103">
        <v>17027</v>
      </c>
      <c r="CW9" s="104">
        <v>22384</v>
      </c>
      <c r="CX9" s="105">
        <v>5311</v>
      </c>
      <c r="CY9" s="97">
        <v>5604</v>
      </c>
      <c r="CZ9" s="98">
        <v>10915</v>
      </c>
      <c r="DA9" s="412">
        <v>0</v>
      </c>
      <c r="DB9" s="97">
        <v>8944</v>
      </c>
      <c r="DC9" s="97">
        <v>7021</v>
      </c>
      <c r="DD9" s="97">
        <v>5316</v>
      </c>
      <c r="DE9" s="97">
        <v>5211</v>
      </c>
      <c r="DF9" s="97">
        <v>3606</v>
      </c>
      <c r="DG9" s="99">
        <v>30098</v>
      </c>
      <c r="DH9" s="100">
        <v>41013</v>
      </c>
      <c r="DI9" s="101">
        <v>116</v>
      </c>
      <c r="DJ9" s="102">
        <v>129</v>
      </c>
      <c r="DK9" s="103">
        <v>245</v>
      </c>
      <c r="DL9" s="412">
        <v>0</v>
      </c>
      <c r="DM9" s="102">
        <v>167</v>
      </c>
      <c r="DN9" s="102">
        <v>134</v>
      </c>
      <c r="DO9" s="102">
        <v>111</v>
      </c>
      <c r="DP9" s="102">
        <v>92</v>
      </c>
      <c r="DQ9" s="102">
        <v>76</v>
      </c>
      <c r="DR9" s="103">
        <v>580</v>
      </c>
      <c r="DS9" s="104">
        <v>825</v>
      </c>
      <c r="DT9" s="101">
        <v>340</v>
      </c>
      <c r="DU9" s="102">
        <v>353</v>
      </c>
      <c r="DV9" s="103">
        <v>693</v>
      </c>
      <c r="DW9" s="412">
        <v>0</v>
      </c>
      <c r="DX9" s="102">
        <v>458</v>
      </c>
      <c r="DY9" s="102">
        <v>357</v>
      </c>
      <c r="DZ9" s="102">
        <v>226</v>
      </c>
      <c r="EA9" s="102">
        <v>239</v>
      </c>
      <c r="EB9" s="102">
        <v>177</v>
      </c>
      <c r="EC9" s="103">
        <v>1457</v>
      </c>
      <c r="ED9" s="104">
        <v>2150</v>
      </c>
      <c r="EE9" s="101">
        <v>798</v>
      </c>
      <c r="EF9" s="102">
        <v>789</v>
      </c>
      <c r="EG9" s="103">
        <v>1587</v>
      </c>
      <c r="EH9" s="412">
        <v>0</v>
      </c>
      <c r="EI9" s="102">
        <v>1035</v>
      </c>
      <c r="EJ9" s="102">
        <v>694</v>
      </c>
      <c r="EK9" s="102">
        <v>449</v>
      </c>
      <c r="EL9" s="102">
        <v>442</v>
      </c>
      <c r="EM9" s="102">
        <v>334</v>
      </c>
      <c r="EN9" s="103">
        <v>2954</v>
      </c>
      <c r="EO9" s="104">
        <v>4541</v>
      </c>
      <c r="EP9" s="101">
        <v>1665</v>
      </c>
      <c r="EQ9" s="102">
        <v>1578</v>
      </c>
      <c r="ER9" s="103">
        <v>3243</v>
      </c>
      <c r="ES9" s="412">
        <v>0</v>
      </c>
      <c r="ET9" s="102">
        <v>2183</v>
      </c>
      <c r="EU9" s="102">
        <v>1445</v>
      </c>
      <c r="EV9" s="102">
        <v>988</v>
      </c>
      <c r="EW9" s="102">
        <v>888</v>
      </c>
      <c r="EX9" s="102">
        <v>653</v>
      </c>
      <c r="EY9" s="103">
        <v>6157</v>
      </c>
      <c r="EZ9" s="104">
        <v>9400</v>
      </c>
      <c r="FA9" s="101">
        <v>1553</v>
      </c>
      <c r="FB9" s="102">
        <v>1666</v>
      </c>
      <c r="FC9" s="103">
        <v>3219</v>
      </c>
      <c r="FD9" s="412">
        <v>0</v>
      </c>
      <c r="FE9" s="102">
        <v>2700</v>
      </c>
      <c r="FF9" s="102">
        <v>2100</v>
      </c>
      <c r="FG9" s="102">
        <v>1443</v>
      </c>
      <c r="FH9" s="102">
        <v>1275</v>
      </c>
      <c r="FI9" s="102">
        <v>916</v>
      </c>
      <c r="FJ9" s="103">
        <v>8434</v>
      </c>
      <c r="FK9" s="104">
        <v>11653</v>
      </c>
      <c r="FL9" s="101">
        <v>839</v>
      </c>
      <c r="FM9" s="102">
        <v>1089</v>
      </c>
      <c r="FN9" s="103">
        <v>1928</v>
      </c>
      <c r="FO9" s="412">
        <v>0</v>
      </c>
      <c r="FP9" s="102">
        <v>2401</v>
      </c>
      <c r="FQ9" s="102">
        <v>2291</v>
      </c>
      <c r="FR9" s="102">
        <v>2099</v>
      </c>
      <c r="FS9" s="102">
        <v>2275</v>
      </c>
      <c r="FT9" s="102">
        <v>1450</v>
      </c>
      <c r="FU9" s="103">
        <v>10516</v>
      </c>
      <c r="FV9" s="104">
        <v>12444</v>
      </c>
      <c r="FW9" s="101">
        <v>67</v>
      </c>
      <c r="FX9" s="102">
        <v>98</v>
      </c>
      <c r="FY9" s="103">
        <v>165</v>
      </c>
      <c r="FZ9" s="412">
        <v>0</v>
      </c>
      <c r="GA9" s="102">
        <v>123</v>
      </c>
      <c r="GB9" s="102">
        <v>136</v>
      </c>
      <c r="GC9" s="102">
        <v>97</v>
      </c>
      <c r="GD9" s="102">
        <v>95</v>
      </c>
      <c r="GE9" s="102">
        <v>83</v>
      </c>
      <c r="GF9" s="103">
        <v>534</v>
      </c>
      <c r="GG9" s="104">
        <v>699</v>
      </c>
      <c r="GH9" s="101">
        <v>5378</v>
      </c>
      <c r="GI9" s="102">
        <v>5702</v>
      </c>
      <c r="GJ9" s="103">
        <v>11080</v>
      </c>
      <c r="GK9" s="412">
        <v>0</v>
      </c>
      <c r="GL9" s="102">
        <v>9067</v>
      </c>
      <c r="GM9" s="102">
        <v>7157</v>
      </c>
      <c r="GN9" s="102">
        <v>5413</v>
      </c>
      <c r="GO9" s="102">
        <v>5306</v>
      </c>
      <c r="GP9" s="102">
        <v>3689</v>
      </c>
      <c r="GQ9" s="103">
        <v>30632</v>
      </c>
      <c r="GR9" s="104">
        <v>41712</v>
      </c>
      <c r="GS9" s="105">
        <v>8054</v>
      </c>
      <c r="GT9" s="97">
        <v>8039</v>
      </c>
      <c r="GU9" s="98">
        <v>16093</v>
      </c>
      <c r="GV9" s="412">
        <v>0</v>
      </c>
      <c r="GW9" s="97">
        <v>14078</v>
      </c>
      <c r="GX9" s="97">
        <v>11303</v>
      </c>
      <c r="GY9" s="97">
        <v>8117</v>
      </c>
      <c r="GZ9" s="97">
        <v>7662</v>
      </c>
      <c r="HA9" s="97">
        <v>5213</v>
      </c>
      <c r="HB9" s="99">
        <v>46373</v>
      </c>
      <c r="HC9" s="100">
        <v>62466</v>
      </c>
      <c r="HD9" s="101">
        <v>282</v>
      </c>
      <c r="HE9" s="102">
        <v>274</v>
      </c>
      <c r="HF9" s="103">
        <v>556</v>
      </c>
      <c r="HG9" s="415">
        <v>0</v>
      </c>
      <c r="HH9" s="102">
        <v>442</v>
      </c>
      <c r="HI9" s="102">
        <v>382</v>
      </c>
      <c r="HJ9" s="102">
        <v>259</v>
      </c>
      <c r="HK9" s="102">
        <v>232</v>
      </c>
      <c r="HL9" s="102">
        <v>188</v>
      </c>
      <c r="HM9" s="103">
        <v>1503</v>
      </c>
      <c r="HN9" s="104">
        <v>2059</v>
      </c>
      <c r="HO9" s="101">
        <v>635</v>
      </c>
      <c r="HP9" s="102">
        <v>635</v>
      </c>
      <c r="HQ9" s="103">
        <v>1270</v>
      </c>
      <c r="HR9" s="412">
        <v>0</v>
      </c>
      <c r="HS9" s="102">
        <v>979</v>
      </c>
      <c r="HT9" s="102">
        <v>832</v>
      </c>
      <c r="HU9" s="102">
        <v>542</v>
      </c>
      <c r="HV9" s="102">
        <v>513</v>
      </c>
      <c r="HW9" s="102">
        <v>402</v>
      </c>
      <c r="HX9" s="103">
        <v>3268</v>
      </c>
      <c r="HY9" s="104">
        <v>4538</v>
      </c>
      <c r="HZ9" s="101">
        <v>1250</v>
      </c>
      <c r="IA9" s="102">
        <v>1206</v>
      </c>
      <c r="IB9" s="103">
        <v>2456</v>
      </c>
      <c r="IC9" s="412">
        <v>0</v>
      </c>
      <c r="ID9" s="102">
        <v>1899</v>
      </c>
      <c r="IE9" s="102">
        <v>1409</v>
      </c>
      <c r="IF9" s="102">
        <v>915</v>
      </c>
      <c r="IG9" s="102">
        <v>878</v>
      </c>
      <c r="IH9" s="102">
        <v>655</v>
      </c>
      <c r="II9" s="103">
        <v>5756</v>
      </c>
      <c r="IJ9" s="104">
        <v>8212</v>
      </c>
      <c r="IK9" s="101">
        <v>2357</v>
      </c>
      <c r="IL9" s="102">
        <v>2147</v>
      </c>
      <c r="IM9" s="103">
        <v>4504</v>
      </c>
      <c r="IN9" s="412">
        <v>0</v>
      </c>
      <c r="IO9" s="102">
        <v>3451</v>
      </c>
      <c r="IP9" s="102">
        <v>2487</v>
      </c>
      <c r="IQ9" s="102">
        <v>1618</v>
      </c>
      <c r="IR9" s="102">
        <v>1433</v>
      </c>
      <c r="IS9" s="102">
        <v>994</v>
      </c>
      <c r="IT9" s="103">
        <v>9983</v>
      </c>
      <c r="IU9" s="104">
        <v>14487</v>
      </c>
      <c r="IV9" s="101">
        <v>2264</v>
      </c>
      <c r="IW9" s="102">
        <v>2267</v>
      </c>
      <c r="IX9" s="103">
        <v>4531</v>
      </c>
      <c r="IY9" s="412">
        <v>0</v>
      </c>
      <c r="IZ9" s="102">
        <v>3964</v>
      </c>
      <c r="JA9" s="102">
        <v>3086</v>
      </c>
      <c r="JB9" s="102">
        <v>2104</v>
      </c>
      <c r="JC9" s="102">
        <v>1818</v>
      </c>
      <c r="JD9" s="102">
        <v>1257</v>
      </c>
      <c r="JE9" s="103">
        <v>12229</v>
      </c>
      <c r="JF9" s="104">
        <v>16760</v>
      </c>
      <c r="JG9" s="101">
        <v>1266</v>
      </c>
      <c r="JH9" s="102">
        <v>1510</v>
      </c>
      <c r="JI9" s="103">
        <v>2776</v>
      </c>
      <c r="JJ9" s="412">
        <v>0</v>
      </c>
      <c r="JK9" s="102">
        <v>3343</v>
      </c>
      <c r="JL9" s="102">
        <v>3107</v>
      </c>
      <c r="JM9" s="102">
        <v>2679</v>
      </c>
      <c r="JN9" s="102">
        <v>2788</v>
      </c>
      <c r="JO9" s="102">
        <v>1717</v>
      </c>
      <c r="JP9" s="103">
        <v>13634</v>
      </c>
      <c r="JQ9" s="104">
        <v>16410</v>
      </c>
      <c r="JR9" s="101">
        <v>143</v>
      </c>
      <c r="JS9" s="102">
        <v>201</v>
      </c>
      <c r="JT9" s="103">
        <v>344</v>
      </c>
      <c r="JU9" s="412">
        <v>0</v>
      </c>
      <c r="JV9" s="102">
        <v>298</v>
      </c>
      <c r="JW9" s="102">
        <v>342</v>
      </c>
      <c r="JX9" s="102">
        <v>213</v>
      </c>
      <c r="JY9" s="102">
        <v>219</v>
      </c>
      <c r="JZ9" s="102">
        <v>214</v>
      </c>
      <c r="KA9" s="103">
        <v>1286</v>
      </c>
      <c r="KB9" s="104">
        <v>1630</v>
      </c>
      <c r="KC9" s="101">
        <v>8197</v>
      </c>
      <c r="KD9" s="102">
        <v>8240</v>
      </c>
      <c r="KE9" s="103">
        <v>16437</v>
      </c>
      <c r="KF9" s="412">
        <v>0</v>
      </c>
      <c r="KG9" s="102">
        <v>14376</v>
      </c>
      <c r="KH9" s="102">
        <v>11645</v>
      </c>
      <c r="KI9" s="102">
        <v>8330</v>
      </c>
      <c r="KJ9" s="102">
        <v>7881</v>
      </c>
      <c r="KK9" s="102">
        <v>5427</v>
      </c>
      <c r="KL9" s="103">
        <v>47659</v>
      </c>
      <c r="KM9" s="104">
        <v>64096</v>
      </c>
    </row>
    <row r="10" spans="2:299" s="70" customFormat="1" ht="21" customHeight="1" x14ac:dyDescent="0.2">
      <c r="B10" s="106" t="s">
        <v>14</v>
      </c>
      <c r="C10" s="96">
        <v>1575</v>
      </c>
      <c r="D10" s="97">
        <v>1969</v>
      </c>
      <c r="E10" s="98">
        <v>3544</v>
      </c>
      <c r="F10" s="412">
        <v>0</v>
      </c>
      <c r="G10" s="97">
        <v>2347</v>
      </c>
      <c r="H10" s="97">
        <v>2627</v>
      </c>
      <c r="I10" s="97">
        <v>1898</v>
      </c>
      <c r="J10" s="97">
        <v>1526</v>
      </c>
      <c r="K10" s="97">
        <v>893</v>
      </c>
      <c r="L10" s="99">
        <v>9291</v>
      </c>
      <c r="M10" s="100">
        <v>12835</v>
      </c>
      <c r="N10" s="101">
        <v>64</v>
      </c>
      <c r="O10" s="102">
        <v>83</v>
      </c>
      <c r="P10" s="103">
        <v>147</v>
      </c>
      <c r="Q10" s="412">
        <v>0</v>
      </c>
      <c r="R10" s="102">
        <v>91</v>
      </c>
      <c r="S10" s="102">
        <v>134</v>
      </c>
      <c r="T10" s="102">
        <v>95</v>
      </c>
      <c r="U10" s="102">
        <v>100</v>
      </c>
      <c r="V10" s="102">
        <v>65</v>
      </c>
      <c r="W10" s="103">
        <v>485</v>
      </c>
      <c r="X10" s="104">
        <v>632</v>
      </c>
      <c r="Y10" s="101">
        <v>144</v>
      </c>
      <c r="Z10" s="102">
        <v>263</v>
      </c>
      <c r="AA10" s="103">
        <v>407</v>
      </c>
      <c r="AB10" s="412">
        <v>0</v>
      </c>
      <c r="AC10" s="102">
        <v>198</v>
      </c>
      <c r="AD10" s="102">
        <v>264</v>
      </c>
      <c r="AE10" s="102">
        <v>191</v>
      </c>
      <c r="AF10" s="102">
        <v>158</v>
      </c>
      <c r="AG10" s="102">
        <v>127</v>
      </c>
      <c r="AH10" s="103">
        <v>938</v>
      </c>
      <c r="AI10" s="104">
        <v>1345</v>
      </c>
      <c r="AJ10" s="101">
        <v>239</v>
      </c>
      <c r="AK10" s="102">
        <v>369</v>
      </c>
      <c r="AL10" s="103">
        <v>608</v>
      </c>
      <c r="AM10" s="412">
        <v>0</v>
      </c>
      <c r="AN10" s="102">
        <v>361</v>
      </c>
      <c r="AO10" s="102">
        <v>430</v>
      </c>
      <c r="AP10" s="102">
        <v>306</v>
      </c>
      <c r="AQ10" s="102">
        <v>255</v>
      </c>
      <c r="AR10" s="102">
        <v>152</v>
      </c>
      <c r="AS10" s="103">
        <v>1504</v>
      </c>
      <c r="AT10" s="104">
        <v>2112</v>
      </c>
      <c r="AU10" s="101">
        <v>488</v>
      </c>
      <c r="AV10" s="102">
        <v>526</v>
      </c>
      <c r="AW10" s="103">
        <v>1014</v>
      </c>
      <c r="AX10" s="412">
        <v>0</v>
      </c>
      <c r="AY10" s="102">
        <v>670</v>
      </c>
      <c r="AZ10" s="102">
        <v>682</v>
      </c>
      <c r="BA10" s="102">
        <v>485</v>
      </c>
      <c r="BB10" s="102">
        <v>375</v>
      </c>
      <c r="BC10" s="102">
        <v>217</v>
      </c>
      <c r="BD10" s="103">
        <v>2429</v>
      </c>
      <c r="BE10" s="104">
        <v>3443</v>
      </c>
      <c r="BF10" s="101">
        <v>432</v>
      </c>
      <c r="BG10" s="102">
        <v>473</v>
      </c>
      <c r="BH10" s="103">
        <v>905</v>
      </c>
      <c r="BI10" s="412">
        <v>0</v>
      </c>
      <c r="BJ10" s="102">
        <v>638</v>
      </c>
      <c r="BK10" s="102">
        <v>679</v>
      </c>
      <c r="BL10" s="102">
        <v>462</v>
      </c>
      <c r="BM10" s="102">
        <v>370</v>
      </c>
      <c r="BN10" s="102">
        <v>190</v>
      </c>
      <c r="BO10" s="103">
        <v>2339</v>
      </c>
      <c r="BP10" s="104">
        <v>3244</v>
      </c>
      <c r="BQ10" s="101">
        <v>208</v>
      </c>
      <c r="BR10" s="102">
        <v>255</v>
      </c>
      <c r="BS10" s="103">
        <v>463</v>
      </c>
      <c r="BT10" s="412">
        <v>0</v>
      </c>
      <c r="BU10" s="102">
        <v>389</v>
      </c>
      <c r="BV10" s="102">
        <v>438</v>
      </c>
      <c r="BW10" s="102">
        <v>359</v>
      </c>
      <c r="BX10" s="102">
        <v>268</v>
      </c>
      <c r="BY10" s="102">
        <v>142</v>
      </c>
      <c r="BZ10" s="103">
        <v>1596</v>
      </c>
      <c r="CA10" s="104">
        <v>2059</v>
      </c>
      <c r="CB10" s="101">
        <v>33</v>
      </c>
      <c r="CC10" s="102">
        <v>100</v>
      </c>
      <c r="CD10" s="103">
        <v>133</v>
      </c>
      <c r="CE10" s="412">
        <v>0</v>
      </c>
      <c r="CF10" s="102">
        <v>41</v>
      </c>
      <c r="CG10" s="102">
        <v>132</v>
      </c>
      <c r="CH10" s="102">
        <v>79</v>
      </c>
      <c r="CI10" s="102">
        <v>65</v>
      </c>
      <c r="CJ10" s="102">
        <v>55</v>
      </c>
      <c r="CK10" s="103">
        <v>372</v>
      </c>
      <c r="CL10" s="104">
        <v>505</v>
      </c>
      <c r="CM10" s="101">
        <v>1608</v>
      </c>
      <c r="CN10" s="102">
        <v>2069</v>
      </c>
      <c r="CO10" s="103">
        <v>3677</v>
      </c>
      <c r="CP10" s="412">
        <v>0</v>
      </c>
      <c r="CQ10" s="102">
        <v>2388</v>
      </c>
      <c r="CR10" s="102">
        <v>2759</v>
      </c>
      <c r="CS10" s="102">
        <v>1977</v>
      </c>
      <c r="CT10" s="102">
        <v>1591</v>
      </c>
      <c r="CU10" s="102">
        <v>948</v>
      </c>
      <c r="CV10" s="103">
        <v>9663</v>
      </c>
      <c r="CW10" s="104">
        <v>13340</v>
      </c>
      <c r="CX10" s="105">
        <v>3094</v>
      </c>
      <c r="CY10" s="97">
        <v>4240</v>
      </c>
      <c r="CZ10" s="98">
        <v>7334</v>
      </c>
      <c r="DA10" s="412">
        <v>0</v>
      </c>
      <c r="DB10" s="97">
        <v>3951</v>
      </c>
      <c r="DC10" s="97">
        <v>4226</v>
      </c>
      <c r="DD10" s="97">
        <v>3332</v>
      </c>
      <c r="DE10" s="97">
        <v>3086</v>
      </c>
      <c r="DF10" s="97">
        <v>1940</v>
      </c>
      <c r="DG10" s="99">
        <v>16535</v>
      </c>
      <c r="DH10" s="100">
        <v>23869</v>
      </c>
      <c r="DI10" s="101">
        <v>75</v>
      </c>
      <c r="DJ10" s="102">
        <v>89</v>
      </c>
      <c r="DK10" s="103">
        <v>164</v>
      </c>
      <c r="DL10" s="412">
        <v>0</v>
      </c>
      <c r="DM10" s="102">
        <v>65</v>
      </c>
      <c r="DN10" s="102">
        <v>111</v>
      </c>
      <c r="DO10" s="102">
        <v>71</v>
      </c>
      <c r="DP10" s="102">
        <v>56</v>
      </c>
      <c r="DQ10" s="102">
        <v>43</v>
      </c>
      <c r="DR10" s="103">
        <v>346</v>
      </c>
      <c r="DS10" s="104">
        <v>510</v>
      </c>
      <c r="DT10" s="101">
        <v>234</v>
      </c>
      <c r="DU10" s="102">
        <v>311</v>
      </c>
      <c r="DV10" s="103">
        <v>545</v>
      </c>
      <c r="DW10" s="412">
        <v>0</v>
      </c>
      <c r="DX10" s="102">
        <v>186</v>
      </c>
      <c r="DY10" s="102">
        <v>248</v>
      </c>
      <c r="DZ10" s="102">
        <v>158</v>
      </c>
      <c r="EA10" s="102">
        <v>148</v>
      </c>
      <c r="EB10" s="102">
        <v>102</v>
      </c>
      <c r="EC10" s="103">
        <v>842</v>
      </c>
      <c r="ED10" s="104">
        <v>1387</v>
      </c>
      <c r="EE10" s="101">
        <v>535</v>
      </c>
      <c r="EF10" s="102">
        <v>693</v>
      </c>
      <c r="EG10" s="103">
        <v>1228</v>
      </c>
      <c r="EH10" s="412">
        <v>0</v>
      </c>
      <c r="EI10" s="102">
        <v>492</v>
      </c>
      <c r="EJ10" s="102">
        <v>530</v>
      </c>
      <c r="EK10" s="102">
        <v>334</v>
      </c>
      <c r="EL10" s="102">
        <v>320</v>
      </c>
      <c r="EM10" s="102">
        <v>235</v>
      </c>
      <c r="EN10" s="103">
        <v>1911</v>
      </c>
      <c r="EO10" s="104">
        <v>3139</v>
      </c>
      <c r="EP10" s="101">
        <v>1021</v>
      </c>
      <c r="EQ10" s="102">
        <v>1296</v>
      </c>
      <c r="ER10" s="103">
        <v>2317</v>
      </c>
      <c r="ES10" s="412">
        <v>0</v>
      </c>
      <c r="ET10" s="102">
        <v>1114</v>
      </c>
      <c r="EU10" s="102">
        <v>1017</v>
      </c>
      <c r="EV10" s="102">
        <v>781</v>
      </c>
      <c r="EW10" s="102">
        <v>596</v>
      </c>
      <c r="EX10" s="102">
        <v>413</v>
      </c>
      <c r="EY10" s="103">
        <v>3921</v>
      </c>
      <c r="EZ10" s="104">
        <v>6238</v>
      </c>
      <c r="FA10" s="101">
        <v>846</v>
      </c>
      <c r="FB10" s="102">
        <v>1171</v>
      </c>
      <c r="FC10" s="103">
        <v>2017</v>
      </c>
      <c r="FD10" s="412">
        <v>0</v>
      </c>
      <c r="FE10" s="102">
        <v>1188</v>
      </c>
      <c r="FF10" s="102">
        <v>1145</v>
      </c>
      <c r="FG10" s="102">
        <v>836</v>
      </c>
      <c r="FH10" s="102">
        <v>770</v>
      </c>
      <c r="FI10" s="102">
        <v>486</v>
      </c>
      <c r="FJ10" s="103">
        <v>4425</v>
      </c>
      <c r="FK10" s="104">
        <v>6442</v>
      </c>
      <c r="FL10" s="101">
        <v>383</v>
      </c>
      <c r="FM10" s="102">
        <v>680</v>
      </c>
      <c r="FN10" s="103">
        <v>1063</v>
      </c>
      <c r="FO10" s="412">
        <v>0</v>
      </c>
      <c r="FP10" s="102">
        <v>906</v>
      </c>
      <c r="FQ10" s="102">
        <v>1175</v>
      </c>
      <c r="FR10" s="102">
        <v>1152</v>
      </c>
      <c r="FS10" s="102">
        <v>1196</v>
      </c>
      <c r="FT10" s="102">
        <v>661</v>
      </c>
      <c r="FU10" s="103">
        <v>5090</v>
      </c>
      <c r="FV10" s="104">
        <v>6153</v>
      </c>
      <c r="FW10" s="101">
        <v>23</v>
      </c>
      <c r="FX10" s="102">
        <v>82</v>
      </c>
      <c r="FY10" s="103">
        <v>105</v>
      </c>
      <c r="FZ10" s="412">
        <v>0</v>
      </c>
      <c r="GA10" s="102">
        <v>43</v>
      </c>
      <c r="GB10" s="102">
        <v>85</v>
      </c>
      <c r="GC10" s="102">
        <v>53</v>
      </c>
      <c r="GD10" s="102">
        <v>51</v>
      </c>
      <c r="GE10" s="102">
        <v>59</v>
      </c>
      <c r="GF10" s="103">
        <v>291</v>
      </c>
      <c r="GG10" s="104">
        <v>396</v>
      </c>
      <c r="GH10" s="101">
        <v>3117</v>
      </c>
      <c r="GI10" s="102">
        <v>4322</v>
      </c>
      <c r="GJ10" s="103">
        <v>7439</v>
      </c>
      <c r="GK10" s="412">
        <v>0</v>
      </c>
      <c r="GL10" s="102">
        <v>3994</v>
      </c>
      <c r="GM10" s="102">
        <v>4311</v>
      </c>
      <c r="GN10" s="102">
        <v>3385</v>
      </c>
      <c r="GO10" s="102">
        <v>3137</v>
      </c>
      <c r="GP10" s="102">
        <v>1999</v>
      </c>
      <c r="GQ10" s="103">
        <v>16826</v>
      </c>
      <c r="GR10" s="104">
        <v>24265</v>
      </c>
      <c r="GS10" s="105">
        <v>4669</v>
      </c>
      <c r="GT10" s="97">
        <v>6209</v>
      </c>
      <c r="GU10" s="98">
        <v>10878</v>
      </c>
      <c r="GV10" s="412">
        <v>0</v>
      </c>
      <c r="GW10" s="97">
        <v>6298</v>
      </c>
      <c r="GX10" s="97">
        <v>6853</v>
      </c>
      <c r="GY10" s="97">
        <v>5230</v>
      </c>
      <c r="GZ10" s="97">
        <v>4612</v>
      </c>
      <c r="HA10" s="97">
        <v>2833</v>
      </c>
      <c r="HB10" s="99">
        <v>25826</v>
      </c>
      <c r="HC10" s="100">
        <v>36704</v>
      </c>
      <c r="HD10" s="101">
        <v>139</v>
      </c>
      <c r="HE10" s="102">
        <v>172</v>
      </c>
      <c r="HF10" s="103">
        <v>311</v>
      </c>
      <c r="HG10" s="415">
        <v>0</v>
      </c>
      <c r="HH10" s="102">
        <v>156</v>
      </c>
      <c r="HI10" s="102">
        <v>245</v>
      </c>
      <c r="HJ10" s="102">
        <v>166</v>
      </c>
      <c r="HK10" s="102">
        <v>156</v>
      </c>
      <c r="HL10" s="102">
        <v>108</v>
      </c>
      <c r="HM10" s="103">
        <v>831</v>
      </c>
      <c r="HN10" s="104">
        <v>1142</v>
      </c>
      <c r="HO10" s="101">
        <v>378</v>
      </c>
      <c r="HP10" s="102">
        <v>574</v>
      </c>
      <c r="HQ10" s="103">
        <v>952</v>
      </c>
      <c r="HR10" s="412">
        <v>0</v>
      </c>
      <c r="HS10" s="102">
        <v>384</v>
      </c>
      <c r="HT10" s="102">
        <v>512</v>
      </c>
      <c r="HU10" s="102">
        <v>349</v>
      </c>
      <c r="HV10" s="102">
        <v>306</v>
      </c>
      <c r="HW10" s="102">
        <v>229</v>
      </c>
      <c r="HX10" s="103">
        <v>1780</v>
      </c>
      <c r="HY10" s="104">
        <v>2732</v>
      </c>
      <c r="HZ10" s="101">
        <v>774</v>
      </c>
      <c r="IA10" s="102">
        <v>1062</v>
      </c>
      <c r="IB10" s="103">
        <v>1836</v>
      </c>
      <c r="IC10" s="412">
        <v>0</v>
      </c>
      <c r="ID10" s="102">
        <v>853</v>
      </c>
      <c r="IE10" s="102">
        <v>960</v>
      </c>
      <c r="IF10" s="102">
        <v>640</v>
      </c>
      <c r="IG10" s="102">
        <v>575</v>
      </c>
      <c r="IH10" s="102">
        <v>387</v>
      </c>
      <c r="II10" s="103">
        <v>3415</v>
      </c>
      <c r="IJ10" s="104">
        <v>5251</v>
      </c>
      <c r="IK10" s="101">
        <v>1509</v>
      </c>
      <c r="IL10" s="102">
        <v>1822</v>
      </c>
      <c r="IM10" s="103">
        <v>3331</v>
      </c>
      <c r="IN10" s="412">
        <v>0</v>
      </c>
      <c r="IO10" s="102">
        <v>1784</v>
      </c>
      <c r="IP10" s="102">
        <v>1699</v>
      </c>
      <c r="IQ10" s="102">
        <v>1266</v>
      </c>
      <c r="IR10" s="102">
        <v>971</v>
      </c>
      <c r="IS10" s="102">
        <v>630</v>
      </c>
      <c r="IT10" s="103">
        <v>6350</v>
      </c>
      <c r="IU10" s="104">
        <v>9681</v>
      </c>
      <c r="IV10" s="101">
        <v>1278</v>
      </c>
      <c r="IW10" s="102">
        <v>1644</v>
      </c>
      <c r="IX10" s="103">
        <v>2922</v>
      </c>
      <c r="IY10" s="412">
        <v>0</v>
      </c>
      <c r="IZ10" s="102">
        <v>1826</v>
      </c>
      <c r="JA10" s="102">
        <v>1824</v>
      </c>
      <c r="JB10" s="102">
        <v>1298</v>
      </c>
      <c r="JC10" s="102">
        <v>1140</v>
      </c>
      <c r="JD10" s="102">
        <v>676</v>
      </c>
      <c r="JE10" s="103">
        <v>6764</v>
      </c>
      <c r="JF10" s="104">
        <v>9686</v>
      </c>
      <c r="JG10" s="101">
        <v>591</v>
      </c>
      <c r="JH10" s="102">
        <v>935</v>
      </c>
      <c r="JI10" s="103">
        <v>1526</v>
      </c>
      <c r="JJ10" s="412">
        <v>0</v>
      </c>
      <c r="JK10" s="102">
        <v>1295</v>
      </c>
      <c r="JL10" s="102">
        <v>1613</v>
      </c>
      <c r="JM10" s="102">
        <v>1511</v>
      </c>
      <c r="JN10" s="102">
        <v>1464</v>
      </c>
      <c r="JO10" s="102">
        <v>803</v>
      </c>
      <c r="JP10" s="103">
        <v>6686</v>
      </c>
      <c r="JQ10" s="104">
        <v>8212</v>
      </c>
      <c r="JR10" s="101">
        <v>56</v>
      </c>
      <c r="JS10" s="102">
        <v>182</v>
      </c>
      <c r="JT10" s="103">
        <v>238</v>
      </c>
      <c r="JU10" s="412">
        <v>0</v>
      </c>
      <c r="JV10" s="102">
        <v>84</v>
      </c>
      <c r="JW10" s="102">
        <v>217</v>
      </c>
      <c r="JX10" s="102">
        <v>132</v>
      </c>
      <c r="JY10" s="102">
        <v>116</v>
      </c>
      <c r="JZ10" s="102">
        <v>114</v>
      </c>
      <c r="KA10" s="103">
        <v>663</v>
      </c>
      <c r="KB10" s="104">
        <v>901</v>
      </c>
      <c r="KC10" s="101">
        <v>4725</v>
      </c>
      <c r="KD10" s="102">
        <v>6391</v>
      </c>
      <c r="KE10" s="103">
        <v>11116</v>
      </c>
      <c r="KF10" s="412">
        <v>0</v>
      </c>
      <c r="KG10" s="102">
        <v>6382</v>
      </c>
      <c r="KH10" s="102">
        <v>7070</v>
      </c>
      <c r="KI10" s="102">
        <v>5362</v>
      </c>
      <c r="KJ10" s="102">
        <v>4728</v>
      </c>
      <c r="KK10" s="102">
        <v>2947</v>
      </c>
      <c r="KL10" s="103">
        <v>26489</v>
      </c>
      <c r="KM10" s="104">
        <v>37605</v>
      </c>
    </row>
    <row r="11" spans="2:299" s="70" customFormat="1" ht="21" customHeight="1" x14ac:dyDescent="0.2">
      <c r="B11" s="106" t="s">
        <v>7</v>
      </c>
      <c r="C11" s="96">
        <v>1038</v>
      </c>
      <c r="D11" s="97">
        <v>787</v>
      </c>
      <c r="E11" s="98">
        <v>1825</v>
      </c>
      <c r="F11" s="412">
        <v>0</v>
      </c>
      <c r="G11" s="97">
        <v>2346</v>
      </c>
      <c r="H11" s="97">
        <v>1525</v>
      </c>
      <c r="I11" s="97">
        <v>914</v>
      </c>
      <c r="J11" s="97">
        <v>840</v>
      </c>
      <c r="K11" s="97">
        <v>473</v>
      </c>
      <c r="L11" s="99">
        <v>6098</v>
      </c>
      <c r="M11" s="100">
        <v>7923</v>
      </c>
      <c r="N11" s="101">
        <v>44</v>
      </c>
      <c r="O11" s="102">
        <v>27</v>
      </c>
      <c r="P11" s="103">
        <v>71</v>
      </c>
      <c r="Q11" s="412">
        <v>0</v>
      </c>
      <c r="R11" s="102">
        <v>91</v>
      </c>
      <c r="S11" s="102">
        <v>65</v>
      </c>
      <c r="T11" s="102">
        <v>25</v>
      </c>
      <c r="U11" s="102">
        <v>40</v>
      </c>
      <c r="V11" s="102">
        <v>34</v>
      </c>
      <c r="W11" s="103">
        <v>255</v>
      </c>
      <c r="X11" s="104">
        <v>326</v>
      </c>
      <c r="Y11" s="101">
        <v>65</v>
      </c>
      <c r="Z11" s="102">
        <v>77</v>
      </c>
      <c r="AA11" s="103">
        <v>142</v>
      </c>
      <c r="AB11" s="412">
        <v>0</v>
      </c>
      <c r="AC11" s="102">
        <v>214</v>
      </c>
      <c r="AD11" s="102">
        <v>152</v>
      </c>
      <c r="AE11" s="102">
        <v>86</v>
      </c>
      <c r="AF11" s="102">
        <v>89</v>
      </c>
      <c r="AG11" s="102">
        <v>59</v>
      </c>
      <c r="AH11" s="103">
        <v>600</v>
      </c>
      <c r="AI11" s="104">
        <v>742</v>
      </c>
      <c r="AJ11" s="101">
        <v>147</v>
      </c>
      <c r="AK11" s="102">
        <v>125</v>
      </c>
      <c r="AL11" s="103">
        <v>272</v>
      </c>
      <c r="AM11" s="412">
        <v>0</v>
      </c>
      <c r="AN11" s="102">
        <v>387</v>
      </c>
      <c r="AO11" s="102">
        <v>250</v>
      </c>
      <c r="AP11" s="102">
        <v>150</v>
      </c>
      <c r="AQ11" s="102">
        <v>128</v>
      </c>
      <c r="AR11" s="102">
        <v>93</v>
      </c>
      <c r="AS11" s="103">
        <v>1008</v>
      </c>
      <c r="AT11" s="104">
        <v>1280</v>
      </c>
      <c r="AU11" s="101">
        <v>300</v>
      </c>
      <c r="AV11" s="102">
        <v>206</v>
      </c>
      <c r="AW11" s="103">
        <v>506</v>
      </c>
      <c r="AX11" s="412">
        <v>0</v>
      </c>
      <c r="AY11" s="102">
        <v>614</v>
      </c>
      <c r="AZ11" s="102">
        <v>366</v>
      </c>
      <c r="BA11" s="102">
        <v>235</v>
      </c>
      <c r="BB11" s="102">
        <v>202</v>
      </c>
      <c r="BC11" s="102">
        <v>113</v>
      </c>
      <c r="BD11" s="103">
        <v>1530</v>
      </c>
      <c r="BE11" s="104">
        <v>2036</v>
      </c>
      <c r="BF11" s="101">
        <v>301</v>
      </c>
      <c r="BG11" s="102">
        <v>213</v>
      </c>
      <c r="BH11" s="103">
        <v>514</v>
      </c>
      <c r="BI11" s="412">
        <v>0</v>
      </c>
      <c r="BJ11" s="102">
        <v>621</v>
      </c>
      <c r="BK11" s="102">
        <v>382</v>
      </c>
      <c r="BL11" s="102">
        <v>225</v>
      </c>
      <c r="BM11" s="102">
        <v>224</v>
      </c>
      <c r="BN11" s="102">
        <v>102</v>
      </c>
      <c r="BO11" s="103">
        <v>1554</v>
      </c>
      <c r="BP11" s="104">
        <v>2068</v>
      </c>
      <c r="BQ11" s="101">
        <v>181</v>
      </c>
      <c r="BR11" s="102">
        <v>139</v>
      </c>
      <c r="BS11" s="103">
        <v>320</v>
      </c>
      <c r="BT11" s="412">
        <v>0</v>
      </c>
      <c r="BU11" s="102">
        <v>419</v>
      </c>
      <c r="BV11" s="102">
        <v>310</v>
      </c>
      <c r="BW11" s="102">
        <v>193</v>
      </c>
      <c r="BX11" s="102">
        <v>157</v>
      </c>
      <c r="BY11" s="102">
        <v>72</v>
      </c>
      <c r="BZ11" s="103">
        <v>1151</v>
      </c>
      <c r="CA11" s="104">
        <v>1471</v>
      </c>
      <c r="CB11" s="101">
        <v>20</v>
      </c>
      <c r="CC11" s="102">
        <v>24</v>
      </c>
      <c r="CD11" s="103">
        <v>44</v>
      </c>
      <c r="CE11" s="412">
        <v>0</v>
      </c>
      <c r="CF11" s="102">
        <v>66</v>
      </c>
      <c r="CG11" s="102">
        <v>62</v>
      </c>
      <c r="CH11" s="102">
        <v>32</v>
      </c>
      <c r="CI11" s="102">
        <v>34</v>
      </c>
      <c r="CJ11" s="102">
        <v>25</v>
      </c>
      <c r="CK11" s="103">
        <v>219</v>
      </c>
      <c r="CL11" s="104">
        <v>263</v>
      </c>
      <c r="CM11" s="101">
        <v>1058</v>
      </c>
      <c r="CN11" s="102">
        <v>811</v>
      </c>
      <c r="CO11" s="103">
        <v>1869</v>
      </c>
      <c r="CP11" s="412">
        <v>0</v>
      </c>
      <c r="CQ11" s="102">
        <v>2412</v>
      </c>
      <c r="CR11" s="102">
        <v>1587</v>
      </c>
      <c r="CS11" s="102">
        <v>946</v>
      </c>
      <c r="CT11" s="102">
        <v>874</v>
      </c>
      <c r="CU11" s="102">
        <v>498</v>
      </c>
      <c r="CV11" s="103">
        <v>6317</v>
      </c>
      <c r="CW11" s="104">
        <v>8186</v>
      </c>
      <c r="CX11" s="105">
        <v>1961</v>
      </c>
      <c r="CY11" s="97">
        <v>2188</v>
      </c>
      <c r="CZ11" s="98">
        <v>4149</v>
      </c>
      <c r="DA11" s="412">
        <v>0</v>
      </c>
      <c r="DB11" s="97">
        <v>4292</v>
      </c>
      <c r="DC11" s="97">
        <v>2606</v>
      </c>
      <c r="DD11" s="97">
        <v>2030</v>
      </c>
      <c r="DE11" s="97">
        <v>2034</v>
      </c>
      <c r="DF11" s="97">
        <v>1183</v>
      </c>
      <c r="DG11" s="99">
        <v>12145</v>
      </c>
      <c r="DH11" s="100">
        <v>16294</v>
      </c>
      <c r="DI11" s="101">
        <v>25</v>
      </c>
      <c r="DJ11" s="102">
        <v>41</v>
      </c>
      <c r="DK11" s="103">
        <v>66</v>
      </c>
      <c r="DL11" s="412">
        <v>0</v>
      </c>
      <c r="DM11" s="102">
        <v>90</v>
      </c>
      <c r="DN11" s="102">
        <v>51</v>
      </c>
      <c r="DO11" s="102">
        <v>38</v>
      </c>
      <c r="DP11" s="102">
        <v>30</v>
      </c>
      <c r="DQ11" s="102">
        <v>36</v>
      </c>
      <c r="DR11" s="103">
        <v>245</v>
      </c>
      <c r="DS11" s="104">
        <v>311</v>
      </c>
      <c r="DT11" s="101">
        <v>126</v>
      </c>
      <c r="DU11" s="102">
        <v>108</v>
      </c>
      <c r="DV11" s="103">
        <v>234</v>
      </c>
      <c r="DW11" s="412">
        <v>0</v>
      </c>
      <c r="DX11" s="102">
        <v>210</v>
      </c>
      <c r="DY11" s="102">
        <v>122</v>
      </c>
      <c r="DZ11" s="102">
        <v>78</v>
      </c>
      <c r="EA11" s="102">
        <v>98</v>
      </c>
      <c r="EB11" s="102">
        <v>50</v>
      </c>
      <c r="EC11" s="103">
        <v>558</v>
      </c>
      <c r="ED11" s="104">
        <v>792</v>
      </c>
      <c r="EE11" s="101">
        <v>295</v>
      </c>
      <c r="EF11" s="102">
        <v>314</v>
      </c>
      <c r="EG11" s="103">
        <v>609</v>
      </c>
      <c r="EH11" s="412">
        <v>0</v>
      </c>
      <c r="EI11" s="102">
        <v>519</v>
      </c>
      <c r="EJ11" s="102">
        <v>262</v>
      </c>
      <c r="EK11" s="102">
        <v>178</v>
      </c>
      <c r="EL11" s="102">
        <v>191</v>
      </c>
      <c r="EM11" s="102">
        <v>127</v>
      </c>
      <c r="EN11" s="103">
        <v>1277</v>
      </c>
      <c r="EO11" s="104">
        <v>1886</v>
      </c>
      <c r="EP11" s="101">
        <v>568</v>
      </c>
      <c r="EQ11" s="102">
        <v>635</v>
      </c>
      <c r="ER11" s="103">
        <v>1203</v>
      </c>
      <c r="ES11" s="412">
        <v>0</v>
      </c>
      <c r="ET11" s="102">
        <v>998</v>
      </c>
      <c r="EU11" s="102">
        <v>572</v>
      </c>
      <c r="EV11" s="102">
        <v>364</v>
      </c>
      <c r="EW11" s="102">
        <v>366</v>
      </c>
      <c r="EX11" s="102">
        <v>232</v>
      </c>
      <c r="EY11" s="103">
        <v>2532</v>
      </c>
      <c r="EZ11" s="104">
        <v>3735</v>
      </c>
      <c r="FA11" s="101">
        <v>620</v>
      </c>
      <c r="FB11" s="102">
        <v>675</v>
      </c>
      <c r="FC11" s="103">
        <v>1295</v>
      </c>
      <c r="FD11" s="412">
        <v>0</v>
      </c>
      <c r="FE11" s="102">
        <v>1273</v>
      </c>
      <c r="FF11" s="102">
        <v>730</v>
      </c>
      <c r="FG11" s="102">
        <v>525</v>
      </c>
      <c r="FH11" s="102">
        <v>496</v>
      </c>
      <c r="FI11" s="102">
        <v>286</v>
      </c>
      <c r="FJ11" s="103">
        <v>3310</v>
      </c>
      <c r="FK11" s="104">
        <v>4605</v>
      </c>
      <c r="FL11" s="101">
        <v>327</v>
      </c>
      <c r="FM11" s="102">
        <v>415</v>
      </c>
      <c r="FN11" s="103">
        <v>742</v>
      </c>
      <c r="FO11" s="412">
        <v>0</v>
      </c>
      <c r="FP11" s="102">
        <v>1202</v>
      </c>
      <c r="FQ11" s="102">
        <v>869</v>
      </c>
      <c r="FR11" s="102">
        <v>847</v>
      </c>
      <c r="FS11" s="102">
        <v>853</v>
      </c>
      <c r="FT11" s="102">
        <v>452</v>
      </c>
      <c r="FU11" s="103">
        <v>4223</v>
      </c>
      <c r="FV11" s="104">
        <v>4965</v>
      </c>
      <c r="FW11" s="101">
        <v>11</v>
      </c>
      <c r="FX11" s="102">
        <v>23</v>
      </c>
      <c r="FY11" s="103">
        <v>34</v>
      </c>
      <c r="FZ11" s="412">
        <v>0</v>
      </c>
      <c r="GA11" s="102">
        <v>66</v>
      </c>
      <c r="GB11" s="102">
        <v>49</v>
      </c>
      <c r="GC11" s="102">
        <v>30</v>
      </c>
      <c r="GD11" s="102">
        <v>35</v>
      </c>
      <c r="GE11" s="102">
        <v>17</v>
      </c>
      <c r="GF11" s="103">
        <v>197</v>
      </c>
      <c r="GG11" s="104">
        <v>231</v>
      </c>
      <c r="GH11" s="101">
        <v>1972</v>
      </c>
      <c r="GI11" s="102">
        <v>2211</v>
      </c>
      <c r="GJ11" s="103">
        <v>4183</v>
      </c>
      <c r="GK11" s="412">
        <v>0</v>
      </c>
      <c r="GL11" s="102">
        <v>4358</v>
      </c>
      <c r="GM11" s="102">
        <v>2655</v>
      </c>
      <c r="GN11" s="102">
        <v>2060</v>
      </c>
      <c r="GO11" s="102">
        <v>2069</v>
      </c>
      <c r="GP11" s="102">
        <v>1200</v>
      </c>
      <c r="GQ11" s="103">
        <v>12342</v>
      </c>
      <c r="GR11" s="104">
        <v>16525</v>
      </c>
      <c r="GS11" s="105">
        <v>2999</v>
      </c>
      <c r="GT11" s="97">
        <v>2975</v>
      </c>
      <c r="GU11" s="98">
        <v>5974</v>
      </c>
      <c r="GV11" s="412">
        <v>0</v>
      </c>
      <c r="GW11" s="97">
        <v>6638</v>
      </c>
      <c r="GX11" s="97">
        <v>4131</v>
      </c>
      <c r="GY11" s="97">
        <v>2944</v>
      </c>
      <c r="GZ11" s="97">
        <v>2874</v>
      </c>
      <c r="HA11" s="97">
        <v>1656</v>
      </c>
      <c r="HB11" s="99">
        <v>18243</v>
      </c>
      <c r="HC11" s="100">
        <v>24217</v>
      </c>
      <c r="HD11" s="101">
        <v>69</v>
      </c>
      <c r="HE11" s="102">
        <v>68</v>
      </c>
      <c r="HF11" s="103">
        <v>137</v>
      </c>
      <c r="HG11" s="415">
        <v>0</v>
      </c>
      <c r="HH11" s="102">
        <v>181</v>
      </c>
      <c r="HI11" s="102">
        <v>116</v>
      </c>
      <c r="HJ11" s="102">
        <v>63</v>
      </c>
      <c r="HK11" s="102">
        <v>70</v>
      </c>
      <c r="HL11" s="102">
        <v>70</v>
      </c>
      <c r="HM11" s="103">
        <v>500</v>
      </c>
      <c r="HN11" s="104">
        <v>637</v>
      </c>
      <c r="HO11" s="101">
        <v>191</v>
      </c>
      <c r="HP11" s="102">
        <v>185</v>
      </c>
      <c r="HQ11" s="103">
        <v>376</v>
      </c>
      <c r="HR11" s="412">
        <v>0</v>
      </c>
      <c r="HS11" s="102">
        <v>424</v>
      </c>
      <c r="HT11" s="102">
        <v>274</v>
      </c>
      <c r="HU11" s="102">
        <v>164</v>
      </c>
      <c r="HV11" s="102">
        <v>187</v>
      </c>
      <c r="HW11" s="102">
        <v>109</v>
      </c>
      <c r="HX11" s="103">
        <v>1158</v>
      </c>
      <c r="HY11" s="104">
        <v>1534</v>
      </c>
      <c r="HZ11" s="101">
        <v>442</v>
      </c>
      <c r="IA11" s="102">
        <v>439</v>
      </c>
      <c r="IB11" s="103">
        <v>881</v>
      </c>
      <c r="IC11" s="412">
        <v>0</v>
      </c>
      <c r="ID11" s="102">
        <v>906</v>
      </c>
      <c r="IE11" s="102">
        <v>512</v>
      </c>
      <c r="IF11" s="102">
        <v>328</v>
      </c>
      <c r="IG11" s="102">
        <v>319</v>
      </c>
      <c r="IH11" s="102">
        <v>220</v>
      </c>
      <c r="II11" s="103">
        <v>2285</v>
      </c>
      <c r="IJ11" s="104">
        <v>3166</v>
      </c>
      <c r="IK11" s="101">
        <v>868</v>
      </c>
      <c r="IL11" s="102">
        <v>841</v>
      </c>
      <c r="IM11" s="103">
        <v>1709</v>
      </c>
      <c r="IN11" s="412">
        <v>0</v>
      </c>
      <c r="IO11" s="102">
        <v>1612</v>
      </c>
      <c r="IP11" s="102">
        <v>938</v>
      </c>
      <c r="IQ11" s="102">
        <v>599</v>
      </c>
      <c r="IR11" s="102">
        <v>568</v>
      </c>
      <c r="IS11" s="102">
        <v>345</v>
      </c>
      <c r="IT11" s="103">
        <v>4062</v>
      </c>
      <c r="IU11" s="104">
        <v>5771</v>
      </c>
      <c r="IV11" s="101">
        <v>921</v>
      </c>
      <c r="IW11" s="102">
        <v>888</v>
      </c>
      <c r="IX11" s="103">
        <v>1809</v>
      </c>
      <c r="IY11" s="412">
        <v>0</v>
      </c>
      <c r="IZ11" s="102">
        <v>1894</v>
      </c>
      <c r="JA11" s="102">
        <v>1112</v>
      </c>
      <c r="JB11" s="102">
        <v>750</v>
      </c>
      <c r="JC11" s="102">
        <v>720</v>
      </c>
      <c r="JD11" s="102">
        <v>388</v>
      </c>
      <c r="JE11" s="103">
        <v>4864</v>
      </c>
      <c r="JF11" s="104">
        <v>6673</v>
      </c>
      <c r="JG11" s="101">
        <v>508</v>
      </c>
      <c r="JH11" s="102">
        <v>554</v>
      </c>
      <c r="JI11" s="103">
        <v>1062</v>
      </c>
      <c r="JJ11" s="412">
        <v>0</v>
      </c>
      <c r="JK11" s="102">
        <v>1621</v>
      </c>
      <c r="JL11" s="102">
        <v>1179</v>
      </c>
      <c r="JM11" s="102">
        <v>1040</v>
      </c>
      <c r="JN11" s="102">
        <v>1010</v>
      </c>
      <c r="JO11" s="102">
        <v>524</v>
      </c>
      <c r="JP11" s="103">
        <v>5374</v>
      </c>
      <c r="JQ11" s="104">
        <v>6436</v>
      </c>
      <c r="JR11" s="101">
        <v>31</v>
      </c>
      <c r="JS11" s="102">
        <v>47</v>
      </c>
      <c r="JT11" s="103">
        <v>78</v>
      </c>
      <c r="JU11" s="412">
        <v>0</v>
      </c>
      <c r="JV11" s="102">
        <v>132</v>
      </c>
      <c r="JW11" s="102">
        <v>111</v>
      </c>
      <c r="JX11" s="102">
        <v>62</v>
      </c>
      <c r="JY11" s="102">
        <v>69</v>
      </c>
      <c r="JZ11" s="102">
        <v>42</v>
      </c>
      <c r="KA11" s="103">
        <v>416</v>
      </c>
      <c r="KB11" s="104">
        <v>494</v>
      </c>
      <c r="KC11" s="101">
        <v>3030</v>
      </c>
      <c r="KD11" s="102">
        <v>3022</v>
      </c>
      <c r="KE11" s="103">
        <v>6052</v>
      </c>
      <c r="KF11" s="412">
        <v>0</v>
      </c>
      <c r="KG11" s="102">
        <v>6770</v>
      </c>
      <c r="KH11" s="102">
        <v>4242</v>
      </c>
      <c r="KI11" s="102">
        <v>3006</v>
      </c>
      <c r="KJ11" s="102">
        <v>2943</v>
      </c>
      <c r="KK11" s="102">
        <v>1698</v>
      </c>
      <c r="KL11" s="103">
        <v>18659</v>
      </c>
      <c r="KM11" s="104">
        <v>24711</v>
      </c>
    </row>
    <row r="12" spans="2:299" s="70" customFormat="1" ht="21" customHeight="1" x14ac:dyDescent="0.2">
      <c r="B12" s="106" t="s">
        <v>8</v>
      </c>
      <c r="C12" s="96">
        <v>570</v>
      </c>
      <c r="D12" s="97">
        <v>394</v>
      </c>
      <c r="E12" s="98">
        <v>964</v>
      </c>
      <c r="F12" s="412">
        <v>0</v>
      </c>
      <c r="G12" s="97">
        <v>1033</v>
      </c>
      <c r="H12" s="97">
        <v>917</v>
      </c>
      <c r="I12" s="97">
        <v>640</v>
      </c>
      <c r="J12" s="97">
        <v>503</v>
      </c>
      <c r="K12" s="97">
        <v>288</v>
      </c>
      <c r="L12" s="99">
        <v>3381</v>
      </c>
      <c r="M12" s="100">
        <v>4345</v>
      </c>
      <c r="N12" s="101">
        <v>15</v>
      </c>
      <c r="O12" s="102">
        <v>28</v>
      </c>
      <c r="P12" s="103">
        <v>43</v>
      </c>
      <c r="Q12" s="412">
        <v>0</v>
      </c>
      <c r="R12" s="102">
        <v>53</v>
      </c>
      <c r="S12" s="102">
        <v>48</v>
      </c>
      <c r="T12" s="102">
        <v>29</v>
      </c>
      <c r="U12" s="102">
        <v>29</v>
      </c>
      <c r="V12" s="102">
        <v>18</v>
      </c>
      <c r="W12" s="103">
        <v>177</v>
      </c>
      <c r="X12" s="104">
        <v>220</v>
      </c>
      <c r="Y12" s="101">
        <v>49</v>
      </c>
      <c r="Z12" s="102">
        <v>43</v>
      </c>
      <c r="AA12" s="103">
        <v>92</v>
      </c>
      <c r="AB12" s="412">
        <v>0</v>
      </c>
      <c r="AC12" s="102">
        <v>103</v>
      </c>
      <c r="AD12" s="102">
        <v>93</v>
      </c>
      <c r="AE12" s="102">
        <v>56</v>
      </c>
      <c r="AF12" s="102">
        <v>66</v>
      </c>
      <c r="AG12" s="102">
        <v>45</v>
      </c>
      <c r="AH12" s="103">
        <v>363</v>
      </c>
      <c r="AI12" s="104">
        <v>455</v>
      </c>
      <c r="AJ12" s="101">
        <v>94</v>
      </c>
      <c r="AK12" s="102">
        <v>71</v>
      </c>
      <c r="AL12" s="103">
        <v>165</v>
      </c>
      <c r="AM12" s="412">
        <v>0</v>
      </c>
      <c r="AN12" s="102">
        <v>184</v>
      </c>
      <c r="AO12" s="102">
        <v>168</v>
      </c>
      <c r="AP12" s="102">
        <v>101</v>
      </c>
      <c r="AQ12" s="102">
        <v>75</v>
      </c>
      <c r="AR12" s="102">
        <v>48</v>
      </c>
      <c r="AS12" s="103">
        <v>576</v>
      </c>
      <c r="AT12" s="104">
        <v>741</v>
      </c>
      <c r="AU12" s="101">
        <v>153</v>
      </c>
      <c r="AV12" s="102">
        <v>89</v>
      </c>
      <c r="AW12" s="103">
        <v>242</v>
      </c>
      <c r="AX12" s="412">
        <v>0</v>
      </c>
      <c r="AY12" s="102">
        <v>270</v>
      </c>
      <c r="AZ12" s="102">
        <v>241</v>
      </c>
      <c r="BA12" s="102">
        <v>149</v>
      </c>
      <c r="BB12" s="102">
        <v>132</v>
      </c>
      <c r="BC12" s="102">
        <v>76</v>
      </c>
      <c r="BD12" s="103">
        <v>868</v>
      </c>
      <c r="BE12" s="104">
        <v>1110</v>
      </c>
      <c r="BF12" s="101">
        <v>153</v>
      </c>
      <c r="BG12" s="102">
        <v>93</v>
      </c>
      <c r="BH12" s="103">
        <v>246</v>
      </c>
      <c r="BI12" s="412">
        <v>0</v>
      </c>
      <c r="BJ12" s="102">
        <v>260</v>
      </c>
      <c r="BK12" s="102">
        <v>210</v>
      </c>
      <c r="BL12" s="102">
        <v>164</v>
      </c>
      <c r="BM12" s="102">
        <v>95</v>
      </c>
      <c r="BN12" s="102">
        <v>57</v>
      </c>
      <c r="BO12" s="103">
        <v>786</v>
      </c>
      <c r="BP12" s="104">
        <v>1032</v>
      </c>
      <c r="BQ12" s="101">
        <v>106</v>
      </c>
      <c r="BR12" s="102">
        <v>70</v>
      </c>
      <c r="BS12" s="103">
        <v>176</v>
      </c>
      <c r="BT12" s="412">
        <v>0</v>
      </c>
      <c r="BU12" s="102">
        <v>163</v>
      </c>
      <c r="BV12" s="102">
        <v>157</v>
      </c>
      <c r="BW12" s="102">
        <v>141</v>
      </c>
      <c r="BX12" s="102">
        <v>106</v>
      </c>
      <c r="BY12" s="102">
        <v>44</v>
      </c>
      <c r="BZ12" s="103">
        <v>611</v>
      </c>
      <c r="CA12" s="104">
        <v>787</v>
      </c>
      <c r="CB12" s="101">
        <v>17</v>
      </c>
      <c r="CC12" s="102">
        <v>19</v>
      </c>
      <c r="CD12" s="103">
        <v>36</v>
      </c>
      <c r="CE12" s="412">
        <v>0</v>
      </c>
      <c r="CF12" s="102">
        <v>31</v>
      </c>
      <c r="CG12" s="102">
        <v>48</v>
      </c>
      <c r="CH12" s="102">
        <v>24</v>
      </c>
      <c r="CI12" s="102">
        <v>22</v>
      </c>
      <c r="CJ12" s="102">
        <v>14</v>
      </c>
      <c r="CK12" s="103">
        <v>139</v>
      </c>
      <c r="CL12" s="104">
        <v>175</v>
      </c>
      <c r="CM12" s="101">
        <v>587</v>
      </c>
      <c r="CN12" s="102">
        <v>413</v>
      </c>
      <c r="CO12" s="103">
        <v>1000</v>
      </c>
      <c r="CP12" s="412">
        <v>0</v>
      </c>
      <c r="CQ12" s="102">
        <v>1064</v>
      </c>
      <c r="CR12" s="102">
        <v>965</v>
      </c>
      <c r="CS12" s="102">
        <v>664</v>
      </c>
      <c r="CT12" s="102">
        <v>525</v>
      </c>
      <c r="CU12" s="102">
        <v>302</v>
      </c>
      <c r="CV12" s="103">
        <v>3520</v>
      </c>
      <c r="CW12" s="104">
        <v>4520</v>
      </c>
      <c r="CX12" s="105">
        <v>1131</v>
      </c>
      <c r="CY12" s="97">
        <v>967</v>
      </c>
      <c r="CZ12" s="98">
        <v>2098</v>
      </c>
      <c r="DA12" s="412">
        <v>0</v>
      </c>
      <c r="DB12" s="97">
        <v>1765</v>
      </c>
      <c r="DC12" s="97">
        <v>1621</v>
      </c>
      <c r="DD12" s="97">
        <v>1304</v>
      </c>
      <c r="DE12" s="97">
        <v>1138</v>
      </c>
      <c r="DF12" s="97">
        <v>684</v>
      </c>
      <c r="DG12" s="99">
        <v>6512</v>
      </c>
      <c r="DH12" s="100">
        <v>8610</v>
      </c>
      <c r="DI12" s="101">
        <v>33</v>
      </c>
      <c r="DJ12" s="102">
        <v>23</v>
      </c>
      <c r="DK12" s="103">
        <v>56</v>
      </c>
      <c r="DL12" s="412">
        <v>0</v>
      </c>
      <c r="DM12" s="102">
        <v>45</v>
      </c>
      <c r="DN12" s="102">
        <v>35</v>
      </c>
      <c r="DO12" s="102">
        <v>11</v>
      </c>
      <c r="DP12" s="102">
        <v>28</v>
      </c>
      <c r="DQ12" s="102">
        <v>18</v>
      </c>
      <c r="DR12" s="103">
        <v>137</v>
      </c>
      <c r="DS12" s="104">
        <v>193</v>
      </c>
      <c r="DT12" s="101">
        <v>79</v>
      </c>
      <c r="DU12" s="102">
        <v>61</v>
      </c>
      <c r="DV12" s="103">
        <v>140</v>
      </c>
      <c r="DW12" s="412">
        <v>0</v>
      </c>
      <c r="DX12" s="102">
        <v>94</v>
      </c>
      <c r="DY12" s="102">
        <v>79</v>
      </c>
      <c r="DZ12" s="102">
        <v>52</v>
      </c>
      <c r="EA12" s="102">
        <v>56</v>
      </c>
      <c r="EB12" s="102">
        <v>39</v>
      </c>
      <c r="EC12" s="103">
        <v>320</v>
      </c>
      <c r="ED12" s="104">
        <v>460</v>
      </c>
      <c r="EE12" s="101">
        <v>155</v>
      </c>
      <c r="EF12" s="102">
        <v>152</v>
      </c>
      <c r="EG12" s="103">
        <v>307</v>
      </c>
      <c r="EH12" s="412">
        <v>0</v>
      </c>
      <c r="EI12" s="102">
        <v>209</v>
      </c>
      <c r="EJ12" s="102">
        <v>152</v>
      </c>
      <c r="EK12" s="102">
        <v>115</v>
      </c>
      <c r="EL12" s="102">
        <v>107</v>
      </c>
      <c r="EM12" s="102">
        <v>63</v>
      </c>
      <c r="EN12" s="103">
        <v>646</v>
      </c>
      <c r="EO12" s="104">
        <v>953</v>
      </c>
      <c r="EP12" s="101">
        <v>359</v>
      </c>
      <c r="EQ12" s="102">
        <v>263</v>
      </c>
      <c r="ER12" s="103">
        <v>622</v>
      </c>
      <c r="ES12" s="412">
        <v>0</v>
      </c>
      <c r="ET12" s="102">
        <v>463</v>
      </c>
      <c r="EU12" s="102">
        <v>345</v>
      </c>
      <c r="EV12" s="102">
        <v>238</v>
      </c>
      <c r="EW12" s="102">
        <v>217</v>
      </c>
      <c r="EX12" s="102">
        <v>140</v>
      </c>
      <c r="EY12" s="103">
        <v>1403</v>
      </c>
      <c r="EZ12" s="104">
        <v>2025</v>
      </c>
      <c r="FA12" s="101">
        <v>330</v>
      </c>
      <c r="FB12" s="102">
        <v>271</v>
      </c>
      <c r="FC12" s="103">
        <v>601</v>
      </c>
      <c r="FD12" s="412">
        <v>0</v>
      </c>
      <c r="FE12" s="102">
        <v>514</v>
      </c>
      <c r="FF12" s="102">
        <v>465</v>
      </c>
      <c r="FG12" s="102">
        <v>378</v>
      </c>
      <c r="FH12" s="102">
        <v>270</v>
      </c>
      <c r="FI12" s="102">
        <v>172</v>
      </c>
      <c r="FJ12" s="103">
        <v>1799</v>
      </c>
      <c r="FK12" s="104">
        <v>2400</v>
      </c>
      <c r="FL12" s="101">
        <v>175</v>
      </c>
      <c r="FM12" s="102">
        <v>197</v>
      </c>
      <c r="FN12" s="103">
        <v>372</v>
      </c>
      <c r="FO12" s="412">
        <v>0</v>
      </c>
      <c r="FP12" s="102">
        <v>440</v>
      </c>
      <c r="FQ12" s="102">
        <v>545</v>
      </c>
      <c r="FR12" s="102">
        <v>510</v>
      </c>
      <c r="FS12" s="102">
        <v>460</v>
      </c>
      <c r="FT12" s="102">
        <v>252</v>
      </c>
      <c r="FU12" s="103">
        <v>2207</v>
      </c>
      <c r="FV12" s="104">
        <v>2579</v>
      </c>
      <c r="FW12" s="101">
        <v>7</v>
      </c>
      <c r="FX12" s="102">
        <v>16</v>
      </c>
      <c r="FY12" s="103">
        <v>23</v>
      </c>
      <c r="FZ12" s="412">
        <v>0</v>
      </c>
      <c r="GA12" s="102">
        <v>29</v>
      </c>
      <c r="GB12" s="102">
        <v>40</v>
      </c>
      <c r="GC12" s="102">
        <v>16</v>
      </c>
      <c r="GD12" s="102">
        <v>16</v>
      </c>
      <c r="GE12" s="102">
        <v>12</v>
      </c>
      <c r="GF12" s="103">
        <v>113</v>
      </c>
      <c r="GG12" s="104">
        <v>136</v>
      </c>
      <c r="GH12" s="101">
        <v>1138</v>
      </c>
      <c r="GI12" s="102">
        <v>983</v>
      </c>
      <c r="GJ12" s="103">
        <v>2121</v>
      </c>
      <c r="GK12" s="412">
        <v>0</v>
      </c>
      <c r="GL12" s="102">
        <v>1794</v>
      </c>
      <c r="GM12" s="102">
        <v>1661</v>
      </c>
      <c r="GN12" s="102">
        <v>1320</v>
      </c>
      <c r="GO12" s="102">
        <v>1154</v>
      </c>
      <c r="GP12" s="102">
        <v>696</v>
      </c>
      <c r="GQ12" s="103">
        <v>6625</v>
      </c>
      <c r="GR12" s="104">
        <v>8746</v>
      </c>
      <c r="GS12" s="105">
        <v>1701</v>
      </c>
      <c r="GT12" s="97">
        <v>1361</v>
      </c>
      <c r="GU12" s="98">
        <v>3062</v>
      </c>
      <c r="GV12" s="412">
        <v>0</v>
      </c>
      <c r="GW12" s="97">
        <v>2798</v>
      </c>
      <c r="GX12" s="97">
        <v>2538</v>
      </c>
      <c r="GY12" s="97">
        <v>1944</v>
      </c>
      <c r="GZ12" s="97">
        <v>1641</v>
      </c>
      <c r="HA12" s="97">
        <v>972</v>
      </c>
      <c r="HB12" s="99">
        <v>9893</v>
      </c>
      <c r="HC12" s="100">
        <v>12955</v>
      </c>
      <c r="HD12" s="101">
        <v>48</v>
      </c>
      <c r="HE12" s="102">
        <v>51</v>
      </c>
      <c r="HF12" s="103">
        <v>99</v>
      </c>
      <c r="HG12" s="415">
        <v>0</v>
      </c>
      <c r="HH12" s="102">
        <v>98</v>
      </c>
      <c r="HI12" s="102">
        <v>83</v>
      </c>
      <c r="HJ12" s="102">
        <v>40</v>
      </c>
      <c r="HK12" s="102">
        <v>57</v>
      </c>
      <c r="HL12" s="102">
        <v>36</v>
      </c>
      <c r="HM12" s="103">
        <v>314</v>
      </c>
      <c r="HN12" s="104">
        <v>413</v>
      </c>
      <c r="HO12" s="101">
        <v>128</v>
      </c>
      <c r="HP12" s="102">
        <v>104</v>
      </c>
      <c r="HQ12" s="103">
        <v>232</v>
      </c>
      <c r="HR12" s="412">
        <v>0</v>
      </c>
      <c r="HS12" s="102">
        <v>197</v>
      </c>
      <c r="HT12" s="102">
        <v>172</v>
      </c>
      <c r="HU12" s="102">
        <v>108</v>
      </c>
      <c r="HV12" s="102">
        <v>122</v>
      </c>
      <c r="HW12" s="102">
        <v>84</v>
      </c>
      <c r="HX12" s="103">
        <v>683</v>
      </c>
      <c r="HY12" s="104">
        <v>915</v>
      </c>
      <c r="HZ12" s="101">
        <v>249</v>
      </c>
      <c r="IA12" s="102">
        <v>223</v>
      </c>
      <c r="IB12" s="103">
        <v>472</v>
      </c>
      <c r="IC12" s="412">
        <v>0</v>
      </c>
      <c r="ID12" s="102">
        <v>393</v>
      </c>
      <c r="IE12" s="102">
        <v>320</v>
      </c>
      <c r="IF12" s="102">
        <v>216</v>
      </c>
      <c r="IG12" s="102">
        <v>182</v>
      </c>
      <c r="IH12" s="102">
        <v>111</v>
      </c>
      <c r="II12" s="103">
        <v>1222</v>
      </c>
      <c r="IJ12" s="104">
        <v>1694</v>
      </c>
      <c r="IK12" s="101">
        <v>512</v>
      </c>
      <c r="IL12" s="102">
        <v>352</v>
      </c>
      <c r="IM12" s="103">
        <v>864</v>
      </c>
      <c r="IN12" s="412">
        <v>0</v>
      </c>
      <c r="IO12" s="102">
        <v>733</v>
      </c>
      <c r="IP12" s="102">
        <v>586</v>
      </c>
      <c r="IQ12" s="102">
        <v>387</v>
      </c>
      <c r="IR12" s="102">
        <v>349</v>
      </c>
      <c r="IS12" s="102">
        <v>216</v>
      </c>
      <c r="IT12" s="103">
        <v>2271</v>
      </c>
      <c r="IU12" s="104">
        <v>3135</v>
      </c>
      <c r="IV12" s="101">
        <v>483</v>
      </c>
      <c r="IW12" s="102">
        <v>364</v>
      </c>
      <c r="IX12" s="103">
        <v>847</v>
      </c>
      <c r="IY12" s="412">
        <v>0</v>
      </c>
      <c r="IZ12" s="102">
        <v>774</v>
      </c>
      <c r="JA12" s="102">
        <v>675</v>
      </c>
      <c r="JB12" s="102">
        <v>542</v>
      </c>
      <c r="JC12" s="102">
        <v>365</v>
      </c>
      <c r="JD12" s="102">
        <v>229</v>
      </c>
      <c r="JE12" s="103">
        <v>2585</v>
      </c>
      <c r="JF12" s="104">
        <v>3432</v>
      </c>
      <c r="JG12" s="101">
        <v>281</v>
      </c>
      <c r="JH12" s="102">
        <v>267</v>
      </c>
      <c r="JI12" s="103">
        <v>548</v>
      </c>
      <c r="JJ12" s="412">
        <v>0</v>
      </c>
      <c r="JK12" s="102">
        <v>603</v>
      </c>
      <c r="JL12" s="102">
        <v>702</v>
      </c>
      <c r="JM12" s="102">
        <v>651</v>
      </c>
      <c r="JN12" s="102">
        <v>566</v>
      </c>
      <c r="JO12" s="102">
        <v>296</v>
      </c>
      <c r="JP12" s="103">
        <v>2818</v>
      </c>
      <c r="JQ12" s="104">
        <v>3366</v>
      </c>
      <c r="JR12" s="101">
        <v>24</v>
      </c>
      <c r="JS12" s="102">
        <v>35</v>
      </c>
      <c r="JT12" s="103">
        <v>59</v>
      </c>
      <c r="JU12" s="412">
        <v>0</v>
      </c>
      <c r="JV12" s="102">
        <v>60</v>
      </c>
      <c r="JW12" s="102">
        <v>88</v>
      </c>
      <c r="JX12" s="102">
        <v>40</v>
      </c>
      <c r="JY12" s="102">
        <v>38</v>
      </c>
      <c r="JZ12" s="102">
        <v>26</v>
      </c>
      <c r="KA12" s="103">
        <v>252</v>
      </c>
      <c r="KB12" s="104">
        <v>311</v>
      </c>
      <c r="KC12" s="101">
        <v>1725</v>
      </c>
      <c r="KD12" s="102">
        <v>1396</v>
      </c>
      <c r="KE12" s="103">
        <v>3121</v>
      </c>
      <c r="KF12" s="412">
        <v>0</v>
      </c>
      <c r="KG12" s="102">
        <v>2858</v>
      </c>
      <c r="KH12" s="102">
        <v>2626</v>
      </c>
      <c r="KI12" s="102">
        <v>1984</v>
      </c>
      <c r="KJ12" s="102">
        <v>1679</v>
      </c>
      <c r="KK12" s="102">
        <v>998</v>
      </c>
      <c r="KL12" s="103">
        <v>10145</v>
      </c>
      <c r="KM12" s="104">
        <v>13266</v>
      </c>
    </row>
    <row r="13" spans="2:299" s="70" customFormat="1" ht="21" customHeight="1" x14ac:dyDescent="0.2">
      <c r="B13" s="106" t="s">
        <v>9</v>
      </c>
      <c r="C13" s="96">
        <v>711</v>
      </c>
      <c r="D13" s="97">
        <v>383</v>
      </c>
      <c r="E13" s="98">
        <v>1094</v>
      </c>
      <c r="F13" s="412">
        <v>0</v>
      </c>
      <c r="G13" s="97">
        <v>888</v>
      </c>
      <c r="H13" s="97">
        <v>580</v>
      </c>
      <c r="I13" s="97">
        <v>471</v>
      </c>
      <c r="J13" s="97">
        <v>375</v>
      </c>
      <c r="K13" s="97">
        <v>237</v>
      </c>
      <c r="L13" s="99">
        <v>2551</v>
      </c>
      <c r="M13" s="100">
        <v>3645</v>
      </c>
      <c r="N13" s="101">
        <v>17</v>
      </c>
      <c r="O13" s="102">
        <v>17</v>
      </c>
      <c r="P13" s="103">
        <v>34</v>
      </c>
      <c r="Q13" s="412">
        <v>0</v>
      </c>
      <c r="R13" s="102">
        <v>22</v>
      </c>
      <c r="S13" s="102">
        <v>24</v>
      </c>
      <c r="T13" s="102">
        <v>14</v>
      </c>
      <c r="U13" s="102">
        <v>14</v>
      </c>
      <c r="V13" s="102">
        <v>12</v>
      </c>
      <c r="W13" s="103">
        <v>86</v>
      </c>
      <c r="X13" s="104">
        <v>120</v>
      </c>
      <c r="Y13" s="101">
        <v>38</v>
      </c>
      <c r="Z13" s="102">
        <v>28</v>
      </c>
      <c r="AA13" s="103">
        <v>66</v>
      </c>
      <c r="AB13" s="412">
        <v>0</v>
      </c>
      <c r="AC13" s="102">
        <v>54</v>
      </c>
      <c r="AD13" s="102">
        <v>37</v>
      </c>
      <c r="AE13" s="102">
        <v>30</v>
      </c>
      <c r="AF13" s="102">
        <v>22</v>
      </c>
      <c r="AG13" s="102">
        <v>25</v>
      </c>
      <c r="AH13" s="103">
        <v>168</v>
      </c>
      <c r="AI13" s="104">
        <v>234</v>
      </c>
      <c r="AJ13" s="101">
        <v>85</v>
      </c>
      <c r="AK13" s="102">
        <v>47</v>
      </c>
      <c r="AL13" s="103">
        <v>132</v>
      </c>
      <c r="AM13" s="412">
        <v>0</v>
      </c>
      <c r="AN13" s="102">
        <v>92</v>
      </c>
      <c r="AO13" s="102">
        <v>73</v>
      </c>
      <c r="AP13" s="102">
        <v>75</v>
      </c>
      <c r="AQ13" s="102">
        <v>51</v>
      </c>
      <c r="AR13" s="102">
        <v>30</v>
      </c>
      <c r="AS13" s="103">
        <v>321</v>
      </c>
      <c r="AT13" s="104">
        <v>453</v>
      </c>
      <c r="AU13" s="101">
        <v>173</v>
      </c>
      <c r="AV13" s="102">
        <v>89</v>
      </c>
      <c r="AW13" s="103">
        <v>262</v>
      </c>
      <c r="AX13" s="412">
        <v>0</v>
      </c>
      <c r="AY13" s="102">
        <v>222</v>
      </c>
      <c r="AZ13" s="102">
        <v>116</v>
      </c>
      <c r="BA13" s="102">
        <v>88</v>
      </c>
      <c r="BB13" s="102">
        <v>55</v>
      </c>
      <c r="BC13" s="102">
        <v>54</v>
      </c>
      <c r="BD13" s="103">
        <v>535</v>
      </c>
      <c r="BE13" s="104">
        <v>797</v>
      </c>
      <c r="BF13" s="101">
        <v>235</v>
      </c>
      <c r="BG13" s="102">
        <v>122</v>
      </c>
      <c r="BH13" s="103">
        <v>357</v>
      </c>
      <c r="BI13" s="412">
        <v>0</v>
      </c>
      <c r="BJ13" s="102">
        <v>257</v>
      </c>
      <c r="BK13" s="102">
        <v>139</v>
      </c>
      <c r="BL13" s="102">
        <v>121</v>
      </c>
      <c r="BM13" s="102">
        <v>103</v>
      </c>
      <c r="BN13" s="102">
        <v>63</v>
      </c>
      <c r="BO13" s="103">
        <v>683</v>
      </c>
      <c r="BP13" s="104">
        <v>1040</v>
      </c>
      <c r="BQ13" s="101">
        <v>163</v>
      </c>
      <c r="BR13" s="102">
        <v>80</v>
      </c>
      <c r="BS13" s="103">
        <v>243</v>
      </c>
      <c r="BT13" s="412">
        <v>0</v>
      </c>
      <c r="BU13" s="102">
        <v>241</v>
      </c>
      <c r="BV13" s="102">
        <v>191</v>
      </c>
      <c r="BW13" s="102">
        <v>143</v>
      </c>
      <c r="BX13" s="102">
        <v>130</v>
      </c>
      <c r="BY13" s="102">
        <v>53</v>
      </c>
      <c r="BZ13" s="103">
        <v>758</v>
      </c>
      <c r="CA13" s="104">
        <v>1001</v>
      </c>
      <c r="CB13" s="101">
        <v>4</v>
      </c>
      <c r="CC13" s="102">
        <v>15</v>
      </c>
      <c r="CD13" s="103">
        <v>19</v>
      </c>
      <c r="CE13" s="412">
        <v>0</v>
      </c>
      <c r="CF13" s="102">
        <v>32</v>
      </c>
      <c r="CG13" s="102">
        <v>25</v>
      </c>
      <c r="CH13" s="102">
        <v>12</v>
      </c>
      <c r="CI13" s="102">
        <v>17</v>
      </c>
      <c r="CJ13" s="102">
        <v>14</v>
      </c>
      <c r="CK13" s="103">
        <v>100</v>
      </c>
      <c r="CL13" s="104">
        <v>119</v>
      </c>
      <c r="CM13" s="101">
        <v>715</v>
      </c>
      <c r="CN13" s="102">
        <v>398</v>
      </c>
      <c r="CO13" s="103">
        <v>1113</v>
      </c>
      <c r="CP13" s="412">
        <v>0</v>
      </c>
      <c r="CQ13" s="102">
        <v>920</v>
      </c>
      <c r="CR13" s="102">
        <v>605</v>
      </c>
      <c r="CS13" s="102">
        <v>483</v>
      </c>
      <c r="CT13" s="102">
        <v>392</v>
      </c>
      <c r="CU13" s="102">
        <v>251</v>
      </c>
      <c r="CV13" s="103">
        <v>2651</v>
      </c>
      <c r="CW13" s="104">
        <v>3764</v>
      </c>
      <c r="CX13" s="105">
        <v>1446</v>
      </c>
      <c r="CY13" s="97">
        <v>1030</v>
      </c>
      <c r="CZ13" s="98">
        <v>2476</v>
      </c>
      <c r="DA13" s="412">
        <v>0</v>
      </c>
      <c r="DB13" s="97">
        <v>1696</v>
      </c>
      <c r="DC13" s="97">
        <v>1159</v>
      </c>
      <c r="DD13" s="97">
        <v>980</v>
      </c>
      <c r="DE13" s="97">
        <v>1026</v>
      </c>
      <c r="DF13" s="97">
        <v>780</v>
      </c>
      <c r="DG13" s="99">
        <v>5641</v>
      </c>
      <c r="DH13" s="100">
        <v>8117</v>
      </c>
      <c r="DI13" s="101">
        <v>31</v>
      </c>
      <c r="DJ13" s="102">
        <v>22</v>
      </c>
      <c r="DK13" s="103">
        <v>53</v>
      </c>
      <c r="DL13" s="412">
        <v>0</v>
      </c>
      <c r="DM13" s="102">
        <v>15</v>
      </c>
      <c r="DN13" s="102">
        <v>18</v>
      </c>
      <c r="DO13" s="102">
        <v>14</v>
      </c>
      <c r="DP13" s="102">
        <v>10</v>
      </c>
      <c r="DQ13" s="102">
        <v>10</v>
      </c>
      <c r="DR13" s="103">
        <v>67</v>
      </c>
      <c r="DS13" s="104">
        <v>120</v>
      </c>
      <c r="DT13" s="101">
        <v>61</v>
      </c>
      <c r="DU13" s="102">
        <v>54</v>
      </c>
      <c r="DV13" s="103">
        <v>115</v>
      </c>
      <c r="DW13" s="412">
        <v>0</v>
      </c>
      <c r="DX13" s="102">
        <v>55</v>
      </c>
      <c r="DY13" s="102">
        <v>27</v>
      </c>
      <c r="DZ13" s="102">
        <v>33</v>
      </c>
      <c r="EA13" s="102">
        <v>24</v>
      </c>
      <c r="EB13" s="102">
        <v>28</v>
      </c>
      <c r="EC13" s="103">
        <v>167</v>
      </c>
      <c r="ED13" s="104">
        <v>282</v>
      </c>
      <c r="EE13" s="101">
        <v>197</v>
      </c>
      <c r="EF13" s="102">
        <v>133</v>
      </c>
      <c r="EG13" s="103">
        <v>330</v>
      </c>
      <c r="EH13" s="412">
        <v>0</v>
      </c>
      <c r="EI13" s="102">
        <v>174</v>
      </c>
      <c r="EJ13" s="102">
        <v>104</v>
      </c>
      <c r="EK13" s="102">
        <v>67</v>
      </c>
      <c r="EL13" s="102">
        <v>58</v>
      </c>
      <c r="EM13" s="102">
        <v>72</v>
      </c>
      <c r="EN13" s="103">
        <v>475</v>
      </c>
      <c r="EO13" s="104">
        <v>805</v>
      </c>
      <c r="EP13" s="101">
        <v>389</v>
      </c>
      <c r="EQ13" s="102">
        <v>270</v>
      </c>
      <c r="ER13" s="103">
        <v>659</v>
      </c>
      <c r="ES13" s="412">
        <v>0</v>
      </c>
      <c r="ET13" s="102">
        <v>381</v>
      </c>
      <c r="EU13" s="102">
        <v>211</v>
      </c>
      <c r="EV13" s="102">
        <v>154</v>
      </c>
      <c r="EW13" s="102">
        <v>153</v>
      </c>
      <c r="EX13" s="102">
        <v>124</v>
      </c>
      <c r="EY13" s="103">
        <v>1023</v>
      </c>
      <c r="EZ13" s="104">
        <v>1682</v>
      </c>
      <c r="FA13" s="101">
        <v>475</v>
      </c>
      <c r="FB13" s="102">
        <v>308</v>
      </c>
      <c r="FC13" s="103">
        <v>783</v>
      </c>
      <c r="FD13" s="412">
        <v>0</v>
      </c>
      <c r="FE13" s="102">
        <v>487</v>
      </c>
      <c r="FF13" s="102">
        <v>317</v>
      </c>
      <c r="FG13" s="102">
        <v>251</v>
      </c>
      <c r="FH13" s="102">
        <v>267</v>
      </c>
      <c r="FI13" s="102">
        <v>171</v>
      </c>
      <c r="FJ13" s="103">
        <v>1493</v>
      </c>
      <c r="FK13" s="104">
        <v>2276</v>
      </c>
      <c r="FL13" s="101">
        <v>293</v>
      </c>
      <c r="FM13" s="102">
        <v>243</v>
      </c>
      <c r="FN13" s="103">
        <v>536</v>
      </c>
      <c r="FO13" s="412">
        <v>0</v>
      </c>
      <c r="FP13" s="102">
        <v>584</v>
      </c>
      <c r="FQ13" s="102">
        <v>482</v>
      </c>
      <c r="FR13" s="102">
        <v>461</v>
      </c>
      <c r="FS13" s="102">
        <v>514</v>
      </c>
      <c r="FT13" s="102">
        <v>375</v>
      </c>
      <c r="FU13" s="103">
        <v>2416</v>
      </c>
      <c r="FV13" s="104">
        <v>2952</v>
      </c>
      <c r="FW13" s="101">
        <v>2</v>
      </c>
      <c r="FX13" s="102">
        <v>18</v>
      </c>
      <c r="FY13" s="103">
        <v>20</v>
      </c>
      <c r="FZ13" s="412">
        <v>0</v>
      </c>
      <c r="GA13" s="102">
        <v>20</v>
      </c>
      <c r="GB13" s="102">
        <v>18</v>
      </c>
      <c r="GC13" s="102">
        <v>9</v>
      </c>
      <c r="GD13" s="102">
        <v>13</v>
      </c>
      <c r="GE13" s="102">
        <v>10</v>
      </c>
      <c r="GF13" s="103">
        <v>70</v>
      </c>
      <c r="GG13" s="104">
        <v>90</v>
      </c>
      <c r="GH13" s="101">
        <v>1448</v>
      </c>
      <c r="GI13" s="102">
        <v>1048</v>
      </c>
      <c r="GJ13" s="103">
        <v>2496</v>
      </c>
      <c r="GK13" s="412">
        <v>0</v>
      </c>
      <c r="GL13" s="102">
        <v>1716</v>
      </c>
      <c r="GM13" s="102">
        <v>1177</v>
      </c>
      <c r="GN13" s="102">
        <v>989</v>
      </c>
      <c r="GO13" s="102">
        <v>1039</v>
      </c>
      <c r="GP13" s="102">
        <v>790</v>
      </c>
      <c r="GQ13" s="103">
        <v>5711</v>
      </c>
      <c r="GR13" s="104">
        <v>8207</v>
      </c>
      <c r="GS13" s="105">
        <v>2157</v>
      </c>
      <c r="GT13" s="97">
        <v>1413</v>
      </c>
      <c r="GU13" s="98">
        <v>3570</v>
      </c>
      <c r="GV13" s="412">
        <v>0</v>
      </c>
      <c r="GW13" s="97">
        <v>2584</v>
      </c>
      <c r="GX13" s="97">
        <v>1739</v>
      </c>
      <c r="GY13" s="97">
        <v>1451</v>
      </c>
      <c r="GZ13" s="97">
        <v>1401</v>
      </c>
      <c r="HA13" s="97">
        <v>1017</v>
      </c>
      <c r="HB13" s="99">
        <v>8192</v>
      </c>
      <c r="HC13" s="100">
        <v>11762</v>
      </c>
      <c r="HD13" s="101">
        <v>48</v>
      </c>
      <c r="HE13" s="102">
        <v>39</v>
      </c>
      <c r="HF13" s="103">
        <v>87</v>
      </c>
      <c r="HG13" s="415">
        <v>0</v>
      </c>
      <c r="HH13" s="102">
        <v>37</v>
      </c>
      <c r="HI13" s="102">
        <v>42</v>
      </c>
      <c r="HJ13" s="102">
        <v>28</v>
      </c>
      <c r="HK13" s="102">
        <v>24</v>
      </c>
      <c r="HL13" s="102">
        <v>22</v>
      </c>
      <c r="HM13" s="103">
        <v>153</v>
      </c>
      <c r="HN13" s="104">
        <v>240</v>
      </c>
      <c r="HO13" s="101">
        <v>99</v>
      </c>
      <c r="HP13" s="102">
        <v>82</v>
      </c>
      <c r="HQ13" s="103">
        <v>181</v>
      </c>
      <c r="HR13" s="412">
        <v>0</v>
      </c>
      <c r="HS13" s="102">
        <v>109</v>
      </c>
      <c r="HT13" s="102">
        <v>64</v>
      </c>
      <c r="HU13" s="102">
        <v>63</v>
      </c>
      <c r="HV13" s="102">
        <v>46</v>
      </c>
      <c r="HW13" s="102">
        <v>53</v>
      </c>
      <c r="HX13" s="103">
        <v>335</v>
      </c>
      <c r="HY13" s="104">
        <v>516</v>
      </c>
      <c r="HZ13" s="101">
        <v>282</v>
      </c>
      <c r="IA13" s="102">
        <v>180</v>
      </c>
      <c r="IB13" s="103">
        <v>462</v>
      </c>
      <c r="IC13" s="412">
        <v>0</v>
      </c>
      <c r="ID13" s="102">
        <v>266</v>
      </c>
      <c r="IE13" s="102">
        <v>177</v>
      </c>
      <c r="IF13" s="102">
        <v>142</v>
      </c>
      <c r="IG13" s="102">
        <v>109</v>
      </c>
      <c r="IH13" s="102">
        <v>102</v>
      </c>
      <c r="II13" s="103">
        <v>796</v>
      </c>
      <c r="IJ13" s="104">
        <v>1258</v>
      </c>
      <c r="IK13" s="101">
        <v>562</v>
      </c>
      <c r="IL13" s="102">
        <v>359</v>
      </c>
      <c r="IM13" s="103">
        <v>921</v>
      </c>
      <c r="IN13" s="412">
        <v>0</v>
      </c>
      <c r="IO13" s="102">
        <v>603</v>
      </c>
      <c r="IP13" s="102">
        <v>327</v>
      </c>
      <c r="IQ13" s="102">
        <v>242</v>
      </c>
      <c r="IR13" s="102">
        <v>208</v>
      </c>
      <c r="IS13" s="102">
        <v>178</v>
      </c>
      <c r="IT13" s="103">
        <v>1558</v>
      </c>
      <c r="IU13" s="104">
        <v>2479</v>
      </c>
      <c r="IV13" s="101">
        <v>710</v>
      </c>
      <c r="IW13" s="102">
        <v>430</v>
      </c>
      <c r="IX13" s="103">
        <v>1140</v>
      </c>
      <c r="IY13" s="412">
        <v>0</v>
      </c>
      <c r="IZ13" s="102">
        <v>744</v>
      </c>
      <c r="JA13" s="102">
        <v>456</v>
      </c>
      <c r="JB13" s="102">
        <v>372</v>
      </c>
      <c r="JC13" s="102">
        <v>370</v>
      </c>
      <c r="JD13" s="102">
        <v>234</v>
      </c>
      <c r="JE13" s="103">
        <v>2176</v>
      </c>
      <c r="JF13" s="104">
        <v>3316</v>
      </c>
      <c r="JG13" s="101">
        <v>456</v>
      </c>
      <c r="JH13" s="102">
        <v>323</v>
      </c>
      <c r="JI13" s="103">
        <v>779</v>
      </c>
      <c r="JJ13" s="412">
        <v>0</v>
      </c>
      <c r="JK13" s="102">
        <v>825</v>
      </c>
      <c r="JL13" s="102">
        <v>673</v>
      </c>
      <c r="JM13" s="102">
        <v>604</v>
      </c>
      <c r="JN13" s="102">
        <v>644</v>
      </c>
      <c r="JO13" s="102">
        <v>428</v>
      </c>
      <c r="JP13" s="103">
        <v>3174</v>
      </c>
      <c r="JQ13" s="104">
        <v>3953</v>
      </c>
      <c r="JR13" s="101">
        <v>6</v>
      </c>
      <c r="JS13" s="102">
        <v>33</v>
      </c>
      <c r="JT13" s="103">
        <v>39</v>
      </c>
      <c r="JU13" s="412">
        <v>0</v>
      </c>
      <c r="JV13" s="102">
        <v>52</v>
      </c>
      <c r="JW13" s="102">
        <v>43</v>
      </c>
      <c r="JX13" s="102">
        <v>21</v>
      </c>
      <c r="JY13" s="102">
        <v>30</v>
      </c>
      <c r="JZ13" s="102">
        <v>24</v>
      </c>
      <c r="KA13" s="103">
        <v>170</v>
      </c>
      <c r="KB13" s="104">
        <v>209</v>
      </c>
      <c r="KC13" s="101">
        <v>2163</v>
      </c>
      <c r="KD13" s="102">
        <v>1446</v>
      </c>
      <c r="KE13" s="103">
        <v>3609</v>
      </c>
      <c r="KF13" s="412">
        <v>0</v>
      </c>
      <c r="KG13" s="102">
        <v>2636</v>
      </c>
      <c r="KH13" s="102">
        <v>1782</v>
      </c>
      <c r="KI13" s="102">
        <v>1472</v>
      </c>
      <c r="KJ13" s="102">
        <v>1431</v>
      </c>
      <c r="KK13" s="102">
        <v>1041</v>
      </c>
      <c r="KL13" s="103">
        <v>8362</v>
      </c>
      <c r="KM13" s="104">
        <v>11971</v>
      </c>
    </row>
    <row r="14" spans="2:299" s="70" customFormat="1" ht="21" customHeight="1" x14ac:dyDescent="0.2">
      <c r="B14" s="106" t="s">
        <v>10</v>
      </c>
      <c r="C14" s="96">
        <v>1542</v>
      </c>
      <c r="D14" s="97">
        <v>974</v>
      </c>
      <c r="E14" s="98">
        <v>2516</v>
      </c>
      <c r="F14" s="412">
        <v>0</v>
      </c>
      <c r="G14" s="97">
        <v>1785</v>
      </c>
      <c r="H14" s="97">
        <v>1027</v>
      </c>
      <c r="I14" s="97">
        <v>723</v>
      </c>
      <c r="J14" s="97">
        <v>656</v>
      </c>
      <c r="K14" s="97">
        <v>455</v>
      </c>
      <c r="L14" s="99">
        <v>4646</v>
      </c>
      <c r="M14" s="100">
        <v>7162</v>
      </c>
      <c r="N14" s="101">
        <v>63</v>
      </c>
      <c r="O14" s="102">
        <v>53</v>
      </c>
      <c r="P14" s="103">
        <v>116</v>
      </c>
      <c r="Q14" s="412">
        <v>0</v>
      </c>
      <c r="R14" s="102">
        <v>73</v>
      </c>
      <c r="S14" s="102">
        <v>52</v>
      </c>
      <c r="T14" s="102">
        <v>29</v>
      </c>
      <c r="U14" s="102">
        <v>42</v>
      </c>
      <c r="V14" s="102">
        <v>27</v>
      </c>
      <c r="W14" s="103">
        <v>223</v>
      </c>
      <c r="X14" s="104">
        <v>339</v>
      </c>
      <c r="Y14" s="101">
        <v>129</v>
      </c>
      <c r="Z14" s="102">
        <v>82</v>
      </c>
      <c r="AA14" s="103">
        <v>211</v>
      </c>
      <c r="AB14" s="412">
        <v>0</v>
      </c>
      <c r="AC14" s="102">
        <v>160</v>
      </c>
      <c r="AD14" s="102">
        <v>121</v>
      </c>
      <c r="AE14" s="102">
        <v>72</v>
      </c>
      <c r="AF14" s="102">
        <v>54</v>
      </c>
      <c r="AG14" s="102">
        <v>67</v>
      </c>
      <c r="AH14" s="103">
        <v>474</v>
      </c>
      <c r="AI14" s="104">
        <v>685</v>
      </c>
      <c r="AJ14" s="101">
        <v>233</v>
      </c>
      <c r="AK14" s="102">
        <v>164</v>
      </c>
      <c r="AL14" s="103">
        <v>397</v>
      </c>
      <c r="AM14" s="412">
        <v>0</v>
      </c>
      <c r="AN14" s="102">
        <v>292</v>
      </c>
      <c r="AO14" s="102">
        <v>154</v>
      </c>
      <c r="AP14" s="102">
        <v>110</v>
      </c>
      <c r="AQ14" s="102">
        <v>119</v>
      </c>
      <c r="AR14" s="102">
        <v>79</v>
      </c>
      <c r="AS14" s="103">
        <v>754</v>
      </c>
      <c r="AT14" s="104">
        <v>1151</v>
      </c>
      <c r="AU14" s="101">
        <v>395</v>
      </c>
      <c r="AV14" s="102">
        <v>243</v>
      </c>
      <c r="AW14" s="103">
        <v>638</v>
      </c>
      <c r="AX14" s="412">
        <v>0</v>
      </c>
      <c r="AY14" s="102">
        <v>456</v>
      </c>
      <c r="AZ14" s="102">
        <v>238</v>
      </c>
      <c r="BA14" s="102">
        <v>150</v>
      </c>
      <c r="BB14" s="102">
        <v>147</v>
      </c>
      <c r="BC14" s="102">
        <v>107</v>
      </c>
      <c r="BD14" s="103">
        <v>1098</v>
      </c>
      <c r="BE14" s="104">
        <v>1736</v>
      </c>
      <c r="BF14" s="101">
        <v>449</v>
      </c>
      <c r="BG14" s="102">
        <v>257</v>
      </c>
      <c r="BH14" s="103">
        <v>706</v>
      </c>
      <c r="BI14" s="412">
        <v>0</v>
      </c>
      <c r="BJ14" s="102">
        <v>470</v>
      </c>
      <c r="BK14" s="102">
        <v>254</v>
      </c>
      <c r="BL14" s="102">
        <v>178</v>
      </c>
      <c r="BM14" s="102">
        <v>154</v>
      </c>
      <c r="BN14" s="102">
        <v>92</v>
      </c>
      <c r="BO14" s="103">
        <v>1148</v>
      </c>
      <c r="BP14" s="104">
        <v>1854</v>
      </c>
      <c r="BQ14" s="101">
        <v>273</v>
      </c>
      <c r="BR14" s="102">
        <v>175</v>
      </c>
      <c r="BS14" s="103">
        <v>448</v>
      </c>
      <c r="BT14" s="412">
        <v>0</v>
      </c>
      <c r="BU14" s="102">
        <v>334</v>
      </c>
      <c r="BV14" s="102">
        <v>208</v>
      </c>
      <c r="BW14" s="102">
        <v>184</v>
      </c>
      <c r="BX14" s="102">
        <v>140</v>
      </c>
      <c r="BY14" s="102">
        <v>83</v>
      </c>
      <c r="BZ14" s="103">
        <v>949</v>
      </c>
      <c r="CA14" s="104">
        <v>1397</v>
      </c>
      <c r="CB14" s="101">
        <v>48</v>
      </c>
      <c r="CC14" s="102">
        <v>31</v>
      </c>
      <c r="CD14" s="103">
        <v>79</v>
      </c>
      <c r="CE14" s="412">
        <v>0</v>
      </c>
      <c r="CF14" s="102">
        <v>74</v>
      </c>
      <c r="CG14" s="102">
        <v>52</v>
      </c>
      <c r="CH14" s="102">
        <v>37</v>
      </c>
      <c r="CI14" s="102">
        <v>35</v>
      </c>
      <c r="CJ14" s="102">
        <v>37</v>
      </c>
      <c r="CK14" s="103">
        <v>235</v>
      </c>
      <c r="CL14" s="104">
        <v>314</v>
      </c>
      <c r="CM14" s="101">
        <v>1590</v>
      </c>
      <c r="CN14" s="102">
        <v>1005</v>
      </c>
      <c r="CO14" s="103">
        <v>2595</v>
      </c>
      <c r="CP14" s="412">
        <v>0</v>
      </c>
      <c r="CQ14" s="102">
        <v>1859</v>
      </c>
      <c r="CR14" s="102">
        <v>1079</v>
      </c>
      <c r="CS14" s="102">
        <v>760</v>
      </c>
      <c r="CT14" s="102">
        <v>691</v>
      </c>
      <c r="CU14" s="102">
        <v>492</v>
      </c>
      <c r="CV14" s="103">
        <v>4881</v>
      </c>
      <c r="CW14" s="104">
        <v>7476</v>
      </c>
      <c r="CX14" s="105">
        <v>3172</v>
      </c>
      <c r="CY14" s="97">
        <v>2257</v>
      </c>
      <c r="CZ14" s="98">
        <v>5429</v>
      </c>
      <c r="DA14" s="412">
        <v>0</v>
      </c>
      <c r="DB14" s="97">
        <v>3370</v>
      </c>
      <c r="DC14" s="97">
        <v>1816</v>
      </c>
      <c r="DD14" s="97">
        <v>1455</v>
      </c>
      <c r="DE14" s="97">
        <v>1607</v>
      </c>
      <c r="DF14" s="97">
        <v>1190</v>
      </c>
      <c r="DG14" s="99">
        <v>9438</v>
      </c>
      <c r="DH14" s="100">
        <v>14867</v>
      </c>
      <c r="DI14" s="101">
        <v>58</v>
      </c>
      <c r="DJ14" s="102">
        <v>58</v>
      </c>
      <c r="DK14" s="103">
        <v>116</v>
      </c>
      <c r="DL14" s="412">
        <v>0</v>
      </c>
      <c r="DM14" s="102">
        <v>72</v>
      </c>
      <c r="DN14" s="102">
        <v>33</v>
      </c>
      <c r="DO14" s="102">
        <v>21</v>
      </c>
      <c r="DP14" s="102">
        <v>27</v>
      </c>
      <c r="DQ14" s="102">
        <v>25</v>
      </c>
      <c r="DR14" s="103">
        <v>178</v>
      </c>
      <c r="DS14" s="104">
        <v>294</v>
      </c>
      <c r="DT14" s="101">
        <v>190</v>
      </c>
      <c r="DU14" s="102">
        <v>120</v>
      </c>
      <c r="DV14" s="103">
        <v>310</v>
      </c>
      <c r="DW14" s="412">
        <v>0</v>
      </c>
      <c r="DX14" s="102">
        <v>178</v>
      </c>
      <c r="DY14" s="102">
        <v>90</v>
      </c>
      <c r="DZ14" s="102">
        <v>54</v>
      </c>
      <c r="EA14" s="102">
        <v>50</v>
      </c>
      <c r="EB14" s="102">
        <v>43</v>
      </c>
      <c r="EC14" s="103">
        <v>415</v>
      </c>
      <c r="ED14" s="104">
        <v>725</v>
      </c>
      <c r="EE14" s="101">
        <v>454</v>
      </c>
      <c r="EF14" s="102">
        <v>277</v>
      </c>
      <c r="EG14" s="103">
        <v>731</v>
      </c>
      <c r="EH14" s="412">
        <v>0</v>
      </c>
      <c r="EI14" s="102">
        <v>378</v>
      </c>
      <c r="EJ14" s="102">
        <v>193</v>
      </c>
      <c r="EK14" s="102">
        <v>113</v>
      </c>
      <c r="EL14" s="102">
        <v>138</v>
      </c>
      <c r="EM14" s="102">
        <v>99</v>
      </c>
      <c r="EN14" s="103">
        <v>921</v>
      </c>
      <c r="EO14" s="104">
        <v>1652</v>
      </c>
      <c r="EP14" s="101">
        <v>962</v>
      </c>
      <c r="EQ14" s="102">
        <v>601</v>
      </c>
      <c r="ER14" s="103">
        <v>1563</v>
      </c>
      <c r="ES14" s="412">
        <v>0</v>
      </c>
      <c r="ET14" s="102">
        <v>779</v>
      </c>
      <c r="EU14" s="102">
        <v>363</v>
      </c>
      <c r="EV14" s="102">
        <v>259</v>
      </c>
      <c r="EW14" s="102">
        <v>258</v>
      </c>
      <c r="EX14" s="102">
        <v>223</v>
      </c>
      <c r="EY14" s="103">
        <v>1882</v>
      </c>
      <c r="EZ14" s="104">
        <v>3445</v>
      </c>
      <c r="FA14" s="101">
        <v>967</v>
      </c>
      <c r="FB14" s="102">
        <v>680</v>
      </c>
      <c r="FC14" s="103">
        <v>1647</v>
      </c>
      <c r="FD14" s="412">
        <v>0</v>
      </c>
      <c r="FE14" s="102">
        <v>986</v>
      </c>
      <c r="FF14" s="102">
        <v>455</v>
      </c>
      <c r="FG14" s="102">
        <v>394</v>
      </c>
      <c r="FH14" s="102">
        <v>373</v>
      </c>
      <c r="FI14" s="102">
        <v>319</v>
      </c>
      <c r="FJ14" s="103">
        <v>2527</v>
      </c>
      <c r="FK14" s="104">
        <v>4174</v>
      </c>
      <c r="FL14" s="101">
        <v>541</v>
      </c>
      <c r="FM14" s="102">
        <v>521</v>
      </c>
      <c r="FN14" s="103">
        <v>1062</v>
      </c>
      <c r="FO14" s="412">
        <v>0</v>
      </c>
      <c r="FP14" s="102">
        <v>977</v>
      </c>
      <c r="FQ14" s="102">
        <v>682</v>
      </c>
      <c r="FR14" s="102">
        <v>614</v>
      </c>
      <c r="FS14" s="102">
        <v>761</v>
      </c>
      <c r="FT14" s="102">
        <v>481</v>
      </c>
      <c r="FU14" s="103">
        <v>3515</v>
      </c>
      <c r="FV14" s="104">
        <v>4577</v>
      </c>
      <c r="FW14" s="101">
        <v>27</v>
      </c>
      <c r="FX14" s="102">
        <v>44</v>
      </c>
      <c r="FY14" s="103">
        <v>71</v>
      </c>
      <c r="FZ14" s="412">
        <v>0</v>
      </c>
      <c r="GA14" s="102">
        <v>55</v>
      </c>
      <c r="GB14" s="102">
        <v>47</v>
      </c>
      <c r="GC14" s="102">
        <v>29</v>
      </c>
      <c r="GD14" s="102">
        <v>24</v>
      </c>
      <c r="GE14" s="102">
        <v>25</v>
      </c>
      <c r="GF14" s="103">
        <v>180</v>
      </c>
      <c r="GG14" s="104">
        <v>251</v>
      </c>
      <c r="GH14" s="101">
        <v>3199</v>
      </c>
      <c r="GI14" s="102">
        <v>2301</v>
      </c>
      <c r="GJ14" s="103">
        <v>5500</v>
      </c>
      <c r="GK14" s="412">
        <v>0</v>
      </c>
      <c r="GL14" s="102">
        <v>3425</v>
      </c>
      <c r="GM14" s="102">
        <v>1863</v>
      </c>
      <c r="GN14" s="102">
        <v>1484</v>
      </c>
      <c r="GO14" s="102">
        <v>1631</v>
      </c>
      <c r="GP14" s="102">
        <v>1215</v>
      </c>
      <c r="GQ14" s="103">
        <v>9618</v>
      </c>
      <c r="GR14" s="104">
        <v>15118</v>
      </c>
      <c r="GS14" s="105">
        <v>4714</v>
      </c>
      <c r="GT14" s="97">
        <v>3231</v>
      </c>
      <c r="GU14" s="98">
        <v>7945</v>
      </c>
      <c r="GV14" s="412">
        <v>0</v>
      </c>
      <c r="GW14" s="97">
        <v>5155</v>
      </c>
      <c r="GX14" s="97">
        <v>2843</v>
      </c>
      <c r="GY14" s="97">
        <v>2178</v>
      </c>
      <c r="GZ14" s="97">
        <v>2263</v>
      </c>
      <c r="HA14" s="97">
        <v>1645</v>
      </c>
      <c r="HB14" s="99">
        <v>14084</v>
      </c>
      <c r="HC14" s="100">
        <v>22029</v>
      </c>
      <c r="HD14" s="101">
        <v>121</v>
      </c>
      <c r="HE14" s="102">
        <v>111</v>
      </c>
      <c r="HF14" s="103">
        <v>232</v>
      </c>
      <c r="HG14" s="415">
        <v>0</v>
      </c>
      <c r="HH14" s="102">
        <v>145</v>
      </c>
      <c r="HI14" s="102">
        <v>85</v>
      </c>
      <c r="HJ14" s="102">
        <v>50</v>
      </c>
      <c r="HK14" s="102">
        <v>69</v>
      </c>
      <c r="HL14" s="102">
        <v>52</v>
      </c>
      <c r="HM14" s="103">
        <v>401</v>
      </c>
      <c r="HN14" s="104">
        <v>633</v>
      </c>
      <c r="HO14" s="101">
        <v>319</v>
      </c>
      <c r="HP14" s="102">
        <v>202</v>
      </c>
      <c r="HQ14" s="103">
        <v>521</v>
      </c>
      <c r="HR14" s="412">
        <v>0</v>
      </c>
      <c r="HS14" s="102">
        <v>338</v>
      </c>
      <c r="HT14" s="102">
        <v>211</v>
      </c>
      <c r="HU14" s="102">
        <v>126</v>
      </c>
      <c r="HV14" s="102">
        <v>104</v>
      </c>
      <c r="HW14" s="102">
        <v>110</v>
      </c>
      <c r="HX14" s="103">
        <v>889</v>
      </c>
      <c r="HY14" s="104">
        <v>1410</v>
      </c>
      <c r="HZ14" s="101">
        <v>687</v>
      </c>
      <c r="IA14" s="102">
        <v>441</v>
      </c>
      <c r="IB14" s="103">
        <v>1128</v>
      </c>
      <c r="IC14" s="412">
        <v>0</v>
      </c>
      <c r="ID14" s="102">
        <v>670</v>
      </c>
      <c r="IE14" s="102">
        <v>347</v>
      </c>
      <c r="IF14" s="102">
        <v>223</v>
      </c>
      <c r="IG14" s="102">
        <v>257</v>
      </c>
      <c r="IH14" s="102">
        <v>178</v>
      </c>
      <c r="II14" s="103">
        <v>1675</v>
      </c>
      <c r="IJ14" s="104">
        <v>2803</v>
      </c>
      <c r="IK14" s="101">
        <v>1357</v>
      </c>
      <c r="IL14" s="102">
        <v>844</v>
      </c>
      <c r="IM14" s="103">
        <v>2201</v>
      </c>
      <c r="IN14" s="412">
        <v>0</v>
      </c>
      <c r="IO14" s="102">
        <v>1235</v>
      </c>
      <c r="IP14" s="102">
        <v>601</v>
      </c>
      <c r="IQ14" s="102">
        <v>409</v>
      </c>
      <c r="IR14" s="102">
        <v>405</v>
      </c>
      <c r="IS14" s="102">
        <v>330</v>
      </c>
      <c r="IT14" s="103">
        <v>2980</v>
      </c>
      <c r="IU14" s="104">
        <v>5181</v>
      </c>
      <c r="IV14" s="101">
        <v>1416</v>
      </c>
      <c r="IW14" s="102">
        <v>937</v>
      </c>
      <c r="IX14" s="103">
        <v>2353</v>
      </c>
      <c r="IY14" s="412">
        <v>0</v>
      </c>
      <c r="IZ14" s="102">
        <v>1456</v>
      </c>
      <c r="JA14" s="102">
        <v>709</v>
      </c>
      <c r="JB14" s="102">
        <v>572</v>
      </c>
      <c r="JC14" s="102">
        <v>527</v>
      </c>
      <c r="JD14" s="102">
        <v>411</v>
      </c>
      <c r="JE14" s="103">
        <v>3675</v>
      </c>
      <c r="JF14" s="104">
        <v>6028</v>
      </c>
      <c r="JG14" s="101">
        <v>814</v>
      </c>
      <c r="JH14" s="102">
        <v>696</v>
      </c>
      <c r="JI14" s="103">
        <v>1510</v>
      </c>
      <c r="JJ14" s="412">
        <v>0</v>
      </c>
      <c r="JK14" s="102">
        <v>1311</v>
      </c>
      <c r="JL14" s="102">
        <v>890</v>
      </c>
      <c r="JM14" s="102">
        <v>798</v>
      </c>
      <c r="JN14" s="102">
        <v>901</v>
      </c>
      <c r="JO14" s="102">
        <v>564</v>
      </c>
      <c r="JP14" s="103">
        <v>4464</v>
      </c>
      <c r="JQ14" s="104">
        <v>5974</v>
      </c>
      <c r="JR14" s="101">
        <v>75</v>
      </c>
      <c r="JS14" s="102">
        <v>75</v>
      </c>
      <c r="JT14" s="103">
        <v>150</v>
      </c>
      <c r="JU14" s="412">
        <v>0</v>
      </c>
      <c r="JV14" s="102">
        <v>129</v>
      </c>
      <c r="JW14" s="102">
        <v>99</v>
      </c>
      <c r="JX14" s="102">
        <v>66</v>
      </c>
      <c r="JY14" s="102">
        <v>59</v>
      </c>
      <c r="JZ14" s="102">
        <v>62</v>
      </c>
      <c r="KA14" s="103">
        <v>415</v>
      </c>
      <c r="KB14" s="104">
        <v>565</v>
      </c>
      <c r="KC14" s="101">
        <v>4789</v>
      </c>
      <c r="KD14" s="102">
        <v>3306</v>
      </c>
      <c r="KE14" s="103">
        <v>8095</v>
      </c>
      <c r="KF14" s="412">
        <v>0</v>
      </c>
      <c r="KG14" s="102">
        <v>5284</v>
      </c>
      <c r="KH14" s="102">
        <v>2942</v>
      </c>
      <c r="KI14" s="102">
        <v>2244</v>
      </c>
      <c r="KJ14" s="102">
        <v>2322</v>
      </c>
      <c r="KK14" s="102">
        <v>1707</v>
      </c>
      <c r="KL14" s="103">
        <v>14499</v>
      </c>
      <c r="KM14" s="104">
        <v>22594</v>
      </c>
    </row>
    <row r="15" spans="2:299" s="70" customFormat="1" ht="21" customHeight="1" x14ac:dyDescent="0.2">
      <c r="B15" s="106" t="s">
        <v>11</v>
      </c>
      <c r="C15" s="96">
        <v>448</v>
      </c>
      <c r="D15" s="97">
        <v>346</v>
      </c>
      <c r="E15" s="98">
        <v>794</v>
      </c>
      <c r="F15" s="412">
        <v>0</v>
      </c>
      <c r="G15" s="97">
        <v>916</v>
      </c>
      <c r="H15" s="97">
        <v>593</v>
      </c>
      <c r="I15" s="97">
        <v>451</v>
      </c>
      <c r="J15" s="97">
        <v>456</v>
      </c>
      <c r="K15" s="97">
        <v>241</v>
      </c>
      <c r="L15" s="99">
        <v>2657</v>
      </c>
      <c r="M15" s="100">
        <v>3451</v>
      </c>
      <c r="N15" s="101">
        <v>19</v>
      </c>
      <c r="O15" s="102">
        <v>15</v>
      </c>
      <c r="P15" s="103">
        <v>34</v>
      </c>
      <c r="Q15" s="412">
        <v>0</v>
      </c>
      <c r="R15" s="102">
        <v>53</v>
      </c>
      <c r="S15" s="102">
        <v>22</v>
      </c>
      <c r="T15" s="102">
        <v>21</v>
      </c>
      <c r="U15" s="102">
        <v>18</v>
      </c>
      <c r="V15" s="102">
        <v>13</v>
      </c>
      <c r="W15" s="103">
        <v>127</v>
      </c>
      <c r="X15" s="104">
        <v>161</v>
      </c>
      <c r="Y15" s="101">
        <v>46</v>
      </c>
      <c r="Z15" s="102">
        <v>36</v>
      </c>
      <c r="AA15" s="103">
        <v>82</v>
      </c>
      <c r="AB15" s="412">
        <v>0</v>
      </c>
      <c r="AC15" s="102">
        <v>91</v>
      </c>
      <c r="AD15" s="102">
        <v>60</v>
      </c>
      <c r="AE15" s="102">
        <v>55</v>
      </c>
      <c r="AF15" s="102">
        <v>44</v>
      </c>
      <c r="AG15" s="102">
        <v>29</v>
      </c>
      <c r="AH15" s="103">
        <v>279</v>
      </c>
      <c r="AI15" s="104">
        <v>361</v>
      </c>
      <c r="AJ15" s="101">
        <v>56</v>
      </c>
      <c r="AK15" s="102">
        <v>64</v>
      </c>
      <c r="AL15" s="103">
        <v>120</v>
      </c>
      <c r="AM15" s="412">
        <v>0</v>
      </c>
      <c r="AN15" s="102">
        <v>140</v>
      </c>
      <c r="AO15" s="102">
        <v>100</v>
      </c>
      <c r="AP15" s="102">
        <v>73</v>
      </c>
      <c r="AQ15" s="102">
        <v>80</v>
      </c>
      <c r="AR15" s="102">
        <v>33</v>
      </c>
      <c r="AS15" s="103">
        <v>426</v>
      </c>
      <c r="AT15" s="104">
        <v>546</v>
      </c>
      <c r="AU15" s="101">
        <v>114</v>
      </c>
      <c r="AV15" s="102">
        <v>94</v>
      </c>
      <c r="AW15" s="103">
        <v>208</v>
      </c>
      <c r="AX15" s="412">
        <v>0</v>
      </c>
      <c r="AY15" s="102">
        <v>238</v>
      </c>
      <c r="AZ15" s="102">
        <v>144</v>
      </c>
      <c r="BA15" s="102">
        <v>110</v>
      </c>
      <c r="BB15" s="102">
        <v>111</v>
      </c>
      <c r="BC15" s="102">
        <v>58</v>
      </c>
      <c r="BD15" s="103">
        <v>661</v>
      </c>
      <c r="BE15" s="104">
        <v>869</v>
      </c>
      <c r="BF15" s="101">
        <v>133</v>
      </c>
      <c r="BG15" s="102">
        <v>81</v>
      </c>
      <c r="BH15" s="103">
        <v>214</v>
      </c>
      <c r="BI15" s="412">
        <v>0</v>
      </c>
      <c r="BJ15" s="102">
        <v>212</v>
      </c>
      <c r="BK15" s="102">
        <v>138</v>
      </c>
      <c r="BL15" s="102">
        <v>103</v>
      </c>
      <c r="BM15" s="102">
        <v>118</v>
      </c>
      <c r="BN15" s="102">
        <v>56</v>
      </c>
      <c r="BO15" s="103">
        <v>627</v>
      </c>
      <c r="BP15" s="104">
        <v>841</v>
      </c>
      <c r="BQ15" s="101">
        <v>80</v>
      </c>
      <c r="BR15" s="102">
        <v>56</v>
      </c>
      <c r="BS15" s="103">
        <v>136</v>
      </c>
      <c r="BT15" s="412">
        <v>0</v>
      </c>
      <c r="BU15" s="102">
        <v>182</v>
      </c>
      <c r="BV15" s="102">
        <v>129</v>
      </c>
      <c r="BW15" s="102">
        <v>89</v>
      </c>
      <c r="BX15" s="102">
        <v>85</v>
      </c>
      <c r="BY15" s="102">
        <v>52</v>
      </c>
      <c r="BZ15" s="103">
        <v>537</v>
      </c>
      <c r="CA15" s="104">
        <v>673</v>
      </c>
      <c r="CB15" s="101">
        <v>8</v>
      </c>
      <c r="CC15" s="102">
        <v>11</v>
      </c>
      <c r="CD15" s="103">
        <v>19</v>
      </c>
      <c r="CE15" s="412">
        <v>0</v>
      </c>
      <c r="CF15" s="102">
        <v>29</v>
      </c>
      <c r="CG15" s="102">
        <v>13</v>
      </c>
      <c r="CH15" s="102">
        <v>15</v>
      </c>
      <c r="CI15" s="102">
        <v>21</v>
      </c>
      <c r="CJ15" s="102">
        <v>13</v>
      </c>
      <c r="CK15" s="103">
        <v>91</v>
      </c>
      <c r="CL15" s="104">
        <v>110</v>
      </c>
      <c r="CM15" s="101">
        <v>456</v>
      </c>
      <c r="CN15" s="102">
        <v>357</v>
      </c>
      <c r="CO15" s="103">
        <v>813</v>
      </c>
      <c r="CP15" s="412">
        <v>0</v>
      </c>
      <c r="CQ15" s="102">
        <v>945</v>
      </c>
      <c r="CR15" s="102">
        <v>606</v>
      </c>
      <c r="CS15" s="102">
        <v>466</v>
      </c>
      <c r="CT15" s="102">
        <v>477</v>
      </c>
      <c r="CU15" s="102">
        <v>254</v>
      </c>
      <c r="CV15" s="103">
        <v>2748</v>
      </c>
      <c r="CW15" s="104">
        <v>3561</v>
      </c>
      <c r="CX15" s="105">
        <v>953</v>
      </c>
      <c r="CY15" s="97">
        <v>829</v>
      </c>
      <c r="CZ15" s="98">
        <v>1782</v>
      </c>
      <c r="DA15" s="412">
        <v>0</v>
      </c>
      <c r="DB15" s="97">
        <v>1738</v>
      </c>
      <c r="DC15" s="97">
        <v>1097</v>
      </c>
      <c r="DD15" s="97">
        <v>936</v>
      </c>
      <c r="DE15" s="97">
        <v>982</v>
      </c>
      <c r="DF15" s="97">
        <v>592</v>
      </c>
      <c r="DG15" s="99">
        <v>5345</v>
      </c>
      <c r="DH15" s="100">
        <v>7127</v>
      </c>
      <c r="DI15" s="101">
        <v>18</v>
      </c>
      <c r="DJ15" s="102">
        <v>17</v>
      </c>
      <c r="DK15" s="103">
        <v>35</v>
      </c>
      <c r="DL15" s="412">
        <v>0</v>
      </c>
      <c r="DM15" s="102">
        <v>41</v>
      </c>
      <c r="DN15" s="102">
        <v>20</v>
      </c>
      <c r="DO15" s="102">
        <v>13</v>
      </c>
      <c r="DP15" s="102">
        <v>19</v>
      </c>
      <c r="DQ15" s="102">
        <v>19</v>
      </c>
      <c r="DR15" s="103">
        <v>112</v>
      </c>
      <c r="DS15" s="104">
        <v>147</v>
      </c>
      <c r="DT15" s="101">
        <v>60</v>
      </c>
      <c r="DU15" s="102">
        <v>63</v>
      </c>
      <c r="DV15" s="103">
        <v>123</v>
      </c>
      <c r="DW15" s="412">
        <v>0</v>
      </c>
      <c r="DX15" s="102">
        <v>93</v>
      </c>
      <c r="DY15" s="102">
        <v>50</v>
      </c>
      <c r="DZ15" s="102">
        <v>42</v>
      </c>
      <c r="EA15" s="102">
        <v>48</v>
      </c>
      <c r="EB15" s="102">
        <v>27</v>
      </c>
      <c r="EC15" s="103">
        <v>260</v>
      </c>
      <c r="ED15" s="104">
        <v>383</v>
      </c>
      <c r="EE15" s="101">
        <v>141</v>
      </c>
      <c r="EF15" s="102">
        <v>108</v>
      </c>
      <c r="EG15" s="103">
        <v>249</v>
      </c>
      <c r="EH15" s="412">
        <v>0</v>
      </c>
      <c r="EI15" s="102">
        <v>156</v>
      </c>
      <c r="EJ15" s="102">
        <v>111</v>
      </c>
      <c r="EK15" s="102">
        <v>86</v>
      </c>
      <c r="EL15" s="102">
        <v>83</v>
      </c>
      <c r="EM15" s="102">
        <v>57</v>
      </c>
      <c r="EN15" s="103">
        <v>493</v>
      </c>
      <c r="EO15" s="104">
        <v>742</v>
      </c>
      <c r="EP15" s="101">
        <v>266</v>
      </c>
      <c r="EQ15" s="102">
        <v>225</v>
      </c>
      <c r="ER15" s="103">
        <v>491</v>
      </c>
      <c r="ES15" s="412">
        <v>0</v>
      </c>
      <c r="ET15" s="102">
        <v>415</v>
      </c>
      <c r="EU15" s="102">
        <v>235</v>
      </c>
      <c r="EV15" s="102">
        <v>172</v>
      </c>
      <c r="EW15" s="102">
        <v>165</v>
      </c>
      <c r="EX15" s="102">
        <v>107</v>
      </c>
      <c r="EY15" s="103">
        <v>1094</v>
      </c>
      <c r="EZ15" s="104">
        <v>1585</v>
      </c>
      <c r="FA15" s="101">
        <v>289</v>
      </c>
      <c r="FB15" s="102">
        <v>237</v>
      </c>
      <c r="FC15" s="103">
        <v>526</v>
      </c>
      <c r="FD15" s="412">
        <v>0</v>
      </c>
      <c r="FE15" s="102">
        <v>535</v>
      </c>
      <c r="FF15" s="102">
        <v>307</v>
      </c>
      <c r="FG15" s="102">
        <v>238</v>
      </c>
      <c r="FH15" s="102">
        <v>207</v>
      </c>
      <c r="FI15" s="102">
        <v>145</v>
      </c>
      <c r="FJ15" s="103">
        <v>1432</v>
      </c>
      <c r="FK15" s="104">
        <v>1958</v>
      </c>
      <c r="FL15" s="101">
        <v>179</v>
      </c>
      <c r="FM15" s="102">
        <v>179</v>
      </c>
      <c r="FN15" s="103">
        <v>358</v>
      </c>
      <c r="FO15" s="412">
        <v>0</v>
      </c>
      <c r="FP15" s="102">
        <v>498</v>
      </c>
      <c r="FQ15" s="102">
        <v>374</v>
      </c>
      <c r="FR15" s="102">
        <v>385</v>
      </c>
      <c r="FS15" s="102">
        <v>460</v>
      </c>
      <c r="FT15" s="102">
        <v>237</v>
      </c>
      <c r="FU15" s="103">
        <v>1954</v>
      </c>
      <c r="FV15" s="104">
        <v>2312</v>
      </c>
      <c r="FW15" s="101">
        <v>16</v>
      </c>
      <c r="FX15" s="102">
        <v>10</v>
      </c>
      <c r="FY15" s="103">
        <v>26</v>
      </c>
      <c r="FZ15" s="412">
        <v>0</v>
      </c>
      <c r="GA15" s="102">
        <v>26</v>
      </c>
      <c r="GB15" s="102">
        <v>14</v>
      </c>
      <c r="GC15" s="102">
        <v>21</v>
      </c>
      <c r="GD15" s="102">
        <v>9</v>
      </c>
      <c r="GE15" s="102">
        <v>9</v>
      </c>
      <c r="GF15" s="103">
        <v>79</v>
      </c>
      <c r="GG15" s="104">
        <v>105</v>
      </c>
      <c r="GH15" s="101">
        <v>969</v>
      </c>
      <c r="GI15" s="102">
        <v>839</v>
      </c>
      <c r="GJ15" s="103">
        <v>1808</v>
      </c>
      <c r="GK15" s="412">
        <v>0</v>
      </c>
      <c r="GL15" s="102">
        <v>1764</v>
      </c>
      <c r="GM15" s="102">
        <v>1111</v>
      </c>
      <c r="GN15" s="102">
        <v>957</v>
      </c>
      <c r="GO15" s="102">
        <v>991</v>
      </c>
      <c r="GP15" s="102">
        <v>601</v>
      </c>
      <c r="GQ15" s="103">
        <v>5424</v>
      </c>
      <c r="GR15" s="104">
        <v>7232</v>
      </c>
      <c r="GS15" s="105">
        <v>1401</v>
      </c>
      <c r="GT15" s="97">
        <v>1175</v>
      </c>
      <c r="GU15" s="98">
        <v>2576</v>
      </c>
      <c r="GV15" s="412">
        <v>0</v>
      </c>
      <c r="GW15" s="97">
        <v>2654</v>
      </c>
      <c r="GX15" s="97">
        <v>1690</v>
      </c>
      <c r="GY15" s="97">
        <v>1387</v>
      </c>
      <c r="GZ15" s="97">
        <v>1438</v>
      </c>
      <c r="HA15" s="97">
        <v>833</v>
      </c>
      <c r="HB15" s="99">
        <v>8002</v>
      </c>
      <c r="HC15" s="100">
        <v>10578</v>
      </c>
      <c r="HD15" s="101">
        <v>37</v>
      </c>
      <c r="HE15" s="102">
        <v>32</v>
      </c>
      <c r="HF15" s="103">
        <v>69</v>
      </c>
      <c r="HG15" s="415">
        <v>0</v>
      </c>
      <c r="HH15" s="102">
        <v>94</v>
      </c>
      <c r="HI15" s="102">
        <v>42</v>
      </c>
      <c r="HJ15" s="102">
        <v>34</v>
      </c>
      <c r="HK15" s="102">
        <v>37</v>
      </c>
      <c r="HL15" s="102">
        <v>32</v>
      </c>
      <c r="HM15" s="103">
        <v>239</v>
      </c>
      <c r="HN15" s="104">
        <v>308</v>
      </c>
      <c r="HO15" s="101">
        <v>106</v>
      </c>
      <c r="HP15" s="102">
        <v>99</v>
      </c>
      <c r="HQ15" s="103">
        <v>205</v>
      </c>
      <c r="HR15" s="412">
        <v>0</v>
      </c>
      <c r="HS15" s="102">
        <v>184</v>
      </c>
      <c r="HT15" s="102">
        <v>110</v>
      </c>
      <c r="HU15" s="102">
        <v>97</v>
      </c>
      <c r="HV15" s="102">
        <v>92</v>
      </c>
      <c r="HW15" s="102">
        <v>56</v>
      </c>
      <c r="HX15" s="103">
        <v>539</v>
      </c>
      <c r="HY15" s="104">
        <v>744</v>
      </c>
      <c r="HZ15" s="101">
        <v>197</v>
      </c>
      <c r="IA15" s="102">
        <v>172</v>
      </c>
      <c r="IB15" s="103">
        <v>369</v>
      </c>
      <c r="IC15" s="412">
        <v>0</v>
      </c>
      <c r="ID15" s="102">
        <v>296</v>
      </c>
      <c r="IE15" s="102">
        <v>211</v>
      </c>
      <c r="IF15" s="102">
        <v>159</v>
      </c>
      <c r="IG15" s="102">
        <v>163</v>
      </c>
      <c r="IH15" s="102">
        <v>90</v>
      </c>
      <c r="II15" s="103">
        <v>919</v>
      </c>
      <c r="IJ15" s="104">
        <v>1288</v>
      </c>
      <c r="IK15" s="101">
        <v>380</v>
      </c>
      <c r="IL15" s="102">
        <v>319</v>
      </c>
      <c r="IM15" s="103">
        <v>699</v>
      </c>
      <c r="IN15" s="412">
        <v>0</v>
      </c>
      <c r="IO15" s="102">
        <v>653</v>
      </c>
      <c r="IP15" s="102">
        <v>379</v>
      </c>
      <c r="IQ15" s="102">
        <v>282</v>
      </c>
      <c r="IR15" s="102">
        <v>276</v>
      </c>
      <c r="IS15" s="102">
        <v>165</v>
      </c>
      <c r="IT15" s="103">
        <v>1755</v>
      </c>
      <c r="IU15" s="104">
        <v>2454</v>
      </c>
      <c r="IV15" s="101">
        <v>422</v>
      </c>
      <c r="IW15" s="102">
        <v>318</v>
      </c>
      <c r="IX15" s="103">
        <v>740</v>
      </c>
      <c r="IY15" s="412">
        <v>0</v>
      </c>
      <c r="IZ15" s="102">
        <v>747</v>
      </c>
      <c r="JA15" s="102">
        <v>445</v>
      </c>
      <c r="JB15" s="102">
        <v>341</v>
      </c>
      <c r="JC15" s="102">
        <v>325</v>
      </c>
      <c r="JD15" s="102">
        <v>201</v>
      </c>
      <c r="JE15" s="103">
        <v>2059</v>
      </c>
      <c r="JF15" s="104">
        <v>2799</v>
      </c>
      <c r="JG15" s="101">
        <v>259</v>
      </c>
      <c r="JH15" s="102">
        <v>235</v>
      </c>
      <c r="JI15" s="103">
        <v>494</v>
      </c>
      <c r="JJ15" s="412">
        <v>0</v>
      </c>
      <c r="JK15" s="102">
        <v>680</v>
      </c>
      <c r="JL15" s="102">
        <v>503</v>
      </c>
      <c r="JM15" s="102">
        <v>474</v>
      </c>
      <c r="JN15" s="102">
        <v>545</v>
      </c>
      <c r="JO15" s="102">
        <v>289</v>
      </c>
      <c r="JP15" s="103">
        <v>2491</v>
      </c>
      <c r="JQ15" s="104">
        <v>2985</v>
      </c>
      <c r="JR15" s="101">
        <v>24</v>
      </c>
      <c r="JS15" s="102">
        <v>21</v>
      </c>
      <c r="JT15" s="103">
        <v>45</v>
      </c>
      <c r="JU15" s="412">
        <v>0</v>
      </c>
      <c r="JV15" s="102">
        <v>55</v>
      </c>
      <c r="JW15" s="102">
        <v>27</v>
      </c>
      <c r="JX15" s="102">
        <v>36</v>
      </c>
      <c r="JY15" s="102">
        <v>30</v>
      </c>
      <c r="JZ15" s="102">
        <v>22</v>
      </c>
      <c r="KA15" s="103">
        <v>170</v>
      </c>
      <c r="KB15" s="104">
        <v>215</v>
      </c>
      <c r="KC15" s="101">
        <v>1425</v>
      </c>
      <c r="KD15" s="102">
        <v>1196</v>
      </c>
      <c r="KE15" s="103">
        <v>2621</v>
      </c>
      <c r="KF15" s="412">
        <v>0</v>
      </c>
      <c r="KG15" s="102">
        <v>2709</v>
      </c>
      <c r="KH15" s="102">
        <v>1717</v>
      </c>
      <c r="KI15" s="102">
        <v>1423</v>
      </c>
      <c r="KJ15" s="102">
        <v>1468</v>
      </c>
      <c r="KK15" s="102">
        <v>855</v>
      </c>
      <c r="KL15" s="103">
        <v>8172</v>
      </c>
      <c r="KM15" s="104">
        <v>10793</v>
      </c>
    </row>
    <row r="16" spans="2:299" s="70" customFormat="1" ht="21" customHeight="1" x14ac:dyDescent="0.2">
      <c r="B16" s="106" t="s">
        <v>12</v>
      </c>
      <c r="C16" s="96">
        <v>694</v>
      </c>
      <c r="D16" s="97">
        <v>660</v>
      </c>
      <c r="E16" s="98">
        <v>1354</v>
      </c>
      <c r="F16" s="412">
        <v>0</v>
      </c>
      <c r="G16" s="97">
        <v>718</v>
      </c>
      <c r="H16" s="97">
        <v>701</v>
      </c>
      <c r="I16" s="97">
        <v>466</v>
      </c>
      <c r="J16" s="97">
        <v>447</v>
      </c>
      <c r="K16" s="97">
        <v>212</v>
      </c>
      <c r="L16" s="99">
        <v>2544</v>
      </c>
      <c r="M16" s="100">
        <v>3898</v>
      </c>
      <c r="N16" s="107">
        <v>24</v>
      </c>
      <c r="O16" s="102">
        <v>26</v>
      </c>
      <c r="P16" s="103">
        <v>50</v>
      </c>
      <c r="Q16" s="412">
        <v>0</v>
      </c>
      <c r="R16" s="102">
        <v>15</v>
      </c>
      <c r="S16" s="102">
        <v>29</v>
      </c>
      <c r="T16" s="102">
        <v>17</v>
      </c>
      <c r="U16" s="102">
        <v>20</v>
      </c>
      <c r="V16" s="102">
        <v>8</v>
      </c>
      <c r="W16" s="103">
        <v>89</v>
      </c>
      <c r="X16" s="104">
        <v>139</v>
      </c>
      <c r="Y16" s="101">
        <v>58</v>
      </c>
      <c r="Z16" s="102">
        <v>66</v>
      </c>
      <c r="AA16" s="103">
        <v>124</v>
      </c>
      <c r="AB16" s="412">
        <v>0</v>
      </c>
      <c r="AC16" s="102">
        <v>43</v>
      </c>
      <c r="AD16" s="102">
        <v>62</v>
      </c>
      <c r="AE16" s="102">
        <v>39</v>
      </c>
      <c r="AF16" s="102">
        <v>47</v>
      </c>
      <c r="AG16" s="102">
        <v>18</v>
      </c>
      <c r="AH16" s="103">
        <v>209</v>
      </c>
      <c r="AI16" s="104">
        <v>333</v>
      </c>
      <c r="AJ16" s="107">
        <v>94</v>
      </c>
      <c r="AK16" s="102">
        <v>93</v>
      </c>
      <c r="AL16" s="103">
        <v>187</v>
      </c>
      <c r="AM16" s="412">
        <v>0</v>
      </c>
      <c r="AN16" s="102">
        <v>103</v>
      </c>
      <c r="AO16" s="102">
        <v>101</v>
      </c>
      <c r="AP16" s="102">
        <v>60</v>
      </c>
      <c r="AQ16" s="102">
        <v>63</v>
      </c>
      <c r="AR16" s="102">
        <v>36</v>
      </c>
      <c r="AS16" s="103">
        <v>363</v>
      </c>
      <c r="AT16" s="104">
        <v>550</v>
      </c>
      <c r="AU16" s="101">
        <v>181</v>
      </c>
      <c r="AV16" s="102">
        <v>168</v>
      </c>
      <c r="AW16" s="103">
        <v>349</v>
      </c>
      <c r="AX16" s="412">
        <v>0</v>
      </c>
      <c r="AY16" s="102">
        <v>179</v>
      </c>
      <c r="AZ16" s="102">
        <v>172</v>
      </c>
      <c r="BA16" s="102">
        <v>120</v>
      </c>
      <c r="BB16" s="102">
        <v>94</v>
      </c>
      <c r="BC16" s="102">
        <v>51</v>
      </c>
      <c r="BD16" s="103">
        <v>616</v>
      </c>
      <c r="BE16" s="104">
        <v>965</v>
      </c>
      <c r="BF16" s="107">
        <v>212</v>
      </c>
      <c r="BG16" s="102">
        <v>174</v>
      </c>
      <c r="BH16" s="103">
        <v>386</v>
      </c>
      <c r="BI16" s="412">
        <v>0</v>
      </c>
      <c r="BJ16" s="102">
        <v>212</v>
      </c>
      <c r="BK16" s="102">
        <v>185</v>
      </c>
      <c r="BL16" s="102">
        <v>122</v>
      </c>
      <c r="BM16" s="102">
        <v>114</v>
      </c>
      <c r="BN16" s="102">
        <v>56</v>
      </c>
      <c r="BO16" s="103">
        <v>689</v>
      </c>
      <c r="BP16" s="104">
        <v>1075</v>
      </c>
      <c r="BQ16" s="101">
        <v>125</v>
      </c>
      <c r="BR16" s="102">
        <v>133</v>
      </c>
      <c r="BS16" s="103">
        <v>258</v>
      </c>
      <c r="BT16" s="412">
        <v>0</v>
      </c>
      <c r="BU16" s="102">
        <v>166</v>
      </c>
      <c r="BV16" s="102">
        <v>152</v>
      </c>
      <c r="BW16" s="102">
        <v>108</v>
      </c>
      <c r="BX16" s="102">
        <v>109</v>
      </c>
      <c r="BY16" s="102">
        <v>43</v>
      </c>
      <c r="BZ16" s="103">
        <v>578</v>
      </c>
      <c r="CA16" s="104">
        <v>836</v>
      </c>
      <c r="CB16" s="101">
        <v>17</v>
      </c>
      <c r="CC16" s="102">
        <v>37</v>
      </c>
      <c r="CD16" s="103">
        <v>54</v>
      </c>
      <c r="CE16" s="412">
        <v>0</v>
      </c>
      <c r="CF16" s="102">
        <v>15</v>
      </c>
      <c r="CG16" s="102">
        <v>32</v>
      </c>
      <c r="CH16" s="102">
        <v>18</v>
      </c>
      <c r="CI16" s="102">
        <v>14</v>
      </c>
      <c r="CJ16" s="102">
        <v>17</v>
      </c>
      <c r="CK16" s="103">
        <v>96</v>
      </c>
      <c r="CL16" s="104">
        <v>150</v>
      </c>
      <c r="CM16" s="101">
        <v>711</v>
      </c>
      <c r="CN16" s="102">
        <v>697</v>
      </c>
      <c r="CO16" s="103">
        <v>1408</v>
      </c>
      <c r="CP16" s="412">
        <v>0</v>
      </c>
      <c r="CQ16" s="102">
        <v>733</v>
      </c>
      <c r="CR16" s="102">
        <v>733</v>
      </c>
      <c r="CS16" s="102">
        <v>484</v>
      </c>
      <c r="CT16" s="102">
        <v>461</v>
      </c>
      <c r="CU16" s="102">
        <v>229</v>
      </c>
      <c r="CV16" s="103">
        <v>2640</v>
      </c>
      <c r="CW16" s="104">
        <v>4048</v>
      </c>
      <c r="CX16" s="105">
        <v>1368</v>
      </c>
      <c r="CY16" s="97">
        <v>1480</v>
      </c>
      <c r="CZ16" s="98">
        <v>2848</v>
      </c>
      <c r="DA16" s="412">
        <v>0</v>
      </c>
      <c r="DB16" s="97">
        <v>1557</v>
      </c>
      <c r="DC16" s="97">
        <v>1138</v>
      </c>
      <c r="DD16" s="97">
        <v>993</v>
      </c>
      <c r="DE16" s="97">
        <v>1055</v>
      </c>
      <c r="DF16" s="97">
        <v>683</v>
      </c>
      <c r="DG16" s="99">
        <v>5426</v>
      </c>
      <c r="DH16" s="100">
        <v>8274</v>
      </c>
      <c r="DI16" s="107">
        <v>22</v>
      </c>
      <c r="DJ16" s="102">
        <v>31</v>
      </c>
      <c r="DK16" s="103">
        <v>53</v>
      </c>
      <c r="DL16" s="412">
        <v>0</v>
      </c>
      <c r="DM16" s="102">
        <v>23</v>
      </c>
      <c r="DN16" s="102">
        <v>20</v>
      </c>
      <c r="DO16" s="102">
        <v>16</v>
      </c>
      <c r="DP16" s="102">
        <v>13</v>
      </c>
      <c r="DQ16" s="102">
        <v>13</v>
      </c>
      <c r="DR16" s="103">
        <v>85</v>
      </c>
      <c r="DS16" s="104">
        <v>138</v>
      </c>
      <c r="DT16" s="101">
        <v>80</v>
      </c>
      <c r="DU16" s="102">
        <v>90</v>
      </c>
      <c r="DV16" s="103">
        <v>170</v>
      </c>
      <c r="DW16" s="412">
        <v>0</v>
      </c>
      <c r="DX16" s="102">
        <v>44</v>
      </c>
      <c r="DY16" s="102">
        <v>44</v>
      </c>
      <c r="DZ16" s="102">
        <v>40</v>
      </c>
      <c r="EA16" s="102">
        <v>43</v>
      </c>
      <c r="EB16" s="102">
        <v>30</v>
      </c>
      <c r="EC16" s="103">
        <v>201</v>
      </c>
      <c r="ED16" s="104">
        <v>371</v>
      </c>
      <c r="EE16" s="107">
        <v>187</v>
      </c>
      <c r="EF16" s="102">
        <v>218</v>
      </c>
      <c r="EG16" s="103">
        <v>405</v>
      </c>
      <c r="EH16" s="412">
        <v>0</v>
      </c>
      <c r="EI16" s="102">
        <v>149</v>
      </c>
      <c r="EJ16" s="102">
        <v>102</v>
      </c>
      <c r="EK16" s="102">
        <v>80</v>
      </c>
      <c r="EL16" s="102">
        <v>99</v>
      </c>
      <c r="EM16" s="102">
        <v>76</v>
      </c>
      <c r="EN16" s="103">
        <v>506</v>
      </c>
      <c r="EO16" s="104">
        <v>911</v>
      </c>
      <c r="EP16" s="101">
        <v>417</v>
      </c>
      <c r="EQ16" s="102">
        <v>411</v>
      </c>
      <c r="ER16" s="103">
        <v>828</v>
      </c>
      <c r="ES16" s="412">
        <v>0</v>
      </c>
      <c r="ET16" s="102">
        <v>366</v>
      </c>
      <c r="EU16" s="102">
        <v>245</v>
      </c>
      <c r="EV16" s="102">
        <v>176</v>
      </c>
      <c r="EW16" s="102">
        <v>163</v>
      </c>
      <c r="EX16" s="102">
        <v>125</v>
      </c>
      <c r="EY16" s="103">
        <v>1075</v>
      </c>
      <c r="EZ16" s="104">
        <v>1903</v>
      </c>
      <c r="FA16" s="107">
        <v>418</v>
      </c>
      <c r="FB16" s="102">
        <v>398</v>
      </c>
      <c r="FC16" s="103">
        <v>816</v>
      </c>
      <c r="FD16" s="412">
        <v>0</v>
      </c>
      <c r="FE16" s="102">
        <v>503</v>
      </c>
      <c r="FF16" s="102">
        <v>319</v>
      </c>
      <c r="FG16" s="102">
        <v>269</v>
      </c>
      <c r="FH16" s="102">
        <v>259</v>
      </c>
      <c r="FI16" s="102">
        <v>161</v>
      </c>
      <c r="FJ16" s="103">
        <v>1511</v>
      </c>
      <c r="FK16" s="104">
        <v>2327</v>
      </c>
      <c r="FL16" s="101">
        <v>244</v>
      </c>
      <c r="FM16" s="102">
        <v>332</v>
      </c>
      <c r="FN16" s="103">
        <v>576</v>
      </c>
      <c r="FO16" s="412">
        <v>0</v>
      </c>
      <c r="FP16" s="102">
        <v>472</v>
      </c>
      <c r="FQ16" s="102">
        <v>408</v>
      </c>
      <c r="FR16" s="102">
        <v>412</v>
      </c>
      <c r="FS16" s="102">
        <v>478</v>
      </c>
      <c r="FT16" s="102">
        <v>278</v>
      </c>
      <c r="FU16" s="103">
        <v>2048</v>
      </c>
      <c r="FV16" s="104">
        <v>2624</v>
      </c>
      <c r="FW16" s="101">
        <v>11</v>
      </c>
      <c r="FX16" s="102">
        <v>28</v>
      </c>
      <c r="FY16" s="103">
        <v>39</v>
      </c>
      <c r="FZ16" s="412">
        <v>0</v>
      </c>
      <c r="GA16" s="102">
        <v>16</v>
      </c>
      <c r="GB16" s="102">
        <v>17</v>
      </c>
      <c r="GC16" s="102">
        <v>16</v>
      </c>
      <c r="GD16" s="102">
        <v>13</v>
      </c>
      <c r="GE16" s="102">
        <v>12</v>
      </c>
      <c r="GF16" s="103">
        <v>74</v>
      </c>
      <c r="GG16" s="104">
        <v>113</v>
      </c>
      <c r="GH16" s="101">
        <v>1379</v>
      </c>
      <c r="GI16" s="102">
        <v>1508</v>
      </c>
      <c r="GJ16" s="103">
        <v>2887</v>
      </c>
      <c r="GK16" s="412">
        <v>0</v>
      </c>
      <c r="GL16" s="102">
        <v>1573</v>
      </c>
      <c r="GM16" s="102">
        <v>1155</v>
      </c>
      <c r="GN16" s="102">
        <v>1009</v>
      </c>
      <c r="GO16" s="102">
        <v>1068</v>
      </c>
      <c r="GP16" s="102">
        <v>695</v>
      </c>
      <c r="GQ16" s="103">
        <v>5500</v>
      </c>
      <c r="GR16" s="104">
        <v>8387</v>
      </c>
      <c r="GS16" s="105">
        <v>2062</v>
      </c>
      <c r="GT16" s="97">
        <v>2140</v>
      </c>
      <c r="GU16" s="98">
        <v>4202</v>
      </c>
      <c r="GV16" s="412">
        <v>0</v>
      </c>
      <c r="GW16" s="97">
        <v>2275</v>
      </c>
      <c r="GX16" s="97">
        <v>1839</v>
      </c>
      <c r="GY16" s="97">
        <v>1459</v>
      </c>
      <c r="GZ16" s="97">
        <v>1502</v>
      </c>
      <c r="HA16" s="97">
        <v>895</v>
      </c>
      <c r="HB16" s="99">
        <v>7970</v>
      </c>
      <c r="HC16" s="100">
        <v>12172</v>
      </c>
      <c r="HD16" s="107">
        <v>46</v>
      </c>
      <c r="HE16" s="102">
        <v>57</v>
      </c>
      <c r="HF16" s="103">
        <v>103</v>
      </c>
      <c r="HG16" s="415">
        <v>0</v>
      </c>
      <c r="HH16" s="102">
        <v>38</v>
      </c>
      <c r="HI16" s="102">
        <v>49</v>
      </c>
      <c r="HJ16" s="102">
        <v>33</v>
      </c>
      <c r="HK16" s="102">
        <v>33</v>
      </c>
      <c r="HL16" s="102">
        <v>21</v>
      </c>
      <c r="HM16" s="103">
        <v>174</v>
      </c>
      <c r="HN16" s="104">
        <v>277</v>
      </c>
      <c r="HO16" s="101">
        <v>138</v>
      </c>
      <c r="HP16" s="102">
        <v>156</v>
      </c>
      <c r="HQ16" s="103">
        <v>294</v>
      </c>
      <c r="HR16" s="412">
        <v>0</v>
      </c>
      <c r="HS16" s="102">
        <v>87</v>
      </c>
      <c r="HT16" s="102">
        <v>106</v>
      </c>
      <c r="HU16" s="102">
        <v>79</v>
      </c>
      <c r="HV16" s="102">
        <v>90</v>
      </c>
      <c r="HW16" s="102">
        <v>48</v>
      </c>
      <c r="HX16" s="103">
        <v>410</v>
      </c>
      <c r="HY16" s="104">
        <v>704</v>
      </c>
      <c r="HZ16" s="107">
        <v>281</v>
      </c>
      <c r="IA16" s="102">
        <v>311</v>
      </c>
      <c r="IB16" s="103">
        <v>592</v>
      </c>
      <c r="IC16" s="412">
        <v>0</v>
      </c>
      <c r="ID16" s="102">
        <v>252</v>
      </c>
      <c r="IE16" s="102">
        <v>203</v>
      </c>
      <c r="IF16" s="102">
        <v>140</v>
      </c>
      <c r="IG16" s="102">
        <v>162</v>
      </c>
      <c r="IH16" s="102">
        <v>112</v>
      </c>
      <c r="II16" s="103">
        <v>869</v>
      </c>
      <c r="IJ16" s="104">
        <v>1461</v>
      </c>
      <c r="IK16" s="101">
        <v>598</v>
      </c>
      <c r="IL16" s="102">
        <v>579</v>
      </c>
      <c r="IM16" s="103">
        <v>1177</v>
      </c>
      <c r="IN16" s="412">
        <v>0</v>
      </c>
      <c r="IO16" s="102">
        <v>545</v>
      </c>
      <c r="IP16" s="102">
        <v>417</v>
      </c>
      <c r="IQ16" s="102">
        <v>296</v>
      </c>
      <c r="IR16" s="102">
        <v>257</v>
      </c>
      <c r="IS16" s="102">
        <v>176</v>
      </c>
      <c r="IT16" s="103">
        <v>1691</v>
      </c>
      <c r="IU16" s="104">
        <v>2868</v>
      </c>
      <c r="IV16" s="107">
        <v>630</v>
      </c>
      <c r="IW16" s="102">
        <v>572</v>
      </c>
      <c r="IX16" s="103">
        <v>1202</v>
      </c>
      <c r="IY16" s="412">
        <v>0</v>
      </c>
      <c r="IZ16" s="102">
        <v>715</v>
      </c>
      <c r="JA16" s="102">
        <v>504</v>
      </c>
      <c r="JB16" s="102">
        <v>391</v>
      </c>
      <c r="JC16" s="102">
        <v>373</v>
      </c>
      <c r="JD16" s="102">
        <v>217</v>
      </c>
      <c r="JE16" s="103">
        <v>2200</v>
      </c>
      <c r="JF16" s="104">
        <v>3402</v>
      </c>
      <c r="JG16" s="101">
        <v>369</v>
      </c>
      <c r="JH16" s="102">
        <v>465</v>
      </c>
      <c r="JI16" s="103">
        <v>834</v>
      </c>
      <c r="JJ16" s="412">
        <v>0</v>
      </c>
      <c r="JK16" s="102">
        <v>638</v>
      </c>
      <c r="JL16" s="102">
        <v>560</v>
      </c>
      <c r="JM16" s="102">
        <v>520</v>
      </c>
      <c r="JN16" s="102">
        <v>587</v>
      </c>
      <c r="JO16" s="102">
        <v>321</v>
      </c>
      <c r="JP16" s="103">
        <v>2626</v>
      </c>
      <c r="JQ16" s="104">
        <v>3460</v>
      </c>
      <c r="JR16" s="101">
        <v>28</v>
      </c>
      <c r="JS16" s="102">
        <v>65</v>
      </c>
      <c r="JT16" s="103">
        <v>93</v>
      </c>
      <c r="JU16" s="412">
        <v>0</v>
      </c>
      <c r="JV16" s="102">
        <v>31</v>
      </c>
      <c r="JW16" s="102">
        <v>49</v>
      </c>
      <c r="JX16" s="102">
        <v>34</v>
      </c>
      <c r="JY16" s="102">
        <v>27</v>
      </c>
      <c r="JZ16" s="102">
        <v>29</v>
      </c>
      <c r="KA16" s="103">
        <v>170</v>
      </c>
      <c r="KB16" s="104">
        <v>263</v>
      </c>
      <c r="KC16" s="101">
        <v>2090</v>
      </c>
      <c r="KD16" s="102">
        <v>2205</v>
      </c>
      <c r="KE16" s="103">
        <v>4295</v>
      </c>
      <c r="KF16" s="412">
        <v>0</v>
      </c>
      <c r="KG16" s="102">
        <v>2306</v>
      </c>
      <c r="KH16" s="102">
        <v>1888</v>
      </c>
      <c r="KI16" s="102">
        <v>1493</v>
      </c>
      <c r="KJ16" s="102">
        <v>1529</v>
      </c>
      <c r="KK16" s="102">
        <v>924</v>
      </c>
      <c r="KL16" s="103">
        <v>8140</v>
      </c>
      <c r="KM16" s="104">
        <v>12435</v>
      </c>
    </row>
    <row r="17" spans="2:299" s="70" customFormat="1" ht="21" customHeight="1" x14ac:dyDescent="0.2">
      <c r="B17" s="106" t="s">
        <v>13</v>
      </c>
      <c r="C17" s="96">
        <v>166</v>
      </c>
      <c r="D17" s="97">
        <v>174</v>
      </c>
      <c r="E17" s="98">
        <v>340</v>
      </c>
      <c r="F17" s="412">
        <v>0</v>
      </c>
      <c r="G17" s="97">
        <v>308</v>
      </c>
      <c r="H17" s="97">
        <v>280</v>
      </c>
      <c r="I17" s="97">
        <v>191</v>
      </c>
      <c r="J17" s="97">
        <v>137</v>
      </c>
      <c r="K17" s="97">
        <v>103</v>
      </c>
      <c r="L17" s="99">
        <v>1019</v>
      </c>
      <c r="M17" s="100">
        <v>1359</v>
      </c>
      <c r="N17" s="101">
        <v>4</v>
      </c>
      <c r="O17" s="102">
        <v>4</v>
      </c>
      <c r="P17" s="103">
        <v>8</v>
      </c>
      <c r="Q17" s="412">
        <v>0</v>
      </c>
      <c r="R17" s="102">
        <v>13</v>
      </c>
      <c r="S17" s="102">
        <v>6</v>
      </c>
      <c r="T17" s="102">
        <v>4</v>
      </c>
      <c r="U17" s="102">
        <v>9</v>
      </c>
      <c r="V17" s="102">
        <v>6</v>
      </c>
      <c r="W17" s="103">
        <v>38</v>
      </c>
      <c r="X17" s="104">
        <v>46</v>
      </c>
      <c r="Y17" s="101">
        <v>12</v>
      </c>
      <c r="Z17" s="102">
        <v>13</v>
      </c>
      <c r="AA17" s="103">
        <v>25</v>
      </c>
      <c r="AB17" s="412">
        <v>0</v>
      </c>
      <c r="AC17" s="102">
        <v>20</v>
      </c>
      <c r="AD17" s="102">
        <v>17</v>
      </c>
      <c r="AE17" s="102">
        <v>15</v>
      </c>
      <c r="AF17" s="102">
        <v>14</v>
      </c>
      <c r="AG17" s="102">
        <v>9</v>
      </c>
      <c r="AH17" s="103">
        <v>75</v>
      </c>
      <c r="AI17" s="104">
        <v>100</v>
      </c>
      <c r="AJ17" s="101">
        <v>19</v>
      </c>
      <c r="AK17" s="102">
        <v>20</v>
      </c>
      <c r="AL17" s="103">
        <v>39</v>
      </c>
      <c r="AM17" s="412">
        <v>0</v>
      </c>
      <c r="AN17" s="102">
        <v>42</v>
      </c>
      <c r="AO17" s="102">
        <v>38</v>
      </c>
      <c r="AP17" s="102">
        <v>20</v>
      </c>
      <c r="AQ17" s="102">
        <v>15</v>
      </c>
      <c r="AR17" s="102">
        <v>15</v>
      </c>
      <c r="AS17" s="103">
        <v>130</v>
      </c>
      <c r="AT17" s="104">
        <v>169</v>
      </c>
      <c r="AU17" s="101">
        <v>39</v>
      </c>
      <c r="AV17" s="102">
        <v>39</v>
      </c>
      <c r="AW17" s="103">
        <v>78</v>
      </c>
      <c r="AX17" s="412">
        <v>0</v>
      </c>
      <c r="AY17" s="102">
        <v>80</v>
      </c>
      <c r="AZ17" s="102">
        <v>49</v>
      </c>
      <c r="BA17" s="102">
        <v>45</v>
      </c>
      <c r="BB17" s="102">
        <v>30</v>
      </c>
      <c r="BC17" s="102">
        <v>21</v>
      </c>
      <c r="BD17" s="103">
        <v>225</v>
      </c>
      <c r="BE17" s="104">
        <v>303</v>
      </c>
      <c r="BF17" s="101">
        <v>53</v>
      </c>
      <c r="BG17" s="102">
        <v>60</v>
      </c>
      <c r="BH17" s="103">
        <v>113</v>
      </c>
      <c r="BI17" s="412">
        <v>0</v>
      </c>
      <c r="BJ17" s="102">
        <v>84</v>
      </c>
      <c r="BK17" s="102">
        <v>92</v>
      </c>
      <c r="BL17" s="102">
        <v>55</v>
      </c>
      <c r="BM17" s="102">
        <v>36</v>
      </c>
      <c r="BN17" s="102">
        <v>22</v>
      </c>
      <c r="BO17" s="103">
        <v>289</v>
      </c>
      <c r="BP17" s="104">
        <v>402</v>
      </c>
      <c r="BQ17" s="101">
        <v>39</v>
      </c>
      <c r="BR17" s="102">
        <v>38</v>
      </c>
      <c r="BS17" s="103">
        <v>77</v>
      </c>
      <c r="BT17" s="412">
        <v>0</v>
      </c>
      <c r="BU17" s="102">
        <v>69</v>
      </c>
      <c r="BV17" s="102">
        <v>78</v>
      </c>
      <c r="BW17" s="102">
        <v>52</v>
      </c>
      <c r="BX17" s="102">
        <v>33</v>
      </c>
      <c r="BY17" s="102">
        <v>30</v>
      </c>
      <c r="BZ17" s="103">
        <v>262</v>
      </c>
      <c r="CA17" s="104">
        <v>339</v>
      </c>
      <c r="CB17" s="101">
        <v>6</v>
      </c>
      <c r="CC17" s="102">
        <v>2</v>
      </c>
      <c r="CD17" s="103">
        <v>8</v>
      </c>
      <c r="CE17" s="412">
        <v>0</v>
      </c>
      <c r="CF17" s="102">
        <v>8</v>
      </c>
      <c r="CG17" s="102">
        <v>11</v>
      </c>
      <c r="CH17" s="102">
        <v>6</v>
      </c>
      <c r="CI17" s="102">
        <v>1</v>
      </c>
      <c r="CJ17" s="102">
        <v>6</v>
      </c>
      <c r="CK17" s="103">
        <v>32</v>
      </c>
      <c r="CL17" s="104">
        <v>40</v>
      </c>
      <c r="CM17" s="101">
        <v>172</v>
      </c>
      <c r="CN17" s="102">
        <v>176</v>
      </c>
      <c r="CO17" s="103">
        <v>348</v>
      </c>
      <c r="CP17" s="412">
        <v>0</v>
      </c>
      <c r="CQ17" s="102">
        <v>316</v>
      </c>
      <c r="CR17" s="102">
        <v>291</v>
      </c>
      <c r="CS17" s="102">
        <v>197</v>
      </c>
      <c r="CT17" s="102">
        <v>138</v>
      </c>
      <c r="CU17" s="102">
        <v>109</v>
      </c>
      <c r="CV17" s="103">
        <v>1051</v>
      </c>
      <c r="CW17" s="104">
        <v>1399</v>
      </c>
      <c r="CX17" s="105">
        <v>387</v>
      </c>
      <c r="CY17" s="97">
        <v>414</v>
      </c>
      <c r="CZ17" s="98">
        <v>801</v>
      </c>
      <c r="DA17" s="412">
        <v>0</v>
      </c>
      <c r="DB17" s="97">
        <v>595</v>
      </c>
      <c r="DC17" s="97">
        <v>518</v>
      </c>
      <c r="DD17" s="97">
        <v>337</v>
      </c>
      <c r="DE17" s="97">
        <v>394</v>
      </c>
      <c r="DF17" s="97">
        <v>298</v>
      </c>
      <c r="DG17" s="99">
        <v>2142</v>
      </c>
      <c r="DH17" s="100">
        <v>2943</v>
      </c>
      <c r="DI17" s="101">
        <v>5</v>
      </c>
      <c r="DJ17" s="102">
        <v>5</v>
      </c>
      <c r="DK17" s="103">
        <v>10</v>
      </c>
      <c r="DL17" s="412">
        <v>0</v>
      </c>
      <c r="DM17" s="102">
        <v>9</v>
      </c>
      <c r="DN17" s="102">
        <v>7</v>
      </c>
      <c r="DO17" s="102">
        <v>4</v>
      </c>
      <c r="DP17" s="102">
        <v>6</v>
      </c>
      <c r="DQ17" s="102">
        <v>2</v>
      </c>
      <c r="DR17" s="103">
        <v>28</v>
      </c>
      <c r="DS17" s="104">
        <v>38</v>
      </c>
      <c r="DT17" s="101">
        <v>21</v>
      </c>
      <c r="DU17" s="102">
        <v>21</v>
      </c>
      <c r="DV17" s="103">
        <v>42</v>
      </c>
      <c r="DW17" s="412">
        <v>0</v>
      </c>
      <c r="DX17" s="102">
        <v>18</v>
      </c>
      <c r="DY17" s="102">
        <v>13</v>
      </c>
      <c r="DZ17" s="102">
        <v>13</v>
      </c>
      <c r="EA17" s="102">
        <v>12</v>
      </c>
      <c r="EB17" s="102">
        <v>11</v>
      </c>
      <c r="EC17" s="103">
        <v>67</v>
      </c>
      <c r="ED17" s="104">
        <v>109</v>
      </c>
      <c r="EE17" s="101">
        <v>43</v>
      </c>
      <c r="EF17" s="102">
        <v>42</v>
      </c>
      <c r="EG17" s="103">
        <v>85</v>
      </c>
      <c r="EH17" s="412">
        <v>0</v>
      </c>
      <c r="EI17" s="102">
        <v>60</v>
      </c>
      <c r="EJ17" s="102">
        <v>43</v>
      </c>
      <c r="EK17" s="102">
        <v>33</v>
      </c>
      <c r="EL17" s="102">
        <v>24</v>
      </c>
      <c r="EM17" s="102">
        <v>24</v>
      </c>
      <c r="EN17" s="103">
        <v>184</v>
      </c>
      <c r="EO17" s="104">
        <v>269</v>
      </c>
      <c r="EP17" s="101">
        <v>114</v>
      </c>
      <c r="EQ17" s="102">
        <v>134</v>
      </c>
      <c r="ER17" s="103">
        <v>248</v>
      </c>
      <c r="ES17" s="412">
        <v>0</v>
      </c>
      <c r="ET17" s="102">
        <v>139</v>
      </c>
      <c r="EU17" s="102">
        <v>107</v>
      </c>
      <c r="EV17" s="102">
        <v>52</v>
      </c>
      <c r="EW17" s="102">
        <v>61</v>
      </c>
      <c r="EX17" s="102">
        <v>56</v>
      </c>
      <c r="EY17" s="103">
        <v>415</v>
      </c>
      <c r="EZ17" s="104">
        <v>663</v>
      </c>
      <c r="FA17" s="101">
        <v>137</v>
      </c>
      <c r="FB17" s="102">
        <v>114</v>
      </c>
      <c r="FC17" s="103">
        <v>251</v>
      </c>
      <c r="FD17" s="412">
        <v>0</v>
      </c>
      <c r="FE17" s="102">
        <v>191</v>
      </c>
      <c r="FF17" s="102">
        <v>148</v>
      </c>
      <c r="FG17" s="102">
        <v>79</v>
      </c>
      <c r="FH17" s="102">
        <v>97</v>
      </c>
      <c r="FI17" s="102">
        <v>65</v>
      </c>
      <c r="FJ17" s="103">
        <v>580</v>
      </c>
      <c r="FK17" s="104">
        <v>831</v>
      </c>
      <c r="FL17" s="101">
        <v>67</v>
      </c>
      <c r="FM17" s="102">
        <v>98</v>
      </c>
      <c r="FN17" s="103">
        <v>165</v>
      </c>
      <c r="FO17" s="412">
        <v>0</v>
      </c>
      <c r="FP17" s="102">
        <v>178</v>
      </c>
      <c r="FQ17" s="102">
        <v>200</v>
      </c>
      <c r="FR17" s="102">
        <v>156</v>
      </c>
      <c r="FS17" s="102">
        <v>194</v>
      </c>
      <c r="FT17" s="102">
        <v>140</v>
      </c>
      <c r="FU17" s="103">
        <v>868</v>
      </c>
      <c r="FV17" s="104">
        <v>1033</v>
      </c>
      <c r="FW17" s="101">
        <v>0</v>
      </c>
      <c r="FX17" s="102">
        <v>2</v>
      </c>
      <c r="FY17" s="103">
        <v>2</v>
      </c>
      <c r="FZ17" s="412">
        <v>0</v>
      </c>
      <c r="GA17" s="102">
        <v>10</v>
      </c>
      <c r="GB17" s="102">
        <v>6</v>
      </c>
      <c r="GC17" s="102">
        <v>6</v>
      </c>
      <c r="GD17" s="102">
        <v>1</v>
      </c>
      <c r="GE17" s="102">
        <v>5</v>
      </c>
      <c r="GF17" s="103">
        <v>28</v>
      </c>
      <c r="GG17" s="104">
        <v>30</v>
      </c>
      <c r="GH17" s="101">
        <v>387</v>
      </c>
      <c r="GI17" s="102">
        <v>416</v>
      </c>
      <c r="GJ17" s="103">
        <v>803</v>
      </c>
      <c r="GK17" s="412">
        <v>0</v>
      </c>
      <c r="GL17" s="102">
        <v>605</v>
      </c>
      <c r="GM17" s="102">
        <v>524</v>
      </c>
      <c r="GN17" s="102">
        <v>343</v>
      </c>
      <c r="GO17" s="102">
        <v>395</v>
      </c>
      <c r="GP17" s="102">
        <v>303</v>
      </c>
      <c r="GQ17" s="103">
        <v>2170</v>
      </c>
      <c r="GR17" s="104">
        <v>2973</v>
      </c>
      <c r="GS17" s="105">
        <v>553</v>
      </c>
      <c r="GT17" s="97">
        <v>588</v>
      </c>
      <c r="GU17" s="98">
        <v>1141</v>
      </c>
      <c r="GV17" s="412">
        <v>0</v>
      </c>
      <c r="GW17" s="97">
        <v>903</v>
      </c>
      <c r="GX17" s="97">
        <v>798</v>
      </c>
      <c r="GY17" s="97">
        <v>528</v>
      </c>
      <c r="GZ17" s="97">
        <v>531</v>
      </c>
      <c r="HA17" s="97">
        <v>401</v>
      </c>
      <c r="HB17" s="99">
        <v>3161</v>
      </c>
      <c r="HC17" s="100">
        <v>4302</v>
      </c>
      <c r="HD17" s="101">
        <v>9</v>
      </c>
      <c r="HE17" s="102">
        <v>9</v>
      </c>
      <c r="HF17" s="103">
        <v>18</v>
      </c>
      <c r="HG17" s="415">
        <v>0</v>
      </c>
      <c r="HH17" s="102">
        <v>22</v>
      </c>
      <c r="HI17" s="102">
        <v>13</v>
      </c>
      <c r="HJ17" s="102">
        <v>8</v>
      </c>
      <c r="HK17" s="102">
        <v>15</v>
      </c>
      <c r="HL17" s="102">
        <v>8</v>
      </c>
      <c r="HM17" s="103">
        <v>66</v>
      </c>
      <c r="HN17" s="104">
        <v>84</v>
      </c>
      <c r="HO17" s="101">
        <v>33</v>
      </c>
      <c r="HP17" s="102">
        <v>34</v>
      </c>
      <c r="HQ17" s="103">
        <v>67</v>
      </c>
      <c r="HR17" s="412">
        <v>0</v>
      </c>
      <c r="HS17" s="102">
        <v>38</v>
      </c>
      <c r="HT17" s="102">
        <v>30</v>
      </c>
      <c r="HU17" s="102">
        <v>28</v>
      </c>
      <c r="HV17" s="102">
        <v>26</v>
      </c>
      <c r="HW17" s="102">
        <v>20</v>
      </c>
      <c r="HX17" s="103">
        <v>142</v>
      </c>
      <c r="HY17" s="104">
        <v>209</v>
      </c>
      <c r="HZ17" s="101">
        <v>62</v>
      </c>
      <c r="IA17" s="102">
        <v>62</v>
      </c>
      <c r="IB17" s="103">
        <v>124</v>
      </c>
      <c r="IC17" s="412">
        <v>0</v>
      </c>
      <c r="ID17" s="102">
        <v>102</v>
      </c>
      <c r="IE17" s="102">
        <v>81</v>
      </c>
      <c r="IF17" s="102">
        <v>53</v>
      </c>
      <c r="IG17" s="102">
        <v>39</v>
      </c>
      <c r="IH17" s="102">
        <v>39</v>
      </c>
      <c r="II17" s="103">
        <v>314</v>
      </c>
      <c r="IJ17" s="104">
        <v>438</v>
      </c>
      <c r="IK17" s="101">
        <v>153</v>
      </c>
      <c r="IL17" s="102">
        <v>173</v>
      </c>
      <c r="IM17" s="103">
        <v>326</v>
      </c>
      <c r="IN17" s="412">
        <v>0</v>
      </c>
      <c r="IO17" s="102">
        <v>219</v>
      </c>
      <c r="IP17" s="102">
        <v>156</v>
      </c>
      <c r="IQ17" s="102">
        <v>97</v>
      </c>
      <c r="IR17" s="102">
        <v>91</v>
      </c>
      <c r="IS17" s="102">
        <v>77</v>
      </c>
      <c r="IT17" s="103">
        <v>640</v>
      </c>
      <c r="IU17" s="104">
        <v>966</v>
      </c>
      <c r="IV17" s="101">
        <v>190</v>
      </c>
      <c r="IW17" s="102">
        <v>174</v>
      </c>
      <c r="IX17" s="103">
        <v>364</v>
      </c>
      <c r="IY17" s="412">
        <v>0</v>
      </c>
      <c r="IZ17" s="102">
        <v>275</v>
      </c>
      <c r="JA17" s="102">
        <v>240</v>
      </c>
      <c r="JB17" s="102">
        <v>134</v>
      </c>
      <c r="JC17" s="102">
        <v>133</v>
      </c>
      <c r="JD17" s="102">
        <v>87</v>
      </c>
      <c r="JE17" s="103">
        <v>869</v>
      </c>
      <c r="JF17" s="104">
        <v>1233</v>
      </c>
      <c r="JG17" s="101">
        <v>106</v>
      </c>
      <c r="JH17" s="102">
        <v>136</v>
      </c>
      <c r="JI17" s="103">
        <v>242</v>
      </c>
      <c r="JJ17" s="412">
        <v>0</v>
      </c>
      <c r="JK17" s="102">
        <v>247</v>
      </c>
      <c r="JL17" s="102">
        <v>278</v>
      </c>
      <c r="JM17" s="102">
        <v>208</v>
      </c>
      <c r="JN17" s="102">
        <v>227</v>
      </c>
      <c r="JO17" s="102">
        <v>170</v>
      </c>
      <c r="JP17" s="103">
        <v>1130</v>
      </c>
      <c r="JQ17" s="104">
        <v>1372</v>
      </c>
      <c r="JR17" s="101">
        <v>6</v>
      </c>
      <c r="JS17" s="102">
        <v>4</v>
      </c>
      <c r="JT17" s="103">
        <v>10</v>
      </c>
      <c r="JU17" s="412">
        <v>0</v>
      </c>
      <c r="JV17" s="102">
        <v>18</v>
      </c>
      <c r="JW17" s="102">
        <v>17</v>
      </c>
      <c r="JX17" s="102">
        <v>12</v>
      </c>
      <c r="JY17" s="102">
        <v>2</v>
      </c>
      <c r="JZ17" s="102">
        <v>11</v>
      </c>
      <c r="KA17" s="103">
        <v>60</v>
      </c>
      <c r="KB17" s="104">
        <v>70</v>
      </c>
      <c r="KC17" s="101">
        <v>559</v>
      </c>
      <c r="KD17" s="102">
        <v>592</v>
      </c>
      <c r="KE17" s="103">
        <v>1151</v>
      </c>
      <c r="KF17" s="412">
        <v>0</v>
      </c>
      <c r="KG17" s="102">
        <v>921</v>
      </c>
      <c r="KH17" s="102">
        <v>815</v>
      </c>
      <c r="KI17" s="102">
        <v>540</v>
      </c>
      <c r="KJ17" s="102">
        <v>533</v>
      </c>
      <c r="KK17" s="102">
        <v>412</v>
      </c>
      <c r="KL17" s="103">
        <v>3221</v>
      </c>
      <c r="KM17" s="104">
        <v>4372</v>
      </c>
    </row>
    <row r="18" spans="2:299" s="70" customFormat="1" ht="21" customHeight="1" x14ac:dyDescent="0.2">
      <c r="B18" s="106" t="s">
        <v>15</v>
      </c>
      <c r="C18" s="96">
        <v>118</v>
      </c>
      <c r="D18" s="97">
        <v>140</v>
      </c>
      <c r="E18" s="98">
        <v>258</v>
      </c>
      <c r="F18" s="412">
        <v>0</v>
      </c>
      <c r="G18" s="97">
        <v>262</v>
      </c>
      <c r="H18" s="97">
        <v>215</v>
      </c>
      <c r="I18" s="97">
        <v>152</v>
      </c>
      <c r="J18" s="97">
        <v>139</v>
      </c>
      <c r="K18" s="97">
        <v>61</v>
      </c>
      <c r="L18" s="99">
        <v>829</v>
      </c>
      <c r="M18" s="100">
        <v>1087</v>
      </c>
      <c r="N18" s="101">
        <v>6</v>
      </c>
      <c r="O18" s="102">
        <v>6</v>
      </c>
      <c r="P18" s="103">
        <v>12</v>
      </c>
      <c r="Q18" s="412">
        <v>0</v>
      </c>
      <c r="R18" s="102">
        <v>15</v>
      </c>
      <c r="S18" s="102">
        <v>16</v>
      </c>
      <c r="T18" s="102">
        <v>7</v>
      </c>
      <c r="U18" s="102">
        <v>4</v>
      </c>
      <c r="V18" s="102">
        <v>3</v>
      </c>
      <c r="W18" s="103">
        <v>45</v>
      </c>
      <c r="X18" s="104">
        <v>57</v>
      </c>
      <c r="Y18" s="101">
        <v>16</v>
      </c>
      <c r="Z18" s="102">
        <v>15</v>
      </c>
      <c r="AA18" s="103">
        <v>31</v>
      </c>
      <c r="AB18" s="412">
        <v>0</v>
      </c>
      <c r="AC18" s="102">
        <v>28</v>
      </c>
      <c r="AD18" s="102">
        <v>22</v>
      </c>
      <c r="AE18" s="102">
        <v>19</v>
      </c>
      <c r="AF18" s="102">
        <v>14</v>
      </c>
      <c r="AG18" s="102">
        <v>8</v>
      </c>
      <c r="AH18" s="103">
        <v>91</v>
      </c>
      <c r="AI18" s="104">
        <v>122</v>
      </c>
      <c r="AJ18" s="101">
        <v>19</v>
      </c>
      <c r="AK18" s="102">
        <v>24</v>
      </c>
      <c r="AL18" s="103">
        <v>43</v>
      </c>
      <c r="AM18" s="412">
        <v>0</v>
      </c>
      <c r="AN18" s="102">
        <v>35</v>
      </c>
      <c r="AO18" s="102">
        <v>48</v>
      </c>
      <c r="AP18" s="102">
        <v>25</v>
      </c>
      <c r="AQ18" s="102">
        <v>31</v>
      </c>
      <c r="AR18" s="102">
        <v>16</v>
      </c>
      <c r="AS18" s="103">
        <v>155</v>
      </c>
      <c r="AT18" s="104">
        <v>198</v>
      </c>
      <c r="AU18" s="101">
        <v>36</v>
      </c>
      <c r="AV18" s="102">
        <v>33</v>
      </c>
      <c r="AW18" s="103">
        <v>69</v>
      </c>
      <c r="AX18" s="412">
        <v>0</v>
      </c>
      <c r="AY18" s="102">
        <v>76</v>
      </c>
      <c r="AZ18" s="102">
        <v>47</v>
      </c>
      <c r="BA18" s="102">
        <v>29</v>
      </c>
      <c r="BB18" s="102">
        <v>33</v>
      </c>
      <c r="BC18" s="102">
        <v>12</v>
      </c>
      <c r="BD18" s="103">
        <v>197</v>
      </c>
      <c r="BE18" s="104">
        <v>266</v>
      </c>
      <c r="BF18" s="101">
        <v>27</v>
      </c>
      <c r="BG18" s="102">
        <v>38</v>
      </c>
      <c r="BH18" s="103">
        <v>65</v>
      </c>
      <c r="BI18" s="412">
        <v>0</v>
      </c>
      <c r="BJ18" s="102">
        <v>65</v>
      </c>
      <c r="BK18" s="102">
        <v>46</v>
      </c>
      <c r="BL18" s="102">
        <v>37</v>
      </c>
      <c r="BM18" s="102">
        <v>32</v>
      </c>
      <c r="BN18" s="102">
        <v>14</v>
      </c>
      <c r="BO18" s="103">
        <v>194</v>
      </c>
      <c r="BP18" s="104">
        <v>259</v>
      </c>
      <c r="BQ18" s="101">
        <v>14</v>
      </c>
      <c r="BR18" s="102">
        <v>24</v>
      </c>
      <c r="BS18" s="103">
        <v>38</v>
      </c>
      <c r="BT18" s="412">
        <v>0</v>
      </c>
      <c r="BU18" s="102">
        <v>43</v>
      </c>
      <c r="BV18" s="102">
        <v>36</v>
      </c>
      <c r="BW18" s="102">
        <v>35</v>
      </c>
      <c r="BX18" s="102">
        <v>25</v>
      </c>
      <c r="BY18" s="102">
        <v>8</v>
      </c>
      <c r="BZ18" s="103">
        <v>147</v>
      </c>
      <c r="CA18" s="104">
        <v>185</v>
      </c>
      <c r="CB18" s="101">
        <v>1</v>
      </c>
      <c r="CC18" s="102">
        <v>4</v>
      </c>
      <c r="CD18" s="103">
        <v>5</v>
      </c>
      <c r="CE18" s="412">
        <v>0</v>
      </c>
      <c r="CF18" s="102">
        <v>6</v>
      </c>
      <c r="CG18" s="102">
        <v>7</v>
      </c>
      <c r="CH18" s="102">
        <v>3</v>
      </c>
      <c r="CI18" s="102">
        <v>4</v>
      </c>
      <c r="CJ18" s="102">
        <v>6</v>
      </c>
      <c r="CK18" s="103">
        <v>26</v>
      </c>
      <c r="CL18" s="104">
        <v>31</v>
      </c>
      <c r="CM18" s="101">
        <v>119</v>
      </c>
      <c r="CN18" s="102">
        <v>144</v>
      </c>
      <c r="CO18" s="103">
        <v>263</v>
      </c>
      <c r="CP18" s="412">
        <v>0</v>
      </c>
      <c r="CQ18" s="102">
        <v>268</v>
      </c>
      <c r="CR18" s="102">
        <v>222</v>
      </c>
      <c r="CS18" s="102">
        <v>155</v>
      </c>
      <c r="CT18" s="102">
        <v>143</v>
      </c>
      <c r="CU18" s="102">
        <v>67</v>
      </c>
      <c r="CV18" s="103">
        <v>855</v>
      </c>
      <c r="CW18" s="104">
        <v>1118</v>
      </c>
      <c r="CX18" s="105">
        <v>290</v>
      </c>
      <c r="CY18" s="97">
        <v>385</v>
      </c>
      <c r="CZ18" s="98">
        <v>675</v>
      </c>
      <c r="DA18" s="412">
        <v>0</v>
      </c>
      <c r="DB18" s="97">
        <v>452</v>
      </c>
      <c r="DC18" s="97">
        <v>441</v>
      </c>
      <c r="DD18" s="97">
        <v>309</v>
      </c>
      <c r="DE18" s="97">
        <v>321</v>
      </c>
      <c r="DF18" s="97">
        <v>158</v>
      </c>
      <c r="DG18" s="99">
        <v>1681</v>
      </c>
      <c r="DH18" s="100">
        <v>2356</v>
      </c>
      <c r="DI18" s="101">
        <v>5</v>
      </c>
      <c r="DJ18" s="102">
        <v>6</v>
      </c>
      <c r="DK18" s="103">
        <v>11</v>
      </c>
      <c r="DL18" s="412">
        <v>0</v>
      </c>
      <c r="DM18" s="102">
        <v>9</v>
      </c>
      <c r="DN18" s="102">
        <v>11</v>
      </c>
      <c r="DO18" s="102">
        <v>4</v>
      </c>
      <c r="DP18" s="102">
        <v>1</v>
      </c>
      <c r="DQ18" s="102">
        <v>3</v>
      </c>
      <c r="DR18" s="103">
        <v>28</v>
      </c>
      <c r="DS18" s="104">
        <v>39</v>
      </c>
      <c r="DT18" s="101">
        <v>20</v>
      </c>
      <c r="DU18" s="102">
        <v>18</v>
      </c>
      <c r="DV18" s="103">
        <v>38</v>
      </c>
      <c r="DW18" s="412">
        <v>0</v>
      </c>
      <c r="DX18" s="102">
        <v>28</v>
      </c>
      <c r="DY18" s="102">
        <v>28</v>
      </c>
      <c r="DZ18" s="102">
        <v>21</v>
      </c>
      <c r="EA18" s="102">
        <v>10</v>
      </c>
      <c r="EB18" s="102">
        <v>9</v>
      </c>
      <c r="EC18" s="103">
        <v>96</v>
      </c>
      <c r="ED18" s="104">
        <v>134</v>
      </c>
      <c r="EE18" s="101">
        <v>61</v>
      </c>
      <c r="EF18" s="102">
        <v>57</v>
      </c>
      <c r="EG18" s="103">
        <v>118</v>
      </c>
      <c r="EH18" s="412">
        <v>0</v>
      </c>
      <c r="EI18" s="102">
        <v>48</v>
      </c>
      <c r="EJ18" s="102">
        <v>49</v>
      </c>
      <c r="EK18" s="102">
        <v>26</v>
      </c>
      <c r="EL18" s="102">
        <v>18</v>
      </c>
      <c r="EM18" s="102">
        <v>21</v>
      </c>
      <c r="EN18" s="103">
        <v>162</v>
      </c>
      <c r="EO18" s="104">
        <v>280</v>
      </c>
      <c r="EP18" s="101">
        <v>86</v>
      </c>
      <c r="EQ18" s="102">
        <v>120</v>
      </c>
      <c r="ER18" s="103">
        <v>206</v>
      </c>
      <c r="ES18" s="412">
        <v>0</v>
      </c>
      <c r="ET18" s="102">
        <v>106</v>
      </c>
      <c r="EU18" s="102">
        <v>95</v>
      </c>
      <c r="EV18" s="102">
        <v>53</v>
      </c>
      <c r="EW18" s="102">
        <v>48</v>
      </c>
      <c r="EX18" s="102">
        <v>29</v>
      </c>
      <c r="EY18" s="103">
        <v>331</v>
      </c>
      <c r="EZ18" s="104">
        <v>537</v>
      </c>
      <c r="FA18" s="101">
        <v>76</v>
      </c>
      <c r="FB18" s="102">
        <v>113</v>
      </c>
      <c r="FC18" s="103">
        <v>189</v>
      </c>
      <c r="FD18" s="412">
        <v>0</v>
      </c>
      <c r="FE18" s="102">
        <v>137</v>
      </c>
      <c r="FF18" s="102">
        <v>128</v>
      </c>
      <c r="FG18" s="102">
        <v>88</v>
      </c>
      <c r="FH18" s="102">
        <v>89</v>
      </c>
      <c r="FI18" s="102">
        <v>37</v>
      </c>
      <c r="FJ18" s="103">
        <v>479</v>
      </c>
      <c r="FK18" s="104">
        <v>668</v>
      </c>
      <c r="FL18" s="101">
        <v>42</v>
      </c>
      <c r="FM18" s="102">
        <v>71</v>
      </c>
      <c r="FN18" s="103">
        <v>113</v>
      </c>
      <c r="FO18" s="412">
        <v>0</v>
      </c>
      <c r="FP18" s="102">
        <v>124</v>
      </c>
      <c r="FQ18" s="102">
        <v>130</v>
      </c>
      <c r="FR18" s="102">
        <v>117</v>
      </c>
      <c r="FS18" s="102">
        <v>155</v>
      </c>
      <c r="FT18" s="102">
        <v>59</v>
      </c>
      <c r="FU18" s="103">
        <v>585</v>
      </c>
      <c r="FV18" s="104">
        <v>698</v>
      </c>
      <c r="FW18" s="101">
        <v>1</v>
      </c>
      <c r="FX18" s="102">
        <v>3</v>
      </c>
      <c r="FY18" s="103">
        <v>4</v>
      </c>
      <c r="FZ18" s="412">
        <v>0</v>
      </c>
      <c r="GA18" s="102">
        <v>4</v>
      </c>
      <c r="GB18" s="102">
        <v>7</v>
      </c>
      <c r="GC18" s="102">
        <v>1</v>
      </c>
      <c r="GD18" s="102">
        <v>1</v>
      </c>
      <c r="GE18" s="102">
        <v>6</v>
      </c>
      <c r="GF18" s="103">
        <v>19</v>
      </c>
      <c r="GG18" s="104">
        <v>23</v>
      </c>
      <c r="GH18" s="101">
        <v>291</v>
      </c>
      <c r="GI18" s="102">
        <v>388</v>
      </c>
      <c r="GJ18" s="103">
        <v>679</v>
      </c>
      <c r="GK18" s="412">
        <v>0</v>
      </c>
      <c r="GL18" s="102">
        <v>456</v>
      </c>
      <c r="GM18" s="102">
        <v>448</v>
      </c>
      <c r="GN18" s="102">
        <v>310</v>
      </c>
      <c r="GO18" s="102">
        <v>322</v>
      </c>
      <c r="GP18" s="102">
        <v>164</v>
      </c>
      <c r="GQ18" s="103">
        <v>1700</v>
      </c>
      <c r="GR18" s="104">
        <v>2379</v>
      </c>
      <c r="GS18" s="105">
        <v>408</v>
      </c>
      <c r="GT18" s="97">
        <v>525</v>
      </c>
      <c r="GU18" s="98">
        <v>933</v>
      </c>
      <c r="GV18" s="412">
        <v>0</v>
      </c>
      <c r="GW18" s="97">
        <v>714</v>
      </c>
      <c r="GX18" s="97">
        <v>656</v>
      </c>
      <c r="GY18" s="97">
        <v>461</v>
      </c>
      <c r="GZ18" s="97">
        <v>460</v>
      </c>
      <c r="HA18" s="97">
        <v>219</v>
      </c>
      <c r="HB18" s="99">
        <v>2510</v>
      </c>
      <c r="HC18" s="100">
        <v>3443</v>
      </c>
      <c r="HD18" s="101">
        <v>11</v>
      </c>
      <c r="HE18" s="102">
        <v>12</v>
      </c>
      <c r="HF18" s="103">
        <v>23</v>
      </c>
      <c r="HG18" s="415">
        <v>0</v>
      </c>
      <c r="HH18" s="102">
        <v>24</v>
      </c>
      <c r="HI18" s="102">
        <v>27</v>
      </c>
      <c r="HJ18" s="102">
        <v>11</v>
      </c>
      <c r="HK18" s="102">
        <v>5</v>
      </c>
      <c r="HL18" s="102">
        <v>6</v>
      </c>
      <c r="HM18" s="103">
        <v>73</v>
      </c>
      <c r="HN18" s="104">
        <v>96</v>
      </c>
      <c r="HO18" s="101">
        <v>36</v>
      </c>
      <c r="HP18" s="102">
        <v>33</v>
      </c>
      <c r="HQ18" s="103">
        <v>69</v>
      </c>
      <c r="HR18" s="412">
        <v>0</v>
      </c>
      <c r="HS18" s="102">
        <v>56</v>
      </c>
      <c r="HT18" s="102">
        <v>50</v>
      </c>
      <c r="HU18" s="102">
        <v>40</v>
      </c>
      <c r="HV18" s="102">
        <v>24</v>
      </c>
      <c r="HW18" s="102">
        <v>17</v>
      </c>
      <c r="HX18" s="103">
        <v>187</v>
      </c>
      <c r="HY18" s="104">
        <v>256</v>
      </c>
      <c r="HZ18" s="101">
        <v>80</v>
      </c>
      <c r="IA18" s="102">
        <v>81</v>
      </c>
      <c r="IB18" s="103">
        <v>161</v>
      </c>
      <c r="IC18" s="412">
        <v>0</v>
      </c>
      <c r="ID18" s="102">
        <v>83</v>
      </c>
      <c r="IE18" s="102">
        <v>97</v>
      </c>
      <c r="IF18" s="102">
        <v>51</v>
      </c>
      <c r="IG18" s="102">
        <v>49</v>
      </c>
      <c r="IH18" s="102">
        <v>37</v>
      </c>
      <c r="II18" s="103">
        <v>317</v>
      </c>
      <c r="IJ18" s="104">
        <v>478</v>
      </c>
      <c r="IK18" s="101">
        <v>122</v>
      </c>
      <c r="IL18" s="102">
        <v>153</v>
      </c>
      <c r="IM18" s="103">
        <v>275</v>
      </c>
      <c r="IN18" s="412">
        <v>0</v>
      </c>
      <c r="IO18" s="102">
        <v>182</v>
      </c>
      <c r="IP18" s="102">
        <v>142</v>
      </c>
      <c r="IQ18" s="102">
        <v>82</v>
      </c>
      <c r="IR18" s="102">
        <v>81</v>
      </c>
      <c r="IS18" s="102">
        <v>41</v>
      </c>
      <c r="IT18" s="103">
        <v>528</v>
      </c>
      <c r="IU18" s="104">
        <v>803</v>
      </c>
      <c r="IV18" s="101">
        <v>103</v>
      </c>
      <c r="IW18" s="102">
        <v>151</v>
      </c>
      <c r="IX18" s="103">
        <v>254</v>
      </c>
      <c r="IY18" s="412">
        <v>0</v>
      </c>
      <c r="IZ18" s="102">
        <v>202</v>
      </c>
      <c r="JA18" s="102">
        <v>174</v>
      </c>
      <c r="JB18" s="102">
        <v>125</v>
      </c>
      <c r="JC18" s="102">
        <v>121</v>
      </c>
      <c r="JD18" s="102">
        <v>51</v>
      </c>
      <c r="JE18" s="103">
        <v>673</v>
      </c>
      <c r="JF18" s="104">
        <v>927</v>
      </c>
      <c r="JG18" s="101">
        <v>56</v>
      </c>
      <c r="JH18" s="102">
        <v>95</v>
      </c>
      <c r="JI18" s="103">
        <v>151</v>
      </c>
      <c r="JJ18" s="412">
        <v>0</v>
      </c>
      <c r="JK18" s="102">
        <v>167</v>
      </c>
      <c r="JL18" s="102">
        <v>166</v>
      </c>
      <c r="JM18" s="102">
        <v>152</v>
      </c>
      <c r="JN18" s="102">
        <v>180</v>
      </c>
      <c r="JO18" s="102">
        <v>67</v>
      </c>
      <c r="JP18" s="103">
        <v>732</v>
      </c>
      <c r="JQ18" s="104">
        <v>883</v>
      </c>
      <c r="JR18" s="101">
        <v>2</v>
      </c>
      <c r="JS18" s="102">
        <v>7</v>
      </c>
      <c r="JT18" s="103">
        <v>9</v>
      </c>
      <c r="JU18" s="412">
        <v>0</v>
      </c>
      <c r="JV18" s="102">
        <v>10</v>
      </c>
      <c r="JW18" s="102">
        <v>14</v>
      </c>
      <c r="JX18" s="102">
        <v>4</v>
      </c>
      <c r="JY18" s="102">
        <v>5</v>
      </c>
      <c r="JZ18" s="102">
        <v>12</v>
      </c>
      <c r="KA18" s="103">
        <v>45</v>
      </c>
      <c r="KB18" s="104">
        <v>54</v>
      </c>
      <c r="KC18" s="101">
        <v>410</v>
      </c>
      <c r="KD18" s="102">
        <v>532</v>
      </c>
      <c r="KE18" s="103">
        <v>942</v>
      </c>
      <c r="KF18" s="412">
        <v>0</v>
      </c>
      <c r="KG18" s="102">
        <v>724</v>
      </c>
      <c r="KH18" s="102">
        <v>670</v>
      </c>
      <c r="KI18" s="102">
        <v>465</v>
      </c>
      <c r="KJ18" s="102">
        <v>465</v>
      </c>
      <c r="KK18" s="102">
        <v>231</v>
      </c>
      <c r="KL18" s="103">
        <v>2555</v>
      </c>
      <c r="KM18" s="104">
        <v>3497</v>
      </c>
    </row>
    <row r="19" spans="2:299" s="70" customFormat="1" ht="21" customHeight="1" x14ac:dyDescent="0.2">
      <c r="B19" s="106" t="s">
        <v>16</v>
      </c>
      <c r="C19" s="96">
        <v>248</v>
      </c>
      <c r="D19" s="97">
        <v>301</v>
      </c>
      <c r="E19" s="98">
        <v>549</v>
      </c>
      <c r="F19" s="412">
        <v>0</v>
      </c>
      <c r="G19" s="97">
        <v>495</v>
      </c>
      <c r="H19" s="97">
        <v>645</v>
      </c>
      <c r="I19" s="97">
        <v>406</v>
      </c>
      <c r="J19" s="97">
        <v>311</v>
      </c>
      <c r="K19" s="97">
        <v>196</v>
      </c>
      <c r="L19" s="99">
        <v>2053</v>
      </c>
      <c r="M19" s="100">
        <v>2602</v>
      </c>
      <c r="N19" s="101">
        <v>7</v>
      </c>
      <c r="O19" s="102">
        <v>11</v>
      </c>
      <c r="P19" s="103">
        <v>18</v>
      </c>
      <c r="Q19" s="412">
        <v>0</v>
      </c>
      <c r="R19" s="102">
        <v>14</v>
      </c>
      <c r="S19" s="102">
        <v>28</v>
      </c>
      <c r="T19" s="102">
        <v>20</v>
      </c>
      <c r="U19" s="102">
        <v>19</v>
      </c>
      <c r="V19" s="102">
        <v>17</v>
      </c>
      <c r="W19" s="103">
        <v>98</v>
      </c>
      <c r="X19" s="104">
        <v>116</v>
      </c>
      <c r="Y19" s="101">
        <v>27</v>
      </c>
      <c r="Z19" s="102">
        <v>49</v>
      </c>
      <c r="AA19" s="103">
        <v>76</v>
      </c>
      <c r="AB19" s="412">
        <v>0</v>
      </c>
      <c r="AC19" s="102">
        <v>51</v>
      </c>
      <c r="AD19" s="102">
        <v>80</v>
      </c>
      <c r="AE19" s="102">
        <v>44</v>
      </c>
      <c r="AF19" s="102">
        <v>36</v>
      </c>
      <c r="AG19" s="102">
        <v>29</v>
      </c>
      <c r="AH19" s="103">
        <v>240</v>
      </c>
      <c r="AI19" s="104">
        <v>316</v>
      </c>
      <c r="AJ19" s="101">
        <v>47</v>
      </c>
      <c r="AK19" s="102">
        <v>53</v>
      </c>
      <c r="AL19" s="103">
        <v>100</v>
      </c>
      <c r="AM19" s="412">
        <v>0</v>
      </c>
      <c r="AN19" s="102">
        <v>80</v>
      </c>
      <c r="AO19" s="102">
        <v>105</v>
      </c>
      <c r="AP19" s="102">
        <v>71</v>
      </c>
      <c r="AQ19" s="102">
        <v>62</v>
      </c>
      <c r="AR19" s="102">
        <v>39</v>
      </c>
      <c r="AS19" s="103">
        <v>357</v>
      </c>
      <c r="AT19" s="104">
        <v>457</v>
      </c>
      <c r="AU19" s="101">
        <v>87</v>
      </c>
      <c r="AV19" s="102">
        <v>64</v>
      </c>
      <c r="AW19" s="103">
        <v>151</v>
      </c>
      <c r="AX19" s="412">
        <v>0</v>
      </c>
      <c r="AY19" s="102">
        <v>140</v>
      </c>
      <c r="AZ19" s="102">
        <v>180</v>
      </c>
      <c r="BA19" s="102">
        <v>98</v>
      </c>
      <c r="BB19" s="102">
        <v>80</v>
      </c>
      <c r="BC19" s="102">
        <v>45</v>
      </c>
      <c r="BD19" s="103">
        <v>543</v>
      </c>
      <c r="BE19" s="104">
        <v>694</v>
      </c>
      <c r="BF19" s="101">
        <v>51</v>
      </c>
      <c r="BG19" s="102">
        <v>74</v>
      </c>
      <c r="BH19" s="103">
        <v>125</v>
      </c>
      <c r="BI19" s="412">
        <v>0</v>
      </c>
      <c r="BJ19" s="102">
        <v>138</v>
      </c>
      <c r="BK19" s="102">
        <v>150</v>
      </c>
      <c r="BL19" s="102">
        <v>97</v>
      </c>
      <c r="BM19" s="102">
        <v>57</v>
      </c>
      <c r="BN19" s="102">
        <v>38</v>
      </c>
      <c r="BO19" s="103">
        <v>480</v>
      </c>
      <c r="BP19" s="104">
        <v>605</v>
      </c>
      <c r="BQ19" s="101">
        <v>29</v>
      </c>
      <c r="BR19" s="102">
        <v>50</v>
      </c>
      <c r="BS19" s="103">
        <v>79</v>
      </c>
      <c r="BT19" s="412">
        <v>0</v>
      </c>
      <c r="BU19" s="102">
        <v>72</v>
      </c>
      <c r="BV19" s="102">
        <v>102</v>
      </c>
      <c r="BW19" s="102">
        <v>76</v>
      </c>
      <c r="BX19" s="102">
        <v>57</v>
      </c>
      <c r="BY19" s="102">
        <v>28</v>
      </c>
      <c r="BZ19" s="103">
        <v>335</v>
      </c>
      <c r="CA19" s="104">
        <v>414</v>
      </c>
      <c r="CB19" s="101">
        <v>11</v>
      </c>
      <c r="CC19" s="102">
        <v>15</v>
      </c>
      <c r="CD19" s="103">
        <v>26</v>
      </c>
      <c r="CE19" s="412">
        <v>0</v>
      </c>
      <c r="CF19" s="102">
        <v>13</v>
      </c>
      <c r="CG19" s="102">
        <v>27</v>
      </c>
      <c r="CH19" s="102">
        <v>19</v>
      </c>
      <c r="CI19" s="102">
        <v>17</v>
      </c>
      <c r="CJ19" s="102">
        <v>12</v>
      </c>
      <c r="CK19" s="103">
        <v>88</v>
      </c>
      <c r="CL19" s="104">
        <v>114</v>
      </c>
      <c r="CM19" s="101">
        <v>259</v>
      </c>
      <c r="CN19" s="102">
        <v>316</v>
      </c>
      <c r="CO19" s="103">
        <v>575</v>
      </c>
      <c r="CP19" s="412">
        <v>0</v>
      </c>
      <c r="CQ19" s="102">
        <v>508</v>
      </c>
      <c r="CR19" s="102">
        <v>672</v>
      </c>
      <c r="CS19" s="102">
        <v>425</v>
      </c>
      <c r="CT19" s="102">
        <v>328</v>
      </c>
      <c r="CU19" s="102">
        <v>208</v>
      </c>
      <c r="CV19" s="103">
        <v>2141</v>
      </c>
      <c r="CW19" s="104">
        <v>2716</v>
      </c>
      <c r="CX19" s="105">
        <v>413</v>
      </c>
      <c r="CY19" s="97">
        <v>653</v>
      </c>
      <c r="CZ19" s="98">
        <v>1066</v>
      </c>
      <c r="DA19" s="412">
        <v>0</v>
      </c>
      <c r="DB19" s="97">
        <v>827</v>
      </c>
      <c r="DC19" s="97">
        <v>1007</v>
      </c>
      <c r="DD19" s="97">
        <v>767</v>
      </c>
      <c r="DE19" s="97">
        <v>806</v>
      </c>
      <c r="DF19" s="97">
        <v>440</v>
      </c>
      <c r="DG19" s="99">
        <v>3847</v>
      </c>
      <c r="DH19" s="100">
        <v>4913</v>
      </c>
      <c r="DI19" s="101">
        <v>12</v>
      </c>
      <c r="DJ19" s="102">
        <v>24</v>
      </c>
      <c r="DK19" s="103">
        <v>36</v>
      </c>
      <c r="DL19" s="412">
        <v>0</v>
      </c>
      <c r="DM19" s="102">
        <v>8</v>
      </c>
      <c r="DN19" s="102">
        <v>27</v>
      </c>
      <c r="DO19" s="102">
        <v>16</v>
      </c>
      <c r="DP19" s="102">
        <v>15</v>
      </c>
      <c r="DQ19" s="102">
        <v>11</v>
      </c>
      <c r="DR19" s="103">
        <v>77</v>
      </c>
      <c r="DS19" s="104">
        <v>113</v>
      </c>
      <c r="DT19" s="101">
        <v>29</v>
      </c>
      <c r="DU19" s="102">
        <v>59</v>
      </c>
      <c r="DV19" s="103">
        <v>88</v>
      </c>
      <c r="DW19" s="412">
        <v>0</v>
      </c>
      <c r="DX19" s="102">
        <v>43</v>
      </c>
      <c r="DY19" s="102">
        <v>77</v>
      </c>
      <c r="DZ19" s="102">
        <v>37</v>
      </c>
      <c r="EA19" s="102">
        <v>46</v>
      </c>
      <c r="EB19" s="102">
        <v>24</v>
      </c>
      <c r="EC19" s="103">
        <v>227</v>
      </c>
      <c r="ED19" s="104">
        <v>315</v>
      </c>
      <c r="EE19" s="101">
        <v>69</v>
      </c>
      <c r="EF19" s="102">
        <v>112</v>
      </c>
      <c r="EG19" s="103">
        <v>181</v>
      </c>
      <c r="EH19" s="412">
        <v>0</v>
      </c>
      <c r="EI19" s="102">
        <v>96</v>
      </c>
      <c r="EJ19" s="102">
        <v>121</v>
      </c>
      <c r="EK19" s="102">
        <v>75</v>
      </c>
      <c r="EL19" s="102">
        <v>83</v>
      </c>
      <c r="EM19" s="102">
        <v>48</v>
      </c>
      <c r="EN19" s="103">
        <v>423</v>
      </c>
      <c r="EO19" s="104">
        <v>604</v>
      </c>
      <c r="EP19" s="101">
        <v>135</v>
      </c>
      <c r="EQ19" s="102">
        <v>169</v>
      </c>
      <c r="ER19" s="103">
        <v>304</v>
      </c>
      <c r="ES19" s="412">
        <v>0</v>
      </c>
      <c r="ET19" s="102">
        <v>211</v>
      </c>
      <c r="EU19" s="102">
        <v>219</v>
      </c>
      <c r="EV19" s="102">
        <v>151</v>
      </c>
      <c r="EW19" s="102">
        <v>139</v>
      </c>
      <c r="EX19" s="102">
        <v>84</v>
      </c>
      <c r="EY19" s="103">
        <v>804</v>
      </c>
      <c r="EZ19" s="104">
        <v>1108</v>
      </c>
      <c r="FA19" s="101">
        <v>101</v>
      </c>
      <c r="FB19" s="102">
        <v>165</v>
      </c>
      <c r="FC19" s="103">
        <v>266</v>
      </c>
      <c r="FD19" s="412">
        <v>0</v>
      </c>
      <c r="FE19" s="102">
        <v>255</v>
      </c>
      <c r="FF19" s="102">
        <v>240</v>
      </c>
      <c r="FG19" s="102">
        <v>205</v>
      </c>
      <c r="FH19" s="102">
        <v>186</v>
      </c>
      <c r="FI19" s="102">
        <v>102</v>
      </c>
      <c r="FJ19" s="103">
        <v>988</v>
      </c>
      <c r="FK19" s="104">
        <v>1254</v>
      </c>
      <c r="FL19" s="101">
        <v>67</v>
      </c>
      <c r="FM19" s="102">
        <v>124</v>
      </c>
      <c r="FN19" s="103">
        <v>191</v>
      </c>
      <c r="FO19" s="412">
        <v>0</v>
      </c>
      <c r="FP19" s="102">
        <v>214</v>
      </c>
      <c r="FQ19" s="102">
        <v>323</v>
      </c>
      <c r="FR19" s="102">
        <v>283</v>
      </c>
      <c r="FS19" s="102">
        <v>337</v>
      </c>
      <c r="FT19" s="102">
        <v>171</v>
      </c>
      <c r="FU19" s="103">
        <v>1328</v>
      </c>
      <c r="FV19" s="104">
        <v>1519</v>
      </c>
      <c r="FW19" s="101">
        <v>11</v>
      </c>
      <c r="FX19" s="102">
        <v>16</v>
      </c>
      <c r="FY19" s="103">
        <v>27</v>
      </c>
      <c r="FZ19" s="412">
        <v>0</v>
      </c>
      <c r="GA19" s="102">
        <v>5</v>
      </c>
      <c r="GB19" s="102">
        <v>21</v>
      </c>
      <c r="GC19" s="102">
        <v>9</v>
      </c>
      <c r="GD19" s="102">
        <v>12</v>
      </c>
      <c r="GE19" s="102">
        <v>13</v>
      </c>
      <c r="GF19" s="103">
        <v>60</v>
      </c>
      <c r="GG19" s="104">
        <v>87</v>
      </c>
      <c r="GH19" s="101">
        <v>424</v>
      </c>
      <c r="GI19" s="102">
        <v>669</v>
      </c>
      <c r="GJ19" s="103">
        <v>1093</v>
      </c>
      <c r="GK19" s="412">
        <v>0</v>
      </c>
      <c r="GL19" s="102">
        <v>832</v>
      </c>
      <c r="GM19" s="102">
        <v>1028</v>
      </c>
      <c r="GN19" s="102">
        <v>776</v>
      </c>
      <c r="GO19" s="102">
        <v>818</v>
      </c>
      <c r="GP19" s="102">
        <v>453</v>
      </c>
      <c r="GQ19" s="103">
        <v>3907</v>
      </c>
      <c r="GR19" s="104">
        <v>5000</v>
      </c>
      <c r="GS19" s="105">
        <v>661</v>
      </c>
      <c r="GT19" s="97">
        <v>954</v>
      </c>
      <c r="GU19" s="98">
        <v>1615</v>
      </c>
      <c r="GV19" s="412">
        <v>0</v>
      </c>
      <c r="GW19" s="97">
        <v>1322</v>
      </c>
      <c r="GX19" s="97">
        <v>1652</v>
      </c>
      <c r="GY19" s="97">
        <v>1173</v>
      </c>
      <c r="GZ19" s="97">
        <v>1117</v>
      </c>
      <c r="HA19" s="97">
        <v>636</v>
      </c>
      <c r="HB19" s="99">
        <v>5900</v>
      </c>
      <c r="HC19" s="100">
        <v>7515</v>
      </c>
      <c r="HD19" s="101">
        <v>19</v>
      </c>
      <c r="HE19" s="102">
        <v>35</v>
      </c>
      <c r="HF19" s="103">
        <v>54</v>
      </c>
      <c r="HG19" s="415">
        <v>0</v>
      </c>
      <c r="HH19" s="102">
        <v>22</v>
      </c>
      <c r="HI19" s="102">
        <v>55</v>
      </c>
      <c r="HJ19" s="102">
        <v>36</v>
      </c>
      <c r="HK19" s="102">
        <v>34</v>
      </c>
      <c r="HL19" s="102">
        <v>28</v>
      </c>
      <c r="HM19" s="103">
        <v>175</v>
      </c>
      <c r="HN19" s="104">
        <v>229</v>
      </c>
      <c r="HO19" s="101">
        <v>56</v>
      </c>
      <c r="HP19" s="102">
        <v>108</v>
      </c>
      <c r="HQ19" s="103">
        <v>164</v>
      </c>
      <c r="HR19" s="412">
        <v>0</v>
      </c>
      <c r="HS19" s="102">
        <v>94</v>
      </c>
      <c r="HT19" s="102">
        <v>157</v>
      </c>
      <c r="HU19" s="102">
        <v>81</v>
      </c>
      <c r="HV19" s="102">
        <v>82</v>
      </c>
      <c r="HW19" s="102">
        <v>53</v>
      </c>
      <c r="HX19" s="103">
        <v>467</v>
      </c>
      <c r="HY19" s="104">
        <v>631</v>
      </c>
      <c r="HZ19" s="101">
        <v>116</v>
      </c>
      <c r="IA19" s="102">
        <v>165</v>
      </c>
      <c r="IB19" s="103">
        <v>281</v>
      </c>
      <c r="IC19" s="412">
        <v>0</v>
      </c>
      <c r="ID19" s="102">
        <v>176</v>
      </c>
      <c r="IE19" s="102">
        <v>226</v>
      </c>
      <c r="IF19" s="102">
        <v>146</v>
      </c>
      <c r="IG19" s="102">
        <v>145</v>
      </c>
      <c r="IH19" s="102">
        <v>87</v>
      </c>
      <c r="II19" s="103">
        <v>780</v>
      </c>
      <c r="IJ19" s="104">
        <v>1061</v>
      </c>
      <c r="IK19" s="101">
        <v>222</v>
      </c>
      <c r="IL19" s="102">
        <v>233</v>
      </c>
      <c r="IM19" s="103">
        <v>455</v>
      </c>
      <c r="IN19" s="412">
        <v>0</v>
      </c>
      <c r="IO19" s="102">
        <v>351</v>
      </c>
      <c r="IP19" s="102">
        <v>399</v>
      </c>
      <c r="IQ19" s="102">
        <v>249</v>
      </c>
      <c r="IR19" s="102">
        <v>219</v>
      </c>
      <c r="IS19" s="102">
        <v>129</v>
      </c>
      <c r="IT19" s="103">
        <v>1347</v>
      </c>
      <c r="IU19" s="104">
        <v>1802</v>
      </c>
      <c r="IV19" s="101">
        <v>152</v>
      </c>
      <c r="IW19" s="102">
        <v>239</v>
      </c>
      <c r="IX19" s="103">
        <v>391</v>
      </c>
      <c r="IY19" s="412">
        <v>0</v>
      </c>
      <c r="IZ19" s="102">
        <v>393</v>
      </c>
      <c r="JA19" s="102">
        <v>390</v>
      </c>
      <c r="JB19" s="102">
        <v>302</v>
      </c>
      <c r="JC19" s="102">
        <v>243</v>
      </c>
      <c r="JD19" s="102">
        <v>140</v>
      </c>
      <c r="JE19" s="103">
        <v>1468</v>
      </c>
      <c r="JF19" s="104">
        <v>1859</v>
      </c>
      <c r="JG19" s="101">
        <v>96</v>
      </c>
      <c r="JH19" s="102">
        <v>174</v>
      </c>
      <c r="JI19" s="103">
        <v>270</v>
      </c>
      <c r="JJ19" s="412">
        <v>0</v>
      </c>
      <c r="JK19" s="102">
        <v>286</v>
      </c>
      <c r="JL19" s="102">
        <v>425</v>
      </c>
      <c r="JM19" s="102">
        <v>359</v>
      </c>
      <c r="JN19" s="102">
        <v>394</v>
      </c>
      <c r="JO19" s="102">
        <v>199</v>
      </c>
      <c r="JP19" s="103">
        <v>1663</v>
      </c>
      <c r="JQ19" s="104">
        <v>1933</v>
      </c>
      <c r="JR19" s="101">
        <v>22</v>
      </c>
      <c r="JS19" s="102">
        <v>31</v>
      </c>
      <c r="JT19" s="103">
        <v>53</v>
      </c>
      <c r="JU19" s="412">
        <v>0</v>
      </c>
      <c r="JV19" s="102">
        <v>18</v>
      </c>
      <c r="JW19" s="102">
        <v>48</v>
      </c>
      <c r="JX19" s="102">
        <v>28</v>
      </c>
      <c r="JY19" s="102">
        <v>29</v>
      </c>
      <c r="JZ19" s="102">
        <v>25</v>
      </c>
      <c r="KA19" s="103">
        <v>148</v>
      </c>
      <c r="KB19" s="104">
        <v>201</v>
      </c>
      <c r="KC19" s="101">
        <v>683</v>
      </c>
      <c r="KD19" s="102">
        <v>985</v>
      </c>
      <c r="KE19" s="103">
        <v>1668</v>
      </c>
      <c r="KF19" s="412">
        <v>0</v>
      </c>
      <c r="KG19" s="102">
        <v>1340</v>
      </c>
      <c r="KH19" s="102">
        <v>1700</v>
      </c>
      <c r="KI19" s="102">
        <v>1201</v>
      </c>
      <c r="KJ19" s="102">
        <v>1146</v>
      </c>
      <c r="KK19" s="102">
        <v>661</v>
      </c>
      <c r="KL19" s="103">
        <v>6048</v>
      </c>
      <c r="KM19" s="104">
        <v>7716</v>
      </c>
    </row>
    <row r="20" spans="2:299" s="70" customFormat="1" ht="21" customHeight="1" x14ac:dyDescent="0.2">
      <c r="B20" s="106" t="s">
        <v>17</v>
      </c>
      <c r="C20" s="96">
        <v>314</v>
      </c>
      <c r="D20" s="97">
        <v>392</v>
      </c>
      <c r="E20" s="98">
        <v>706</v>
      </c>
      <c r="F20" s="412">
        <v>0</v>
      </c>
      <c r="G20" s="97">
        <v>549</v>
      </c>
      <c r="H20" s="97">
        <v>817</v>
      </c>
      <c r="I20" s="97">
        <v>568</v>
      </c>
      <c r="J20" s="97">
        <v>434</v>
      </c>
      <c r="K20" s="97">
        <v>239</v>
      </c>
      <c r="L20" s="99">
        <v>2607</v>
      </c>
      <c r="M20" s="100">
        <v>3313</v>
      </c>
      <c r="N20" s="101">
        <v>17</v>
      </c>
      <c r="O20" s="102">
        <v>18</v>
      </c>
      <c r="P20" s="103">
        <v>35</v>
      </c>
      <c r="Q20" s="412">
        <v>0</v>
      </c>
      <c r="R20" s="102">
        <v>17</v>
      </c>
      <c r="S20" s="102">
        <v>48</v>
      </c>
      <c r="T20" s="102">
        <v>32</v>
      </c>
      <c r="U20" s="102">
        <v>26</v>
      </c>
      <c r="V20" s="102">
        <v>21</v>
      </c>
      <c r="W20" s="103">
        <v>144</v>
      </c>
      <c r="X20" s="104">
        <v>179</v>
      </c>
      <c r="Y20" s="101">
        <v>20</v>
      </c>
      <c r="Z20" s="102">
        <v>48</v>
      </c>
      <c r="AA20" s="103">
        <v>68</v>
      </c>
      <c r="AB20" s="412">
        <v>0</v>
      </c>
      <c r="AC20" s="102">
        <v>55</v>
      </c>
      <c r="AD20" s="102">
        <v>92</v>
      </c>
      <c r="AE20" s="102">
        <v>63</v>
      </c>
      <c r="AF20" s="102">
        <v>55</v>
      </c>
      <c r="AG20" s="102">
        <v>32</v>
      </c>
      <c r="AH20" s="103">
        <v>297</v>
      </c>
      <c r="AI20" s="104">
        <v>365</v>
      </c>
      <c r="AJ20" s="101">
        <v>47</v>
      </c>
      <c r="AK20" s="102">
        <v>68</v>
      </c>
      <c r="AL20" s="103">
        <v>115</v>
      </c>
      <c r="AM20" s="412">
        <v>0</v>
      </c>
      <c r="AN20" s="102">
        <v>95</v>
      </c>
      <c r="AO20" s="102">
        <v>149</v>
      </c>
      <c r="AP20" s="102">
        <v>101</v>
      </c>
      <c r="AQ20" s="102">
        <v>67</v>
      </c>
      <c r="AR20" s="102">
        <v>51</v>
      </c>
      <c r="AS20" s="103">
        <v>463</v>
      </c>
      <c r="AT20" s="104">
        <v>578</v>
      </c>
      <c r="AU20" s="101">
        <v>98</v>
      </c>
      <c r="AV20" s="102">
        <v>100</v>
      </c>
      <c r="AW20" s="103">
        <v>198</v>
      </c>
      <c r="AX20" s="412">
        <v>0</v>
      </c>
      <c r="AY20" s="102">
        <v>165</v>
      </c>
      <c r="AZ20" s="102">
        <v>235</v>
      </c>
      <c r="BA20" s="102">
        <v>154</v>
      </c>
      <c r="BB20" s="102">
        <v>108</v>
      </c>
      <c r="BC20" s="102">
        <v>50</v>
      </c>
      <c r="BD20" s="103">
        <v>712</v>
      </c>
      <c r="BE20" s="104">
        <v>910</v>
      </c>
      <c r="BF20" s="101">
        <v>87</v>
      </c>
      <c r="BG20" s="102">
        <v>90</v>
      </c>
      <c r="BH20" s="103">
        <v>177</v>
      </c>
      <c r="BI20" s="412">
        <v>0</v>
      </c>
      <c r="BJ20" s="102">
        <v>128</v>
      </c>
      <c r="BK20" s="102">
        <v>165</v>
      </c>
      <c r="BL20" s="102">
        <v>129</v>
      </c>
      <c r="BM20" s="102">
        <v>110</v>
      </c>
      <c r="BN20" s="102">
        <v>44</v>
      </c>
      <c r="BO20" s="103">
        <v>576</v>
      </c>
      <c r="BP20" s="104">
        <v>753</v>
      </c>
      <c r="BQ20" s="101">
        <v>45</v>
      </c>
      <c r="BR20" s="102">
        <v>68</v>
      </c>
      <c r="BS20" s="103">
        <v>113</v>
      </c>
      <c r="BT20" s="412">
        <v>0</v>
      </c>
      <c r="BU20" s="102">
        <v>89</v>
      </c>
      <c r="BV20" s="102">
        <v>128</v>
      </c>
      <c r="BW20" s="102">
        <v>89</v>
      </c>
      <c r="BX20" s="102">
        <v>68</v>
      </c>
      <c r="BY20" s="102">
        <v>41</v>
      </c>
      <c r="BZ20" s="103">
        <v>415</v>
      </c>
      <c r="CA20" s="104">
        <v>528</v>
      </c>
      <c r="CB20" s="101">
        <v>6</v>
      </c>
      <c r="CC20" s="102">
        <v>20</v>
      </c>
      <c r="CD20" s="103">
        <v>26</v>
      </c>
      <c r="CE20" s="412">
        <v>0</v>
      </c>
      <c r="CF20" s="102">
        <v>24</v>
      </c>
      <c r="CG20" s="102">
        <v>40</v>
      </c>
      <c r="CH20" s="102">
        <v>27</v>
      </c>
      <c r="CI20" s="102">
        <v>14</v>
      </c>
      <c r="CJ20" s="102">
        <v>16</v>
      </c>
      <c r="CK20" s="103">
        <v>121</v>
      </c>
      <c r="CL20" s="104">
        <v>147</v>
      </c>
      <c r="CM20" s="101">
        <v>320</v>
      </c>
      <c r="CN20" s="102">
        <v>412</v>
      </c>
      <c r="CO20" s="103">
        <v>732</v>
      </c>
      <c r="CP20" s="412">
        <v>0</v>
      </c>
      <c r="CQ20" s="102">
        <v>573</v>
      </c>
      <c r="CR20" s="102">
        <v>857</v>
      </c>
      <c r="CS20" s="102">
        <v>595</v>
      </c>
      <c r="CT20" s="102">
        <v>448</v>
      </c>
      <c r="CU20" s="102">
        <v>255</v>
      </c>
      <c r="CV20" s="103">
        <v>2728</v>
      </c>
      <c r="CW20" s="104">
        <v>3460</v>
      </c>
      <c r="CX20" s="105">
        <v>656</v>
      </c>
      <c r="CY20" s="97">
        <v>916</v>
      </c>
      <c r="CZ20" s="98">
        <v>1572</v>
      </c>
      <c r="DA20" s="412">
        <v>0</v>
      </c>
      <c r="DB20" s="97">
        <v>927</v>
      </c>
      <c r="DC20" s="97">
        <v>1337</v>
      </c>
      <c r="DD20" s="97">
        <v>982</v>
      </c>
      <c r="DE20" s="97">
        <v>908</v>
      </c>
      <c r="DF20" s="97">
        <v>599</v>
      </c>
      <c r="DG20" s="99">
        <v>4753</v>
      </c>
      <c r="DH20" s="100">
        <v>6325</v>
      </c>
      <c r="DI20" s="101">
        <v>16</v>
      </c>
      <c r="DJ20" s="102">
        <v>31</v>
      </c>
      <c r="DK20" s="103">
        <v>47</v>
      </c>
      <c r="DL20" s="412">
        <v>0</v>
      </c>
      <c r="DM20" s="102">
        <v>12</v>
      </c>
      <c r="DN20" s="102">
        <v>32</v>
      </c>
      <c r="DO20" s="102">
        <v>26</v>
      </c>
      <c r="DP20" s="102">
        <v>19</v>
      </c>
      <c r="DQ20" s="102">
        <v>20</v>
      </c>
      <c r="DR20" s="103">
        <v>109</v>
      </c>
      <c r="DS20" s="104">
        <v>156</v>
      </c>
      <c r="DT20" s="101">
        <v>45</v>
      </c>
      <c r="DU20" s="102">
        <v>76</v>
      </c>
      <c r="DV20" s="103">
        <v>121</v>
      </c>
      <c r="DW20" s="412">
        <v>0</v>
      </c>
      <c r="DX20" s="102">
        <v>66</v>
      </c>
      <c r="DY20" s="102">
        <v>73</v>
      </c>
      <c r="DZ20" s="102">
        <v>57</v>
      </c>
      <c r="EA20" s="102">
        <v>56</v>
      </c>
      <c r="EB20" s="102">
        <v>24</v>
      </c>
      <c r="EC20" s="103">
        <v>276</v>
      </c>
      <c r="ED20" s="104">
        <v>397</v>
      </c>
      <c r="EE20" s="101">
        <v>116</v>
      </c>
      <c r="EF20" s="102">
        <v>151</v>
      </c>
      <c r="EG20" s="103">
        <v>267</v>
      </c>
      <c r="EH20" s="412">
        <v>0</v>
      </c>
      <c r="EI20" s="102">
        <v>118</v>
      </c>
      <c r="EJ20" s="102">
        <v>169</v>
      </c>
      <c r="EK20" s="102">
        <v>122</v>
      </c>
      <c r="EL20" s="102">
        <v>90</v>
      </c>
      <c r="EM20" s="102">
        <v>67</v>
      </c>
      <c r="EN20" s="103">
        <v>566</v>
      </c>
      <c r="EO20" s="104">
        <v>833</v>
      </c>
      <c r="EP20" s="101">
        <v>222</v>
      </c>
      <c r="EQ20" s="102">
        <v>262</v>
      </c>
      <c r="ER20" s="103">
        <v>484</v>
      </c>
      <c r="ES20" s="412">
        <v>0</v>
      </c>
      <c r="ET20" s="102">
        <v>238</v>
      </c>
      <c r="EU20" s="102">
        <v>350</v>
      </c>
      <c r="EV20" s="102">
        <v>222</v>
      </c>
      <c r="EW20" s="102">
        <v>180</v>
      </c>
      <c r="EX20" s="102">
        <v>122</v>
      </c>
      <c r="EY20" s="103">
        <v>1112</v>
      </c>
      <c r="EZ20" s="104">
        <v>1596</v>
      </c>
      <c r="FA20" s="101">
        <v>169</v>
      </c>
      <c r="FB20" s="102">
        <v>246</v>
      </c>
      <c r="FC20" s="103">
        <v>415</v>
      </c>
      <c r="FD20" s="412">
        <v>0</v>
      </c>
      <c r="FE20" s="102">
        <v>278</v>
      </c>
      <c r="FF20" s="102">
        <v>357</v>
      </c>
      <c r="FG20" s="102">
        <v>262</v>
      </c>
      <c r="FH20" s="102">
        <v>224</v>
      </c>
      <c r="FI20" s="102">
        <v>170</v>
      </c>
      <c r="FJ20" s="103">
        <v>1291</v>
      </c>
      <c r="FK20" s="104">
        <v>1706</v>
      </c>
      <c r="FL20" s="101">
        <v>88</v>
      </c>
      <c r="FM20" s="102">
        <v>150</v>
      </c>
      <c r="FN20" s="103">
        <v>238</v>
      </c>
      <c r="FO20" s="412">
        <v>0</v>
      </c>
      <c r="FP20" s="102">
        <v>215</v>
      </c>
      <c r="FQ20" s="102">
        <v>356</v>
      </c>
      <c r="FR20" s="102">
        <v>293</v>
      </c>
      <c r="FS20" s="102">
        <v>339</v>
      </c>
      <c r="FT20" s="102">
        <v>196</v>
      </c>
      <c r="FU20" s="103">
        <v>1399</v>
      </c>
      <c r="FV20" s="104">
        <v>1637</v>
      </c>
      <c r="FW20" s="101">
        <v>6</v>
      </c>
      <c r="FX20" s="102">
        <v>16</v>
      </c>
      <c r="FY20" s="103">
        <v>22</v>
      </c>
      <c r="FZ20" s="412">
        <v>0</v>
      </c>
      <c r="GA20" s="102">
        <v>10</v>
      </c>
      <c r="GB20" s="102">
        <v>32</v>
      </c>
      <c r="GC20" s="102">
        <v>13</v>
      </c>
      <c r="GD20" s="102">
        <v>17</v>
      </c>
      <c r="GE20" s="102">
        <v>20</v>
      </c>
      <c r="GF20" s="103">
        <v>92</v>
      </c>
      <c r="GG20" s="104">
        <v>114</v>
      </c>
      <c r="GH20" s="101">
        <v>662</v>
      </c>
      <c r="GI20" s="102">
        <v>932</v>
      </c>
      <c r="GJ20" s="103">
        <v>1594</v>
      </c>
      <c r="GK20" s="412">
        <v>0</v>
      </c>
      <c r="GL20" s="102">
        <v>937</v>
      </c>
      <c r="GM20" s="102">
        <v>1369</v>
      </c>
      <c r="GN20" s="102">
        <v>995</v>
      </c>
      <c r="GO20" s="102">
        <v>925</v>
      </c>
      <c r="GP20" s="102">
        <v>619</v>
      </c>
      <c r="GQ20" s="103">
        <v>4845</v>
      </c>
      <c r="GR20" s="104">
        <v>6439</v>
      </c>
      <c r="GS20" s="105">
        <v>970</v>
      </c>
      <c r="GT20" s="97">
        <v>1308</v>
      </c>
      <c r="GU20" s="98">
        <v>2278</v>
      </c>
      <c r="GV20" s="412">
        <v>0</v>
      </c>
      <c r="GW20" s="97">
        <v>1476</v>
      </c>
      <c r="GX20" s="97">
        <v>2154</v>
      </c>
      <c r="GY20" s="97">
        <v>1550</v>
      </c>
      <c r="GZ20" s="97">
        <v>1342</v>
      </c>
      <c r="HA20" s="97">
        <v>838</v>
      </c>
      <c r="HB20" s="99">
        <v>7360</v>
      </c>
      <c r="HC20" s="100">
        <v>9638</v>
      </c>
      <c r="HD20" s="101">
        <v>33</v>
      </c>
      <c r="HE20" s="102">
        <v>49</v>
      </c>
      <c r="HF20" s="103">
        <v>82</v>
      </c>
      <c r="HG20" s="415">
        <v>0</v>
      </c>
      <c r="HH20" s="102">
        <v>29</v>
      </c>
      <c r="HI20" s="102">
        <v>80</v>
      </c>
      <c r="HJ20" s="102">
        <v>58</v>
      </c>
      <c r="HK20" s="102">
        <v>45</v>
      </c>
      <c r="HL20" s="102">
        <v>41</v>
      </c>
      <c r="HM20" s="103">
        <v>253</v>
      </c>
      <c r="HN20" s="104">
        <v>335</v>
      </c>
      <c r="HO20" s="101">
        <v>65</v>
      </c>
      <c r="HP20" s="102">
        <v>124</v>
      </c>
      <c r="HQ20" s="103">
        <v>189</v>
      </c>
      <c r="HR20" s="412">
        <v>0</v>
      </c>
      <c r="HS20" s="102">
        <v>121</v>
      </c>
      <c r="HT20" s="102">
        <v>165</v>
      </c>
      <c r="HU20" s="102">
        <v>120</v>
      </c>
      <c r="HV20" s="102">
        <v>111</v>
      </c>
      <c r="HW20" s="102">
        <v>56</v>
      </c>
      <c r="HX20" s="103">
        <v>573</v>
      </c>
      <c r="HY20" s="104">
        <v>762</v>
      </c>
      <c r="HZ20" s="101">
        <v>163</v>
      </c>
      <c r="IA20" s="102">
        <v>219</v>
      </c>
      <c r="IB20" s="103">
        <v>382</v>
      </c>
      <c r="IC20" s="412">
        <v>0</v>
      </c>
      <c r="ID20" s="102">
        <v>213</v>
      </c>
      <c r="IE20" s="102">
        <v>318</v>
      </c>
      <c r="IF20" s="102">
        <v>223</v>
      </c>
      <c r="IG20" s="102">
        <v>157</v>
      </c>
      <c r="IH20" s="102">
        <v>118</v>
      </c>
      <c r="II20" s="103">
        <v>1029</v>
      </c>
      <c r="IJ20" s="104">
        <v>1411</v>
      </c>
      <c r="IK20" s="101">
        <v>320</v>
      </c>
      <c r="IL20" s="102">
        <v>362</v>
      </c>
      <c r="IM20" s="103">
        <v>682</v>
      </c>
      <c r="IN20" s="412">
        <v>0</v>
      </c>
      <c r="IO20" s="102">
        <v>403</v>
      </c>
      <c r="IP20" s="102">
        <v>585</v>
      </c>
      <c r="IQ20" s="102">
        <v>376</v>
      </c>
      <c r="IR20" s="102">
        <v>288</v>
      </c>
      <c r="IS20" s="102">
        <v>172</v>
      </c>
      <c r="IT20" s="103">
        <v>1824</v>
      </c>
      <c r="IU20" s="104">
        <v>2506</v>
      </c>
      <c r="IV20" s="101">
        <v>256</v>
      </c>
      <c r="IW20" s="102">
        <v>336</v>
      </c>
      <c r="IX20" s="103">
        <v>592</v>
      </c>
      <c r="IY20" s="412">
        <v>0</v>
      </c>
      <c r="IZ20" s="102">
        <v>406</v>
      </c>
      <c r="JA20" s="102">
        <v>522</v>
      </c>
      <c r="JB20" s="102">
        <v>391</v>
      </c>
      <c r="JC20" s="102">
        <v>334</v>
      </c>
      <c r="JD20" s="102">
        <v>214</v>
      </c>
      <c r="JE20" s="103">
        <v>1867</v>
      </c>
      <c r="JF20" s="104">
        <v>2459</v>
      </c>
      <c r="JG20" s="101">
        <v>133</v>
      </c>
      <c r="JH20" s="102">
        <v>218</v>
      </c>
      <c r="JI20" s="103">
        <v>351</v>
      </c>
      <c r="JJ20" s="412">
        <v>0</v>
      </c>
      <c r="JK20" s="102">
        <v>304</v>
      </c>
      <c r="JL20" s="102">
        <v>484</v>
      </c>
      <c r="JM20" s="102">
        <v>382</v>
      </c>
      <c r="JN20" s="102">
        <v>407</v>
      </c>
      <c r="JO20" s="102">
        <v>237</v>
      </c>
      <c r="JP20" s="103">
        <v>1814</v>
      </c>
      <c r="JQ20" s="104">
        <v>2165</v>
      </c>
      <c r="JR20" s="101">
        <v>12</v>
      </c>
      <c r="JS20" s="102">
        <v>36</v>
      </c>
      <c r="JT20" s="103">
        <v>48</v>
      </c>
      <c r="JU20" s="412">
        <v>0</v>
      </c>
      <c r="JV20" s="102">
        <v>34</v>
      </c>
      <c r="JW20" s="102">
        <v>72</v>
      </c>
      <c r="JX20" s="102">
        <v>40</v>
      </c>
      <c r="JY20" s="102">
        <v>31</v>
      </c>
      <c r="JZ20" s="102">
        <v>36</v>
      </c>
      <c r="KA20" s="103">
        <v>213</v>
      </c>
      <c r="KB20" s="104">
        <v>261</v>
      </c>
      <c r="KC20" s="101">
        <v>982</v>
      </c>
      <c r="KD20" s="102">
        <v>1344</v>
      </c>
      <c r="KE20" s="103">
        <v>2326</v>
      </c>
      <c r="KF20" s="412">
        <v>0</v>
      </c>
      <c r="KG20" s="102">
        <v>1510</v>
      </c>
      <c r="KH20" s="102">
        <v>2226</v>
      </c>
      <c r="KI20" s="102">
        <v>1590</v>
      </c>
      <c r="KJ20" s="102">
        <v>1373</v>
      </c>
      <c r="KK20" s="102">
        <v>874</v>
      </c>
      <c r="KL20" s="103">
        <v>7573</v>
      </c>
      <c r="KM20" s="104">
        <v>9899</v>
      </c>
    </row>
    <row r="21" spans="2:299" s="70" customFormat="1" ht="21" customHeight="1" x14ac:dyDescent="0.2">
      <c r="B21" s="106" t="s">
        <v>18</v>
      </c>
      <c r="C21" s="96">
        <v>461</v>
      </c>
      <c r="D21" s="97">
        <v>470</v>
      </c>
      <c r="E21" s="98">
        <v>931</v>
      </c>
      <c r="F21" s="412">
        <v>0</v>
      </c>
      <c r="G21" s="97">
        <v>983</v>
      </c>
      <c r="H21" s="97">
        <v>821</v>
      </c>
      <c r="I21" s="97">
        <v>534</v>
      </c>
      <c r="J21" s="97">
        <v>434</v>
      </c>
      <c r="K21" s="97">
        <v>275</v>
      </c>
      <c r="L21" s="99">
        <v>3047</v>
      </c>
      <c r="M21" s="100">
        <v>3978</v>
      </c>
      <c r="N21" s="101">
        <v>26</v>
      </c>
      <c r="O21" s="102">
        <v>20</v>
      </c>
      <c r="P21" s="103">
        <v>46</v>
      </c>
      <c r="Q21" s="412">
        <v>0</v>
      </c>
      <c r="R21" s="102">
        <v>51</v>
      </c>
      <c r="S21" s="102">
        <v>46</v>
      </c>
      <c r="T21" s="102">
        <v>31</v>
      </c>
      <c r="U21" s="102">
        <v>27</v>
      </c>
      <c r="V21" s="102">
        <v>25</v>
      </c>
      <c r="W21" s="103">
        <v>180</v>
      </c>
      <c r="X21" s="104">
        <v>226</v>
      </c>
      <c r="Y21" s="101">
        <v>47</v>
      </c>
      <c r="Z21" s="102">
        <v>54</v>
      </c>
      <c r="AA21" s="103">
        <v>101</v>
      </c>
      <c r="AB21" s="412">
        <v>0</v>
      </c>
      <c r="AC21" s="102">
        <v>102</v>
      </c>
      <c r="AD21" s="102">
        <v>83</v>
      </c>
      <c r="AE21" s="102">
        <v>65</v>
      </c>
      <c r="AF21" s="102">
        <v>51</v>
      </c>
      <c r="AG21" s="102">
        <v>30</v>
      </c>
      <c r="AH21" s="103">
        <v>331</v>
      </c>
      <c r="AI21" s="104">
        <v>432</v>
      </c>
      <c r="AJ21" s="101">
        <v>77</v>
      </c>
      <c r="AK21" s="102">
        <v>83</v>
      </c>
      <c r="AL21" s="103">
        <v>160</v>
      </c>
      <c r="AM21" s="412">
        <v>0</v>
      </c>
      <c r="AN21" s="102">
        <v>155</v>
      </c>
      <c r="AO21" s="102">
        <v>125</v>
      </c>
      <c r="AP21" s="102">
        <v>86</v>
      </c>
      <c r="AQ21" s="102">
        <v>66</v>
      </c>
      <c r="AR21" s="102">
        <v>54</v>
      </c>
      <c r="AS21" s="103">
        <v>486</v>
      </c>
      <c r="AT21" s="104">
        <v>646</v>
      </c>
      <c r="AU21" s="101">
        <v>132</v>
      </c>
      <c r="AV21" s="102">
        <v>126</v>
      </c>
      <c r="AW21" s="103">
        <v>258</v>
      </c>
      <c r="AX21" s="412">
        <v>0</v>
      </c>
      <c r="AY21" s="102">
        <v>279</v>
      </c>
      <c r="AZ21" s="102">
        <v>238</v>
      </c>
      <c r="BA21" s="102">
        <v>127</v>
      </c>
      <c r="BB21" s="102">
        <v>103</v>
      </c>
      <c r="BC21" s="102">
        <v>88</v>
      </c>
      <c r="BD21" s="103">
        <v>835</v>
      </c>
      <c r="BE21" s="104">
        <v>1093</v>
      </c>
      <c r="BF21" s="101">
        <v>115</v>
      </c>
      <c r="BG21" s="102">
        <v>129</v>
      </c>
      <c r="BH21" s="103">
        <v>244</v>
      </c>
      <c r="BI21" s="412">
        <v>0</v>
      </c>
      <c r="BJ21" s="102">
        <v>248</v>
      </c>
      <c r="BK21" s="102">
        <v>204</v>
      </c>
      <c r="BL21" s="102">
        <v>141</v>
      </c>
      <c r="BM21" s="102">
        <v>106</v>
      </c>
      <c r="BN21" s="102">
        <v>45</v>
      </c>
      <c r="BO21" s="103">
        <v>744</v>
      </c>
      <c r="BP21" s="104">
        <v>988</v>
      </c>
      <c r="BQ21" s="101">
        <v>64</v>
      </c>
      <c r="BR21" s="102">
        <v>58</v>
      </c>
      <c r="BS21" s="103">
        <v>122</v>
      </c>
      <c r="BT21" s="412">
        <v>0</v>
      </c>
      <c r="BU21" s="102">
        <v>148</v>
      </c>
      <c r="BV21" s="102">
        <v>125</v>
      </c>
      <c r="BW21" s="102">
        <v>84</v>
      </c>
      <c r="BX21" s="102">
        <v>81</v>
      </c>
      <c r="BY21" s="102">
        <v>33</v>
      </c>
      <c r="BZ21" s="103">
        <v>471</v>
      </c>
      <c r="CA21" s="104">
        <v>593</v>
      </c>
      <c r="CB21" s="101">
        <v>11</v>
      </c>
      <c r="CC21" s="102">
        <v>27</v>
      </c>
      <c r="CD21" s="103">
        <v>38</v>
      </c>
      <c r="CE21" s="412">
        <v>0</v>
      </c>
      <c r="CF21" s="102">
        <v>30</v>
      </c>
      <c r="CG21" s="102">
        <v>40</v>
      </c>
      <c r="CH21" s="102">
        <v>24</v>
      </c>
      <c r="CI21" s="102">
        <v>28</v>
      </c>
      <c r="CJ21" s="102">
        <v>25</v>
      </c>
      <c r="CK21" s="103">
        <v>147</v>
      </c>
      <c r="CL21" s="104">
        <v>185</v>
      </c>
      <c r="CM21" s="101">
        <v>472</v>
      </c>
      <c r="CN21" s="102">
        <v>497</v>
      </c>
      <c r="CO21" s="103">
        <v>969</v>
      </c>
      <c r="CP21" s="412">
        <v>0</v>
      </c>
      <c r="CQ21" s="102">
        <v>1013</v>
      </c>
      <c r="CR21" s="102">
        <v>861</v>
      </c>
      <c r="CS21" s="102">
        <v>558</v>
      </c>
      <c r="CT21" s="102">
        <v>462</v>
      </c>
      <c r="CU21" s="102">
        <v>300</v>
      </c>
      <c r="CV21" s="103">
        <v>3194</v>
      </c>
      <c r="CW21" s="104">
        <v>4163</v>
      </c>
      <c r="CX21" s="105">
        <v>810</v>
      </c>
      <c r="CY21" s="97">
        <v>1181</v>
      </c>
      <c r="CZ21" s="98">
        <v>1991</v>
      </c>
      <c r="DA21" s="412">
        <v>0</v>
      </c>
      <c r="DB21" s="97">
        <v>1492</v>
      </c>
      <c r="DC21" s="97">
        <v>1252</v>
      </c>
      <c r="DD21" s="97">
        <v>1005</v>
      </c>
      <c r="DE21" s="97">
        <v>984</v>
      </c>
      <c r="DF21" s="97">
        <v>650</v>
      </c>
      <c r="DG21" s="99">
        <v>5383</v>
      </c>
      <c r="DH21" s="100">
        <v>7374</v>
      </c>
      <c r="DI21" s="101">
        <v>16</v>
      </c>
      <c r="DJ21" s="102">
        <v>33</v>
      </c>
      <c r="DK21" s="103">
        <v>49</v>
      </c>
      <c r="DL21" s="412">
        <v>0</v>
      </c>
      <c r="DM21" s="102">
        <v>39</v>
      </c>
      <c r="DN21" s="102">
        <v>21</v>
      </c>
      <c r="DO21" s="102">
        <v>12</v>
      </c>
      <c r="DP21" s="102">
        <v>24</v>
      </c>
      <c r="DQ21" s="102">
        <v>15</v>
      </c>
      <c r="DR21" s="103">
        <v>111</v>
      </c>
      <c r="DS21" s="104">
        <v>160</v>
      </c>
      <c r="DT21" s="101">
        <v>73</v>
      </c>
      <c r="DU21" s="102">
        <v>90</v>
      </c>
      <c r="DV21" s="103">
        <v>163</v>
      </c>
      <c r="DW21" s="412">
        <v>0</v>
      </c>
      <c r="DX21" s="102">
        <v>92</v>
      </c>
      <c r="DY21" s="102">
        <v>70</v>
      </c>
      <c r="DZ21" s="102">
        <v>39</v>
      </c>
      <c r="EA21" s="102">
        <v>51</v>
      </c>
      <c r="EB21" s="102">
        <v>38</v>
      </c>
      <c r="EC21" s="103">
        <v>290</v>
      </c>
      <c r="ED21" s="104">
        <v>453</v>
      </c>
      <c r="EE21" s="101">
        <v>147</v>
      </c>
      <c r="EF21" s="102">
        <v>183</v>
      </c>
      <c r="EG21" s="103">
        <v>330</v>
      </c>
      <c r="EH21" s="412">
        <v>0</v>
      </c>
      <c r="EI21" s="102">
        <v>203</v>
      </c>
      <c r="EJ21" s="102">
        <v>147</v>
      </c>
      <c r="EK21" s="102">
        <v>104</v>
      </c>
      <c r="EL21" s="102">
        <v>100</v>
      </c>
      <c r="EM21" s="102">
        <v>67</v>
      </c>
      <c r="EN21" s="103">
        <v>621</v>
      </c>
      <c r="EO21" s="104">
        <v>951</v>
      </c>
      <c r="EP21" s="101">
        <v>281</v>
      </c>
      <c r="EQ21" s="102">
        <v>367</v>
      </c>
      <c r="ER21" s="103">
        <v>648</v>
      </c>
      <c r="ES21" s="412">
        <v>0</v>
      </c>
      <c r="ET21" s="102">
        <v>409</v>
      </c>
      <c r="EU21" s="102">
        <v>287</v>
      </c>
      <c r="EV21" s="102">
        <v>237</v>
      </c>
      <c r="EW21" s="102">
        <v>199</v>
      </c>
      <c r="EX21" s="102">
        <v>137</v>
      </c>
      <c r="EY21" s="103">
        <v>1269</v>
      </c>
      <c r="EZ21" s="104">
        <v>1917</v>
      </c>
      <c r="FA21" s="101">
        <v>195</v>
      </c>
      <c r="FB21" s="102">
        <v>323</v>
      </c>
      <c r="FC21" s="103">
        <v>518</v>
      </c>
      <c r="FD21" s="412">
        <v>0</v>
      </c>
      <c r="FE21" s="102">
        <v>427</v>
      </c>
      <c r="FF21" s="102">
        <v>387</v>
      </c>
      <c r="FG21" s="102">
        <v>291</v>
      </c>
      <c r="FH21" s="102">
        <v>244</v>
      </c>
      <c r="FI21" s="102">
        <v>176</v>
      </c>
      <c r="FJ21" s="103">
        <v>1525</v>
      </c>
      <c r="FK21" s="104">
        <v>2043</v>
      </c>
      <c r="FL21" s="101">
        <v>98</v>
      </c>
      <c r="FM21" s="102">
        <v>185</v>
      </c>
      <c r="FN21" s="103">
        <v>283</v>
      </c>
      <c r="FO21" s="412">
        <v>0</v>
      </c>
      <c r="FP21" s="102">
        <v>322</v>
      </c>
      <c r="FQ21" s="102">
        <v>340</v>
      </c>
      <c r="FR21" s="102">
        <v>322</v>
      </c>
      <c r="FS21" s="102">
        <v>366</v>
      </c>
      <c r="FT21" s="102">
        <v>217</v>
      </c>
      <c r="FU21" s="103">
        <v>1567</v>
      </c>
      <c r="FV21" s="104">
        <v>1850</v>
      </c>
      <c r="FW21" s="101">
        <v>18</v>
      </c>
      <c r="FX21" s="102">
        <v>8</v>
      </c>
      <c r="FY21" s="103">
        <v>26</v>
      </c>
      <c r="FZ21" s="412">
        <v>0</v>
      </c>
      <c r="GA21" s="102">
        <v>26</v>
      </c>
      <c r="GB21" s="102">
        <v>32</v>
      </c>
      <c r="GC21" s="102">
        <v>10</v>
      </c>
      <c r="GD21" s="102">
        <v>16</v>
      </c>
      <c r="GE21" s="102">
        <v>16</v>
      </c>
      <c r="GF21" s="103">
        <v>100</v>
      </c>
      <c r="GG21" s="104">
        <v>126</v>
      </c>
      <c r="GH21" s="101">
        <v>828</v>
      </c>
      <c r="GI21" s="102">
        <v>1189</v>
      </c>
      <c r="GJ21" s="103">
        <v>2017</v>
      </c>
      <c r="GK21" s="412">
        <v>0</v>
      </c>
      <c r="GL21" s="102">
        <v>1518</v>
      </c>
      <c r="GM21" s="102">
        <v>1284</v>
      </c>
      <c r="GN21" s="102">
        <v>1015</v>
      </c>
      <c r="GO21" s="102">
        <v>1000</v>
      </c>
      <c r="GP21" s="102">
        <v>666</v>
      </c>
      <c r="GQ21" s="103">
        <v>5483</v>
      </c>
      <c r="GR21" s="104">
        <v>7500</v>
      </c>
      <c r="GS21" s="105">
        <v>1271</v>
      </c>
      <c r="GT21" s="97">
        <v>1651</v>
      </c>
      <c r="GU21" s="98">
        <v>2922</v>
      </c>
      <c r="GV21" s="412">
        <v>0</v>
      </c>
      <c r="GW21" s="97">
        <v>2475</v>
      </c>
      <c r="GX21" s="97">
        <v>2073</v>
      </c>
      <c r="GY21" s="97">
        <v>1539</v>
      </c>
      <c r="GZ21" s="97">
        <v>1418</v>
      </c>
      <c r="HA21" s="97">
        <v>925</v>
      </c>
      <c r="HB21" s="99">
        <v>8430</v>
      </c>
      <c r="HC21" s="100">
        <v>11352</v>
      </c>
      <c r="HD21" s="101">
        <v>42</v>
      </c>
      <c r="HE21" s="102">
        <v>53</v>
      </c>
      <c r="HF21" s="103">
        <v>95</v>
      </c>
      <c r="HG21" s="415">
        <v>0</v>
      </c>
      <c r="HH21" s="102">
        <v>90</v>
      </c>
      <c r="HI21" s="102">
        <v>67</v>
      </c>
      <c r="HJ21" s="102">
        <v>43</v>
      </c>
      <c r="HK21" s="102">
        <v>51</v>
      </c>
      <c r="HL21" s="102">
        <v>40</v>
      </c>
      <c r="HM21" s="103">
        <v>291</v>
      </c>
      <c r="HN21" s="104">
        <v>386</v>
      </c>
      <c r="HO21" s="101">
        <v>120</v>
      </c>
      <c r="HP21" s="102">
        <v>144</v>
      </c>
      <c r="HQ21" s="103">
        <v>264</v>
      </c>
      <c r="HR21" s="412">
        <v>0</v>
      </c>
      <c r="HS21" s="102">
        <v>194</v>
      </c>
      <c r="HT21" s="102">
        <v>153</v>
      </c>
      <c r="HU21" s="102">
        <v>104</v>
      </c>
      <c r="HV21" s="102">
        <v>102</v>
      </c>
      <c r="HW21" s="102">
        <v>68</v>
      </c>
      <c r="HX21" s="103">
        <v>621</v>
      </c>
      <c r="HY21" s="104">
        <v>885</v>
      </c>
      <c r="HZ21" s="101">
        <v>224</v>
      </c>
      <c r="IA21" s="102">
        <v>266</v>
      </c>
      <c r="IB21" s="103">
        <v>490</v>
      </c>
      <c r="IC21" s="412">
        <v>0</v>
      </c>
      <c r="ID21" s="102">
        <v>358</v>
      </c>
      <c r="IE21" s="102">
        <v>272</v>
      </c>
      <c r="IF21" s="102">
        <v>190</v>
      </c>
      <c r="IG21" s="102">
        <v>166</v>
      </c>
      <c r="IH21" s="102">
        <v>121</v>
      </c>
      <c r="II21" s="103">
        <v>1107</v>
      </c>
      <c r="IJ21" s="104">
        <v>1597</v>
      </c>
      <c r="IK21" s="101">
        <v>413</v>
      </c>
      <c r="IL21" s="102">
        <v>493</v>
      </c>
      <c r="IM21" s="103">
        <v>906</v>
      </c>
      <c r="IN21" s="412">
        <v>0</v>
      </c>
      <c r="IO21" s="102">
        <v>688</v>
      </c>
      <c r="IP21" s="102">
        <v>525</v>
      </c>
      <c r="IQ21" s="102">
        <v>364</v>
      </c>
      <c r="IR21" s="102">
        <v>302</v>
      </c>
      <c r="IS21" s="102">
        <v>225</v>
      </c>
      <c r="IT21" s="103">
        <v>2104</v>
      </c>
      <c r="IU21" s="104">
        <v>3010</v>
      </c>
      <c r="IV21" s="101">
        <v>310</v>
      </c>
      <c r="IW21" s="102">
        <v>452</v>
      </c>
      <c r="IX21" s="103">
        <v>762</v>
      </c>
      <c r="IY21" s="412">
        <v>0</v>
      </c>
      <c r="IZ21" s="102">
        <v>675</v>
      </c>
      <c r="JA21" s="102">
        <v>591</v>
      </c>
      <c r="JB21" s="102">
        <v>432</v>
      </c>
      <c r="JC21" s="102">
        <v>350</v>
      </c>
      <c r="JD21" s="102">
        <v>221</v>
      </c>
      <c r="JE21" s="103">
        <v>2269</v>
      </c>
      <c r="JF21" s="104">
        <v>3031</v>
      </c>
      <c r="JG21" s="101">
        <v>162</v>
      </c>
      <c r="JH21" s="102">
        <v>243</v>
      </c>
      <c r="JI21" s="103">
        <v>405</v>
      </c>
      <c r="JJ21" s="412">
        <v>0</v>
      </c>
      <c r="JK21" s="102">
        <v>470</v>
      </c>
      <c r="JL21" s="102">
        <v>465</v>
      </c>
      <c r="JM21" s="102">
        <v>406</v>
      </c>
      <c r="JN21" s="102">
        <v>447</v>
      </c>
      <c r="JO21" s="102">
        <v>250</v>
      </c>
      <c r="JP21" s="103">
        <v>2038</v>
      </c>
      <c r="JQ21" s="104">
        <v>2443</v>
      </c>
      <c r="JR21" s="101">
        <v>29</v>
      </c>
      <c r="JS21" s="102">
        <v>35</v>
      </c>
      <c r="JT21" s="103">
        <v>64</v>
      </c>
      <c r="JU21" s="412">
        <v>0</v>
      </c>
      <c r="JV21" s="102">
        <v>56</v>
      </c>
      <c r="JW21" s="102">
        <v>72</v>
      </c>
      <c r="JX21" s="102">
        <v>34</v>
      </c>
      <c r="JY21" s="102">
        <v>44</v>
      </c>
      <c r="JZ21" s="102">
        <v>41</v>
      </c>
      <c r="KA21" s="103">
        <v>247</v>
      </c>
      <c r="KB21" s="104">
        <v>311</v>
      </c>
      <c r="KC21" s="101">
        <v>1300</v>
      </c>
      <c r="KD21" s="102">
        <v>1686</v>
      </c>
      <c r="KE21" s="103">
        <v>2986</v>
      </c>
      <c r="KF21" s="412">
        <v>0</v>
      </c>
      <c r="KG21" s="102">
        <v>2531</v>
      </c>
      <c r="KH21" s="102">
        <v>2145</v>
      </c>
      <c r="KI21" s="102">
        <v>1573</v>
      </c>
      <c r="KJ21" s="102">
        <v>1462</v>
      </c>
      <c r="KK21" s="102">
        <v>966</v>
      </c>
      <c r="KL21" s="103">
        <v>8677</v>
      </c>
      <c r="KM21" s="104">
        <v>11663</v>
      </c>
    </row>
    <row r="22" spans="2:299" s="70" customFormat="1" ht="21" customHeight="1" x14ac:dyDescent="0.2">
      <c r="B22" s="106" t="s">
        <v>19</v>
      </c>
      <c r="C22" s="96">
        <v>224</v>
      </c>
      <c r="D22" s="97">
        <v>170</v>
      </c>
      <c r="E22" s="98">
        <v>394</v>
      </c>
      <c r="F22" s="412">
        <v>0</v>
      </c>
      <c r="G22" s="97">
        <v>401</v>
      </c>
      <c r="H22" s="97">
        <v>320</v>
      </c>
      <c r="I22" s="97">
        <v>224</v>
      </c>
      <c r="J22" s="97">
        <v>139</v>
      </c>
      <c r="K22" s="97">
        <v>107</v>
      </c>
      <c r="L22" s="99">
        <v>1191</v>
      </c>
      <c r="M22" s="100">
        <v>1585</v>
      </c>
      <c r="N22" s="107">
        <v>7</v>
      </c>
      <c r="O22" s="102">
        <v>10</v>
      </c>
      <c r="P22" s="103">
        <v>17</v>
      </c>
      <c r="Q22" s="412">
        <v>0</v>
      </c>
      <c r="R22" s="102">
        <v>17</v>
      </c>
      <c r="S22" s="102">
        <v>12</v>
      </c>
      <c r="T22" s="102">
        <v>13</v>
      </c>
      <c r="U22" s="102">
        <v>5</v>
      </c>
      <c r="V22" s="102">
        <v>8</v>
      </c>
      <c r="W22" s="103">
        <v>55</v>
      </c>
      <c r="X22" s="104">
        <v>72</v>
      </c>
      <c r="Y22" s="101">
        <v>21</v>
      </c>
      <c r="Z22" s="102">
        <v>21</v>
      </c>
      <c r="AA22" s="103">
        <v>42</v>
      </c>
      <c r="AB22" s="412">
        <v>0</v>
      </c>
      <c r="AC22" s="102">
        <v>43</v>
      </c>
      <c r="AD22" s="102">
        <v>34</v>
      </c>
      <c r="AE22" s="102">
        <v>20</v>
      </c>
      <c r="AF22" s="102">
        <v>13</v>
      </c>
      <c r="AG22" s="102">
        <v>11</v>
      </c>
      <c r="AH22" s="103">
        <v>121</v>
      </c>
      <c r="AI22" s="104">
        <v>163</v>
      </c>
      <c r="AJ22" s="107">
        <v>33</v>
      </c>
      <c r="AK22" s="102">
        <v>26</v>
      </c>
      <c r="AL22" s="103">
        <v>59</v>
      </c>
      <c r="AM22" s="412">
        <v>0</v>
      </c>
      <c r="AN22" s="102">
        <v>67</v>
      </c>
      <c r="AO22" s="102">
        <v>61</v>
      </c>
      <c r="AP22" s="102">
        <v>36</v>
      </c>
      <c r="AQ22" s="102">
        <v>30</v>
      </c>
      <c r="AR22" s="102">
        <v>16</v>
      </c>
      <c r="AS22" s="103">
        <v>210</v>
      </c>
      <c r="AT22" s="104">
        <v>269</v>
      </c>
      <c r="AU22" s="101">
        <v>64</v>
      </c>
      <c r="AV22" s="102">
        <v>38</v>
      </c>
      <c r="AW22" s="103">
        <v>102</v>
      </c>
      <c r="AX22" s="412">
        <v>0</v>
      </c>
      <c r="AY22" s="102">
        <v>102</v>
      </c>
      <c r="AZ22" s="102">
        <v>82</v>
      </c>
      <c r="BA22" s="102">
        <v>60</v>
      </c>
      <c r="BB22" s="102">
        <v>38</v>
      </c>
      <c r="BC22" s="102">
        <v>24</v>
      </c>
      <c r="BD22" s="103">
        <v>306</v>
      </c>
      <c r="BE22" s="104">
        <v>408</v>
      </c>
      <c r="BF22" s="107">
        <v>62</v>
      </c>
      <c r="BG22" s="102">
        <v>33</v>
      </c>
      <c r="BH22" s="103">
        <v>95</v>
      </c>
      <c r="BI22" s="412">
        <v>0</v>
      </c>
      <c r="BJ22" s="102">
        <v>104</v>
      </c>
      <c r="BK22" s="102">
        <v>74</v>
      </c>
      <c r="BL22" s="102">
        <v>52</v>
      </c>
      <c r="BM22" s="102">
        <v>37</v>
      </c>
      <c r="BN22" s="102">
        <v>30</v>
      </c>
      <c r="BO22" s="103">
        <v>297</v>
      </c>
      <c r="BP22" s="104">
        <v>392</v>
      </c>
      <c r="BQ22" s="101">
        <v>37</v>
      </c>
      <c r="BR22" s="102">
        <v>42</v>
      </c>
      <c r="BS22" s="103">
        <v>79</v>
      </c>
      <c r="BT22" s="412">
        <v>0</v>
      </c>
      <c r="BU22" s="102">
        <v>68</v>
      </c>
      <c r="BV22" s="102">
        <v>57</v>
      </c>
      <c r="BW22" s="102">
        <v>43</v>
      </c>
      <c r="BX22" s="102">
        <v>16</v>
      </c>
      <c r="BY22" s="102">
        <v>18</v>
      </c>
      <c r="BZ22" s="103">
        <v>202</v>
      </c>
      <c r="CA22" s="104">
        <v>281</v>
      </c>
      <c r="CB22" s="101">
        <v>7</v>
      </c>
      <c r="CC22" s="102">
        <v>8</v>
      </c>
      <c r="CD22" s="103">
        <v>15</v>
      </c>
      <c r="CE22" s="412">
        <v>0</v>
      </c>
      <c r="CF22" s="102">
        <v>20</v>
      </c>
      <c r="CG22" s="102">
        <v>8</v>
      </c>
      <c r="CH22" s="102">
        <v>10</v>
      </c>
      <c r="CI22" s="102">
        <v>7</v>
      </c>
      <c r="CJ22" s="102">
        <v>4</v>
      </c>
      <c r="CK22" s="103">
        <v>49</v>
      </c>
      <c r="CL22" s="104">
        <v>64</v>
      </c>
      <c r="CM22" s="101">
        <v>231</v>
      </c>
      <c r="CN22" s="102">
        <v>178</v>
      </c>
      <c r="CO22" s="103">
        <v>409</v>
      </c>
      <c r="CP22" s="412">
        <v>0</v>
      </c>
      <c r="CQ22" s="102">
        <v>421</v>
      </c>
      <c r="CR22" s="102">
        <v>328</v>
      </c>
      <c r="CS22" s="102">
        <v>234</v>
      </c>
      <c r="CT22" s="102">
        <v>146</v>
      </c>
      <c r="CU22" s="102">
        <v>111</v>
      </c>
      <c r="CV22" s="103">
        <v>1240</v>
      </c>
      <c r="CW22" s="104">
        <v>1649</v>
      </c>
      <c r="CX22" s="105">
        <v>391</v>
      </c>
      <c r="CY22" s="97">
        <v>412</v>
      </c>
      <c r="CZ22" s="98">
        <v>803</v>
      </c>
      <c r="DA22" s="412">
        <v>0</v>
      </c>
      <c r="DB22" s="97">
        <v>680</v>
      </c>
      <c r="DC22" s="97">
        <v>511</v>
      </c>
      <c r="DD22" s="97">
        <v>419</v>
      </c>
      <c r="DE22" s="97">
        <v>332</v>
      </c>
      <c r="DF22" s="97">
        <v>248</v>
      </c>
      <c r="DG22" s="99">
        <v>2190</v>
      </c>
      <c r="DH22" s="100">
        <v>2993</v>
      </c>
      <c r="DI22" s="107">
        <v>9</v>
      </c>
      <c r="DJ22" s="102">
        <v>7</v>
      </c>
      <c r="DK22" s="103">
        <v>16</v>
      </c>
      <c r="DL22" s="412">
        <v>0</v>
      </c>
      <c r="DM22" s="102">
        <v>12</v>
      </c>
      <c r="DN22" s="102">
        <v>16</v>
      </c>
      <c r="DO22" s="102">
        <v>9</v>
      </c>
      <c r="DP22" s="102">
        <v>3</v>
      </c>
      <c r="DQ22" s="102">
        <v>1</v>
      </c>
      <c r="DR22" s="103">
        <v>41</v>
      </c>
      <c r="DS22" s="104">
        <v>57</v>
      </c>
      <c r="DT22" s="101">
        <v>26</v>
      </c>
      <c r="DU22" s="102">
        <v>32</v>
      </c>
      <c r="DV22" s="103">
        <v>58</v>
      </c>
      <c r="DW22" s="412">
        <v>0</v>
      </c>
      <c r="DX22" s="102">
        <v>38</v>
      </c>
      <c r="DY22" s="102">
        <v>27</v>
      </c>
      <c r="DZ22" s="102">
        <v>14</v>
      </c>
      <c r="EA22" s="102">
        <v>12</v>
      </c>
      <c r="EB22" s="102">
        <v>18</v>
      </c>
      <c r="EC22" s="103">
        <v>109</v>
      </c>
      <c r="ED22" s="104">
        <v>167</v>
      </c>
      <c r="EE22" s="107">
        <v>63</v>
      </c>
      <c r="EF22" s="102">
        <v>68</v>
      </c>
      <c r="EG22" s="103">
        <v>131</v>
      </c>
      <c r="EH22" s="412">
        <v>0</v>
      </c>
      <c r="EI22" s="102">
        <v>84</v>
      </c>
      <c r="EJ22" s="102">
        <v>54</v>
      </c>
      <c r="EK22" s="102">
        <v>39</v>
      </c>
      <c r="EL22" s="102">
        <v>33</v>
      </c>
      <c r="EM22" s="102">
        <v>21</v>
      </c>
      <c r="EN22" s="103">
        <v>231</v>
      </c>
      <c r="EO22" s="104">
        <v>362</v>
      </c>
      <c r="EP22" s="101">
        <v>118</v>
      </c>
      <c r="EQ22" s="102">
        <v>112</v>
      </c>
      <c r="ER22" s="103">
        <v>230</v>
      </c>
      <c r="ES22" s="412">
        <v>0</v>
      </c>
      <c r="ET22" s="102">
        <v>184</v>
      </c>
      <c r="EU22" s="102">
        <v>123</v>
      </c>
      <c r="EV22" s="102">
        <v>82</v>
      </c>
      <c r="EW22" s="102">
        <v>71</v>
      </c>
      <c r="EX22" s="102">
        <v>47</v>
      </c>
      <c r="EY22" s="103">
        <v>507</v>
      </c>
      <c r="EZ22" s="104">
        <v>737</v>
      </c>
      <c r="FA22" s="107">
        <v>121</v>
      </c>
      <c r="FB22" s="102">
        <v>110</v>
      </c>
      <c r="FC22" s="103">
        <v>231</v>
      </c>
      <c r="FD22" s="412">
        <v>0</v>
      </c>
      <c r="FE22" s="102">
        <v>194</v>
      </c>
      <c r="FF22" s="102">
        <v>154</v>
      </c>
      <c r="FG22" s="102">
        <v>121</v>
      </c>
      <c r="FH22" s="102">
        <v>82</v>
      </c>
      <c r="FI22" s="102">
        <v>57</v>
      </c>
      <c r="FJ22" s="103">
        <v>608</v>
      </c>
      <c r="FK22" s="104">
        <v>839</v>
      </c>
      <c r="FL22" s="101">
        <v>54</v>
      </c>
      <c r="FM22" s="102">
        <v>83</v>
      </c>
      <c r="FN22" s="103">
        <v>137</v>
      </c>
      <c r="FO22" s="412">
        <v>0</v>
      </c>
      <c r="FP22" s="102">
        <v>168</v>
      </c>
      <c r="FQ22" s="102">
        <v>137</v>
      </c>
      <c r="FR22" s="102">
        <v>154</v>
      </c>
      <c r="FS22" s="102">
        <v>131</v>
      </c>
      <c r="FT22" s="102">
        <v>104</v>
      </c>
      <c r="FU22" s="103">
        <v>694</v>
      </c>
      <c r="FV22" s="104">
        <v>831</v>
      </c>
      <c r="FW22" s="101">
        <v>4</v>
      </c>
      <c r="FX22" s="102">
        <v>6</v>
      </c>
      <c r="FY22" s="103">
        <v>10</v>
      </c>
      <c r="FZ22" s="412">
        <v>0</v>
      </c>
      <c r="GA22" s="102">
        <v>4</v>
      </c>
      <c r="GB22" s="102">
        <v>12</v>
      </c>
      <c r="GC22" s="102">
        <v>5</v>
      </c>
      <c r="GD22" s="102">
        <v>6</v>
      </c>
      <c r="GE22" s="102">
        <v>4</v>
      </c>
      <c r="GF22" s="103">
        <v>31</v>
      </c>
      <c r="GG22" s="104">
        <v>41</v>
      </c>
      <c r="GH22" s="101">
        <v>395</v>
      </c>
      <c r="GI22" s="102">
        <v>418</v>
      </c>
      <c r="GJ22" s="103">
        <v>813</v>
      </c>
      <c r="GK22" s="412">
        <v>0</v>
      </c>
      <c r="GL22" s="102">
        <v>684</v>
      </c>
      <c r="GM22" s="102">
        <v>523</v>
      </c>
      <c r="GN22" s="102">
        <v>424</v>
      </c>
      <c r="GO22" s="102">
        <v>338</v>
      </c>
      <c r="GP22" s="102">
        <v>252</v>
      </c>
      <c r="GQ22" s="103">
        <v>2221</v>
      </c>
      <c r="GR22" s="104">
        <v>3034</v>
      </c>
      <c r="GS22" s="105">
        <v>615</v>
      </c>
      <c r="GT22" s="97">
        <v>582</v>
      </c>
      <c r="GU22" s="98">
        <v>1197</v>
      </c>
      <c r="GV22" s="412">
        <v>0</v>
      </c>
      <c r="GW22" s="97">
        <v>1081</v>
      </c>
      <c r="GX22" s="97">
        <v>831</v>
      </c>
      <c r="GY22" s="97">
        <v>643</v>
      </c>
      <c r="GZ22" s="97">
        <v>471</v>
      </c>
      <c r="HA22" s="97">
        <v>355</v>
      </c>
      <c r="HB22" s="99">
        <v>3381</v>
      </c>
      <c r="HC22" s="100">
        <v>4578</v>
      </c>
      <c r="HD22" s="107">
        <v>16</v>
      </c>
      <c r="HE22" s="102">
        <v>17</v>
      </c>
      <c r="HF22" s="103">
        <v>33</v>
      </c>
      <c r="HG22" s="415">
        <v>0</v>
      </c>
      <c r="HH22" s="102">
        <v>29</v>
      </c>
      <c r="HI22" s="102">
        <v>28</v>
      </c>
      <c r="HJ22" s="102">
        <v>22</v>
      </c>
      <c r="HK22" s="102">
        <v>8</v>
      </c>
      <c r="HL22" s="102">
        <v>9</v>
      </c>
      <c r="HM22" s="103">
        <v>96</v>
      </c>
      <c r="HN22" s="104">
        <v>129</v>
      </c>
      <c r="HO22" s="101">
        <v>47</v>
      </c>
      <c r="HP22" s="102">
        <v>53</v>
      </c>
      <c r="HQ22" s="103">
        <v>100</v>
      </c>
      <c r="HR22" s="412">
        <v>0</v>
      </c>
      <c r="HS22" s="102">
        <v>81</v>
      </c>
      <c r="HT22" s="102">
        <v>61</v>
      </c>
      <c r="HU22" s="102">
        <v>34</v>
      </c>
      <c r="HV22" s="102">
        <v>25</v>
      </c>
      <c r="HW22" s="102">
        <v>29</v>
      </c>
      <c r="HX22" s="103">
        <v>230</v>
      </c>
      <c r="HY22" s="104">
        <v>330</v>
      </c>
      <c r="HZ22" s="107">
        <v>96</v>
      </c>
      <c r="IA22" s="102">
        <v>94</v>
      </c>
      <c r="IB22" s="103">
        <v>190</v>
      </c>
      <c r="IC22" s="412">
        <v>0</v>
      </c>
      <c r="ID22" s="102">
        <v>151</v>
      </c>
      <c r="IE22" s="102">
        <v>115</v>
      </c>
      <c r="IF22" s="102">
        <v>75</v>
      </c>
      <c r="IG22" s="102">
        <v>63</v>
      </c>
      <c r="IH22" s="102">
        <v>37</v>
      </c>
      <c r="II22" s="103">
        <v>441</v>
      </c>
      <c r="IJ22" s="104">
        <v>631</v>
      </c>
      <c r="IK22" s="101">
        <v>182</v>
      </c>
      <c r="IL22" s="102">
        <v>150</v>
      </c>
      <c r="IM22" s="103">
        <v>332</v>
      </c>
      <c r="IN22" s="412">
        <v>0</v>
      </c>
      <c r="IO22" s="102">
        <v>286</v>
      </c>
      <c r="IP22" s="102">
        <v>205</v>
      </c>
      <c r="IQ22" s="102">
        <v>142</v>
      </c>
      <c r="IR22" s="102">
        <v>109</v>
      </c>
      <c r="IS22" s="102">
        <v>71</v>
      </c>
      <c r="IT22" s="103">
        <v>813</v>
      </c>
      <c r="IU22" s="104">
        <v>1145</v>
      </c>
      <c r="IV22" s="107">
        <v>183</v>
      </c>
      <c r="IW22" s="102">
        <v>143</v>
      </c>
      <c r="IX22" s="103">
        <v>326</v>
      </c>
      <c r="IY22" s="412">
        <v>0</v>
      </c>
      <c r="IZ22" s="102">
        <v>298</v>
      </c>
      <c r="JA22" s="102">
        <v>228</v>
      </c>
      <c r="JB22" s="102">
        <v>173</v>
      </c>
      <c r="JC22" s="102">
        <v>119</v>
      </c>
      <c r="JD22" s="102">
        <v>87</v>
      </c>
      <c r="JE22" s="103">
        <v>905</v>
      </c>
      <c r="JF22" s="104">
        <v>1231</v>
      </c>
      <c r="JG22" s="101">
        <v>91</v>
      </c>
      <c r="JH22" s="102">
        <v>125</v>
      </c>
      <c r="JI22" s="103">
        <v>216</v>
      </c>
      <c r="JJ22" s="412">
        <v>0</v>
      </c>
      <c r="JK22" s="102">
        <v>236</v>
      </c>
      <c r="JL22" s="102">
        <v>194</v>
      </c>
      <c r="JM22" s="102">
        <v>197</v>
      </c>
      <c r="JN22" s="102">
        <v>147</v>
      </c>
      <c r="JO22" s="102">
        <v>122</v>
      </c>
      <c r="JP22" s="103">
        <v>896</v>
      </c>
      <c r="JQ22" s="104">
        <v>1112</v>
      </c>
      <c r="JR22" s="101">
        <v>11</v>
      </c>
      <c r="JS22" s="102">
        <v>14</v>
      </c>
      <c r="JT22" s="103">
        <v>25</v>
      </c>
      <c r="JU22" s="412">
        <v>0</v>
      </c>
      <c r="JV22" s="102">
        <v>24</v>
      </c>
      <c r="JW22" s="102">
        <v>20</v>
      </c>
      <c r="JX22" s="102">
        <v>15</v>
      </c>
      <c r="JY22" s="102">
        <v>13</v>
      </c>
      <c r="JZ22" s="102">
        <v>8</v>
      </c>
      <c r="KA22" s="103">
        <v>80</v>
      </c>
      <c r="KB22" s="104">
        <v>105</v>
      </c>
      <c r="KC22" s="101">
        <v>626</v>
      </c>
      <c r="KD22" s="102">
        <v>596</v>
      </c>
      <c r="KE22" s="103">
        <v>1222</v>
      </c>
      <c r="KF22" s="412">
        <v>0</v>
      </c>
      <c r="KG22" s="102">
        <v>1105</v>
      </c>
      <c r="KH22" s="102">
        <v>851</v>
      </c>
      <c r="KI22" s="102">
        <v>658</v>
      </c>
      <c r="KJ22" s="102">
        <v>484</v>
      </c>
      <c r="KK22" s="102">
        <v>363</v>
      </c>
      <c r="KL22" s="103">
        <v>3461</v>
      </c>
      <c r="KM22" s="104">
        <v>4683</v>
      </c>
    </row>
    <row r="23" spans="2:299" s="70" customFormat="1" ht="21" customHeight="1" x14ac:dyDescent="0.2">
      <c r="B23" s="106" t="s">
        <v>20</v>
      </c>
      <c r="C23" s="96">
        <v>284</v>
      </c>
      <c r="D23" s="97">
        <v>296</v>
      </c>
      <c r="E23" s="98">
        <v>580</v>
      </c>
      <c r="F23" s="412">
        <v>0</v>
      </c>
      <c r="G23" s="97">
        <v>667</v>
      </c>
      <c r="H23" s="97">
        <v>383</v>
      </c>
      <c r="I23" s="97">
        <v>290</v>
      </c>
      <c r="J23" s="97">
        <v>224</v>
      </c>
      <c r="K23" s="97">
        <v>114</v>
      </c>
      <c r="L23" s="99">
        <v>1678</v>
      </c>
      <c r="M23" s="100">
        <v>2258</v>
      </c>
      <c r="N23" s="101">
        <v>7</v>
      </c>
      <c r="O23" s="102">
        <v>5</v>
      </c>
      <c r="P23" s="103">
        <v>12</v>
      </c>
      <c r="Q23" s="412">
        <v>0</v>
      </c>
      <c r="R23" s="102">
        <v>36</v>
      </c>
      <c r="S23" s="102">
        <v>21</v>
      </c>
      <c r="T23" s="102">
        <v>15</v>
      </c>
      <c r="U23" s="102">
        <v>13</v>
      </c>
      <c r="V23" s="102">
        <v>9</v>
      </c>
      <c r="W23" s="103">
        <v>94</v>
      </c>
      <c r="X23" s="104">
        <v>106</v>
      </c>
      <c r="Y23" s="101">
        <v>29</v>
      </c>
      <c r="Z23" s="102">
        <v>18</v>
      </c>
      <c r="AA23" s="103">
        <v>47</v>
      </c>
      <c r="AB23" s="412">
        <v>0</v>
      </c>
      <c r="AC23" s="102">
        <v>62</v>
      </c>
      <c r="AD23" s="102">
        <v>36</v>
      </c>
      <c r="AE23" s="102">
        <v>29</v>
      </c>
      <c r="AF23" s="102">
        <v>32</v>
      </c>
      <c r="AG23" s="102">
        <v>10</v>
      </c>
      <c r="AH23" s="103">
        <v>169</v>
      </c>
      <c r="AI23" s="104">
        <v>216</v>
      </c>
      <c r="AJ23" s="101">
        <v>43</v>
      </c>
      <c r="AK23" s="102">
        <v>54</v>
      </c>
      <c r="AL23" s="103">
        <v>97</v>
      </c>
      <c r="AM23" s="412">
        <v>0</v>
      </c>
      <c r="AN23" s="102">
        <v>117</v>
      </c>
      <c r="AO23" s="102">
        <v>64</v>
      </c>
      <c r="AP23" s="102">
        <v>47</v>
      </c>
      <c r="AQ23" s="102">
        <v>36</v>
      </c>
      <c r="AR23" s="102">
        <v>26</v>
      </c>
      <c r="AS23" s="103">
        <v>290</v>
      </c>
      <c r="AT23" s="104">
        <v>387</v>
      </c>
      <c r="AU23" s="101">
        <v>87</v>
      </c>
      <c r="AV23" s="102">
        <v>85</v>
      </c>
      <c r="AW23" s="103">
        <v>172</v>
      </c>
      <c r="AX23" s="412">
        <v>0</v>
      </c>
      <c r="AY23" s="102">
        <v>200</v>
      </c>
      <c r="AZ23" s="102">
        <v>100</v>
      </c>
      <c r="BA23" s="102">
        <v>81</v>
      </c>
      <c r="BB23" s="102">
        <v>60</v>
      </c>
      <c r="BC23" s="102">
        <v>25</v>
      </c>
      <c r="BD23" s="103">
        <v>466</v>
      </c>
      <c r="BE23" s="104">
        <v>638</v>
      </c>
      <c r="BF23" s="101">
        <v>81</v>
      </c>
      <c r="BG23" s="102">
        <v>92</v>
      </c>
      <c r="BH23" s="103">
        <v>173</v>
      </c>
      <c r="BI23" s="412">
        <v>0</v>
      </c>
      <c r="BJ23" s="102">
        <v>164</v>
      </c>
      <c r="BK23" s="102">
        <v>96</v>
      </c>
      <c r="BL23" s="102">
        <v>83</v>
      </c>
      <c r="BM23" s="102">
        <v>51</v>
      </c>
      <c r="BN23" s="102">
        <v>31</v>
      </c>
      <c r="BO23" s="103">
        <v>425</v>
      </c>
      <c r="BP23" s="104">
        <v>598</v>
      </c>
      <c r="BQ23" s="101">
        <v>37</v>
      </c>
      <c r="BR23" s="102">
        <v>42</v>
      </c>
      <c r="BS23" s="103">
        <v>79</v>
      </c>
      <c r="BT23" s="412">
        <v>0</v>
      </c>
      <c r="BU23" s="102">
        <v>88</v>
      </c>
      <c r="BV23" s="102">
        <v>66</v>
      </c>
      <c r="BW23" s="102">
        <v>35</v>
      </c>
      <c r="BX23" s="102">
        <v>32</v>
      </c>
      <c r="BY23" s="102">
        <v>13</v>
      </c>
      <c r="BZ23" s="103">
        <v>234</v>
      </c>
      <c r="CA23" s="104">
        <v>313</v>
      </c>
      <c r="CB23" s="101">
        <v>8</v>
      </c>
      <c r="CC23" s="102">
        <v>8</v>
      </c>
      <c r="CD23" s="103">
        <v>16</v>
      </c>
      <c r="CE23" s="412">
        <v>0</v>
      </c>
      <c r="CF23" s="102">
        <v>16</v>
      </c>
      <c r="CG23" s="102">
        <v>16</v>
      </c>
      <c r="CH23" s="102">
        <v>17</v>
      </c>
      <c r="CI23" s="102">
        <v>11</v>
      </c>
      <c r="CJ23" s="102">
        <v>8</v>
      </c>
      <c r="CK23" s="103">
        <v>68</v>
      </c>
      <c r="CL23" s="104">
        <v>84</v>
      </c>
      <c r="CM23" s="101">
        <v>292</v>
      </c>
      <c r="CN23" s="102">
        <v>304</v>
      </c>
      <c r="CO23" s="103">
        <v>596</v>
      </c>
      <c r="CP23" s="412">
        <v>0</v>
      </c>
      <c r="CQ23" s="102">
        <v>683</v>
      </c>
      <c r="CR23" s="102">
        <v>399</v>
      </c>
      <c r="CS23" s="102">
        <v>307</v>
      </c>
      <c r="CT23" s="102">
        <v>235</v>
      </c>
      <c r="CU23" s="102">
        <v>122</v>
      </c>
      <c r="CV23" s="103">
        <v>1746</v>
      </c>
      <c r="CW23" s="104">
        <v>2342</v>
      </c>
      <c r="CX23" s="105">
        <v>501</v>
      </c>
      <c r="CY23" s="97">
        <v>643</v>
      </c>
      <c r="CZ23" s="98">
        <v>1144</v>
      </c>
      <c r="DA23" s="412">
        <v>0</v>
      </c>
      <c r="DB23" s="97">
        <v>927</v>
      </c>
      <c r="DC23" s="97">
        <v>592</v>
      </c>
      <c r="DD23" s="97">
        <v>498</v>
      </c>
      <c r="DE23" s="97">
        <v>441</v>
      </c>
      <c r="DF23" s="97">
        <v>284</v>
      </c>
      <c r="DG23" s="99">
        <v>2742</v>
      </c>
      <c r="DH23" s="100">
        <v>3886</v>
      </c>
      <c r="DI23" s="101">
        <v>10</v>
      </c>
      <c r="DJ23" s="102">
        <v>13</v>
      </c>
      <c r="DK23" s="103">
        <v>23</v>
      </c>
      <c r="DL23" s="412">
        <v>0</v>
      </c>
      <c r="DM23" s="102">
        <v>24</v>
      </c>
      <c r="DN23" s="102">
        <v>18</v>
      </c>
      <c r="DO23" s="102">
        <v>7</v>
      </c>
      <c r="DP23" s="102">
        <v>12</v>
      </c>
      <c r="DQ23" s="102">
        <v>6</v>
      </c>
      <c r="DR23" s="103">
        <v>67</v>
      </c>
      <c r="DS23" s="104">
        <v>90</v>
      </c>
      <c r="DT23" s="101">
        <v>35</v>
      </c>
      <c r="DU23" s="102">
        <v>43</v>
      </c>
      <c r="DV23" s="103">
        <v>78</v>
      </c>
      <c r="DW23" s="412">
        <v>0</v>
      </c>
      <c r="DX23" s="102">
        <v>56</v>
      </c>
      <c r="DY23" s="102">
        <v>30</v>
      </c>
      <c r="DZ23" s="102">
        <v>18</v>
      </c>
      <c r="EA23" s="102">
        <v>23</v>
      </c>
      <c r="EB23" s="102">
        <v>22</v>
      </c>
      <c r="EC23" s="103">
        <v>149</v>
      </c>
      <c r="ED23" s="104">
        <v>227</v>
      </c>
      <c r="EE23" s="101">
        <v>75</v>
      </c>
      <c r="EF23" s="102">
        <v>98</v>
      </c>
      <c r="EG23" s="103">
        <v>173</v>
      </c>
      <c r="EH23" s="412">
        <v>0</v>
      </c>
      <c r="EI23" s="102">
        <v>155</v>
      </c>
      <c r="EJ23" s="102">
        <v>73</v>
      </c>
      <c r="EK23" s="102">
        <v>53</v>
      </c>
      <c r="EL23" s="102">
        <v>44</v>
      </c>
      <c r="EM23" s="102">
        <v>30</v>
      </c>
      <c r="EN23" s="103">
        <v>355</v>
      </c>
      <c r="EO23" s="104">
        <v>528</v>
      </c>
      <c r="EP23" s="101">
        <v>181</v>
      </c>
      <c r="EQ23" s="102">
        <v>192</v>
      </c>
      <c r="ER23" s="103">
        <v>373</v>
      </c>
      <c r="ES23" s="412">
        <v>0</v>
      </c>
      <c r="ET23" s="102">
        <v>227</v>
      </c>
      <c r="EU23" s="102">
        <v>149</v>
      </c>
      <c r="EV23" s="102">
        <v>113</v>
      </c>
      <c r="EW23" s="102">
        <v>79</v>
      </c>
      <c r="EX23" s="102">
        <v>59</v>
      </c>
      <c r="EY23" s="103">
        <v>627</v>
      </c>
      <c r="EZ23" s="104">
        <v>1000</v>
      </c>
      <c r="FA23" s="101">
        <v>139</v>
      </c>
      <c r="FB23" s="102">
        <v>176</v>
      </c>
      <c r="FC23" s="103">
        <v>315</v>
      </c>
      <c r="FD23" s="412">
        <v>0</v>
      </c>
      <c r="FE23" s="102">
        <v>263</v>
      </c>
      <c r="FF23" s="102">
        <v>152</v>
      </c>
      <c r="FG23" s="102">
        <v>123</v>
      </c>
      <c r="FH23" s="102">
        <v>113</v>
      </c>
      <c r="FI23" s="102">
        <v>73</v>
      </c>
      <c r="FJ23" s="103">
        <v>724</v>
      </c>
      <c r="FK23" s="104">
        <v>1039</v>
      </c>
      <c r="FL23" s="101">
        <v>61</v>
      </c>
      <c r="FM23" s="102">
        <v>121</v>
      </c>
      <c r="FN23" s="103">
        <v>182</v>
      </c>
      <c r="FO23" s="412">
        <v>0</v>
      </c>
      <c r="FP23" s="102">
        <v>202</v>
      </c>
      <c r="FQ23" s="102">
        <v>170</v>
      </c>
      <c r="FR23" s="102">
        <v>184</v>
      </c>
      <c r="FS23" s="102">
        <v>170</v>
      </c>
      <c r="FT23" s="102">
        <v>94</v>
      </c>
      <c r="FU23" s="103">
        <v>820</v>
      </c>
      <c r="FV23" s="104">
        <v>1002</v>
      </c>
      <c r="FW23" s="101">
        <v>5</v>
      </c>
      <c r="FX23" s="102">
        <v>14</v>
      </c>
      <c r="FY23" s="103">
        <v>19</v>
      </c>
      <c r="FZ23" s="412">
        <v>0</v>
      </c>
      <c r="GA23" s="102">
        <v>21</v>
      </c>
      <c r="GB23" s="102">
        <v>9</v>
      </c>
      <c r="GC23" s="102">
        <v>7</v>
      </c>
      <c r="GD23" s="102">
        <v>10</v>
      </c>
      <c r="GE23" s="102">
        <v>7</v>
      </c>
      <c r="GF23" s="103">
        <v>54</v>
      </c>
      <c r="GG23" s="104">
        <v>73</v>
      </c>
      <c r="GH23" s="101">
        <v>506</v>
      </c>
      <c r="GI23" s="102">
        <v>657</v>
      </c>
      <c r="GJ23" s="103">
        <v>1163</v>
      </c>
      <c r="GK23" s="412">
        <v>0</v>
      </c>
      <c r="GL23" s="102">
        <v>948</v>
      </c>
      <c r="GM23" s="102">
        <v>601</v>
      </c>
      <c r="GN23" s="102">
        <v>505</v>
      </c>
      <c r="GO23" s="102">
        <v>451</v>
      </c>
      <c r="GP23" s="102">
        <v>291</v>
      </c>
      <c r="GQ23" s="103">
        <v>2796</v>
      </c>
      <c r="GR23" s="104">
        <v>3959</v>
      </c>
      <c r="GS23" s="105">
        <v>785</v>
      </c>
      <c r="GT23" s="97">
        <v>939</v>
      </c>
      <c r="GU23" s="98">
        <v>1724</v>
      </c>
      <c r="GV23" s="412">
        <v>0</v>
      </c>
      <c r="GW23" s="97">
        <v>1594</v>
      </c>
      <c r="GX23" s="97">
        <v>975</v>
      </c>
      <c r="GY23" s="97">
        <v>788</v>
      </c>
      <c r="GZ23" s="97">
        <v>665</v>
      </c>
      <c r="HA23" s="97">
        <v>398</v>
      </c>
      <c r="HB23" s="99">
        <v>4420</v>
      </c>
      <c r="HC23" s="100">
        <v>6144</v>
      </c>
      <c r="HD23" s="101">
        <v>17</v>
      </c>
      <c r="HE23" s="102">
        <v>18</v>
      </c>
      <c r="HF23" s="103">
        <v>35</v>
      </c>
      <c r="HG23" s="415">
        <v>0</v>
      </c>
      <c r="HH23" s="102">
        <v>60</v>
      </c>
      <c r="HI23" s="102">
        <v>39</v>
      </c>
      <c r="HJ23" s="102">
        <v>22</v>
      </c>
      <c r="HK23" s="102">
        <v>25</v>
      </c>
      <c r="HL23" s="102">
        <v>15</v>
      </c>
      <c r="HM23" s="103">
        <v>161</v>
      </c>
      <c r="HN23" s="104">
        <v>196</v>
      </c>
      <c r="HO23" s="101">
        <v>64</v>
      </c>
      <c r="HP23" s="102">
        <v>61</v>
      </c>
      <c r="HQ23" s="103">
        <v>125</v>
      </c>
      <c r="HR23" s="412">
        <v>0</v>
      </c>
      <c r="HS23" s="102">
        <v>118</v>
      </c>
      <c r="HT23" s="102">
        <v>66</v>
      </c>
      <c r="HU23" s="102">
        <v>47</v>
      </c>
      <c r="HV23" s="102">
        <v>55</v>
      </c>
      <c r="HW23" s="102">
        <v>32</v>
      </c>
      <c r="HX23" s="103">
        <v>318</v>
      </c>
      <c r="HY23" s="104">
        <v>443</v>
      </c>
      <c r="HZ23" s="101">
        <v>118</v>
      </c>
      <c r="IA23" s="102">
        <v>152</v>
      </c>
      <c r="IB23" s="103">
        <v>270</v>
      </c>
      <c r="IC23" s="412">
        <v>0</v>
      </c>
      <c r="ID23" s="102">
        <v>272</v>
      </c>
      <c r="IE23" s="102">
        <v>137</v>
      </c>
      <c r="IF23" s="102">
        <v>100</v>
      </c>
      <c r="IG23" s="102">
        <v>80</v>
      </c>
      <c r="IH23" s="102">
        <v>56</v>
      </c>
      <c r="II23" s="103">
        <v>645</v>
      </c>
      <c r="IJ23" s="104">
        <v>915</v>
      </c>
      <c r="IK23" s="101">
        <v>268</v>
      </c>
      <c r="IL23" s="102">
        <v>277</v>
      </c>
      <c r="IM23" s="103">
        <v>545</v>
      </c>
      <c r="IN23" s="412">
        <v>0</v>
      </c>
      <c r="IO23" s="102">
        <v>427</v>
      </c>
      <c r="IP23" s="102">
        <v>249</v>
      </c>
      <c r="IQ23" s="102">
        <v>194</v>
      </c>
      <c r="IR23" s="102">
        <v>139</v>
      </c>
      <c r="IS23" s="102">
        <v>84</v>
      </c>
      <c r="IT23" s="103">
        <v>1093</v>
      </c>
      <c r="IU23" s="104">
        <v>1638</v>
      </c>
      <c r="IV23" s="101">
        <v>220</v>
      </c>
      <c r="IW23" s="102">
        <v>268</v>
      </c>
      <c r="IX23" s="103">
        <v>488</v>
      </c>
      <c r="IY23" s="412">
        <v>0</v>
      </c>
      <c r="IZ23" s="102">
        <v>427</v>
      </c>
      <c r="JA23" s="102">
        <v>248</v>
      </c>
      <c r="JB23" s="102">
        <v>206</v>
      </c>
      <c r="JC23" s="102">
        <v>164</v>
      </c>
      <c r="JD23" s="102">
        <v>104</v>
      </c>
      <c r="JE23" s="103">
        <v>1149</v>
      </c>
      <c r="JF23" s="104">
        <v>1637</v>
      </c>
      <c r="JG23" s="101">
        <v>98</v>
      </c>
      <c r="JH23" s="102">
        <v>163</v>
      </c>
      <c r="JI23" s="103">
        <v>261</v>
      </c>
      <c r="JJ23" s="412">
        <v>0</v>
      </c>
      <c r="JK23" s="102">
        <v>290</v>
      </c>
      <c r="JL23" s="102">
        <v>236</v>
      </c>
      <c r="JM23" s="102">
        <v>219</v>
      </c>
      <c r="JN23" s="102">
        <v>202</v>
      </c>
      <c r="JO23" s="102">
        <v>107</v>
      </c>
      <c r="JP23" s="103">
        <v>1054</v>
      </c>
      <c r="JQ23" s="104">
        <v>1315</v>
      </c>
      <c r="JR23" s="101">
        <v>13</v>
      </c>
      <c r="JS23" s="102">
        <v>22</v>
      </c>
      <c r="JT23" s="103">
        <v>35</v>
      </c>
      <c r="JU23" s="412">
        <v>0</v>
      </c>
      <c r="JV23" s="102">
        <v>37</v>
      </c>
      <c r="JW23" s="102">
        <v>25</v>
      </c>
      <c r="JX23" s="102">
        <v>24</v>
      </c>
      <c r="JY23" s="102">
        <v>21</v>
      </c>
      <c r="JZ23" s="102">
        <v>15</v>
      </c>
      <c r="KA23" s="103">
        <v>122</v>
      </c>
      <c r="KB23" s="104">
        <v>157</v>
      </c>
      <c r="KC23" s="101">
        <v>798</v>
      </c>
      <c r="KD23" s="102">
        <v>961</v>
      </c>
      <c r="KE23" s="103">
        <v>1759</v>
      </c>
      <c r="KF23" s="412">
        <v>0</v>
      </c>
      <c r="KG23" s="102">
        <v>1631</v>
      </c>
      <c r="KH23" s="102">
        <v>1000</v>
      </c>
      <c r="KI23" s="102">
        <v>812</v>
      </c>
      <c r="KJ23" s="102">
        <v>686</v>
      </c>
      <c r="KK23" s="102">
        <v>413</v>
      </c>
      <c r="KL23" s="103">
        <v>4542</v>
      </c>
      <c r="KM23" s="104">
        <v>6301</v>
      </c>
    </row>
    <row r="24" spans="2:299" s="70" customFormat="1" ht="21" customHeight="1" x14ac:dyDescent="0.2">
      <c r="B24" s="106" t="s">
        <v>21</v>
      </c>
      <c r="C24" s="96">
        <v>307</v>
      </c>
      <c r="D24" s="97">
        <v>247</v>
      </c>
      <c r="E24" s="98">
        <v>554</v>
      </c>
      <c r="F24" s="412">
        <v>0</v>
      </c>
      <c r="G24" s="97">
        <v>467</v>
      </c>
      <c r="H24" s="97">
        <v>423</v>
      </c>
      <c r="I24" s="97">
        <v>291</v>
      </c>
      <c r="J24" s="97">
        <v>229</v>
      </c>
      <c r="K24" s="97">
        <v>143</v>
      </c>
      <c r="L24" s="99">
        <v>1553</v>
      </c>
      <c r="M24" s="100">
        <v>2107</v>
      </c>
      <c r="N24" s="101">
        <v>13</v>
      </c>
      <c r="O24" s="102">
        <v>15</v>
      </c>
      <c r="P24" s="103">
        <v>28</v>
      </c>
      <c r="Q24" s="412">
        <v>0</v>
      </c>
      <c r="R24" s="102">
        <v>21</v>
      </c>
      <c r="S24" s="102">
        <v>18</v>
      </c>
      <c r="T24" s="102">
        <v>20</v>
      </c>
      <c r="U24" s="102">
        <v>11</v>
      </c>
      <c r="V24" s="102">
        <v>15</v>
      </c>
      <c r="W24" s="103">
        <v>85</v>
      </c>
      <c r="X24" s="104">
        <v>113</v>
      </c>
      <c r="Y24" s="101">
        <v>28</v>
      </c>
      <c r="Z24" s="102">
        <v>21</v>
      </c>
      <c r="AA24" s="103">
        <v>49</v>
      </c>
      <c r="AB24" s="412">
        <v>0</v>
      </c>
      <c r="AC24" s="102">
        <v>38</v>
      </c>
      <c r="AD24" s="102">
        <v>52</v>
      </c>
      <c r="AE24" s="102">
        <v>28</v>
      </c>
      <c r="AF24" s="102">
        <v>28</v>
      </c>
      <c r="AG24" s="102">
        <v>20</v>
      </c>
      <c r="AH24" s="103">
        <v>166</v>
      </c>
      <c r="AI24" s="104">
        <v>215</v>
      </c>
      <c r="AJ24" s="101">
        <v>58</v>
      </c>
      <c r="AK24" s="102">
        <v>48</v>
      </c>
      <c r="AL24" s="103">
        <v>106</v>
      </c>
      <c r="AM24" s="412">
        <v>0</v>
      </c>
      <c r="AN24" s="102">
        <v>78</v>
      </c>
      <c r="AO24" s="102">
        <v>65</v>
      </c>
      <c r="AP24" s="102">
        <v>50</v>
      </c>
      <c r="AQ24" s="102">
        <v>51</v>
      </c>
      <c r="AR24" s="102">
        <v>20</v>
      </c>
      <c r="AS24" s="103">
        <v>264</v>
      </c>
      <c r="AT24" s="104">
        <v>370</v>
      </c>
      <c r="AU24" s="101">
        <v>87</v>
      </c>
      <c r="AV24" s="102">
        <v>64</v>
      </c>
      <c r="AW24" s="103">
        <v>151</v>
      </c>
      <c r="AX24" s="412">
        <v>0</v>
      </c>
      <c r="AY24" s="102">
        <v>137</v>
      </c>
      <c r="AZ24" s="102">
        <v>124</v>
      </c>
      <c r="BA24" s="102">
        <v>79</v>
      </c>
      <c r="BB24" s="102">
        <v>63</v>
      </c>
      <c r="BC24" s="102">
        <v>30</v>
      </c>
      <c r="BD24" s="103">
        <v>433</v>
      </c>
      <c r="BE24" s="104">
        <v>584</v>
      </c>
      <c r="BF24" s="101">
        <v>86</v>
      </c>
      <c r="BG24" s="102">
        <v>62</v>
      </c>
      <c r="BH24" s="103">
        <v>148</v>
      </c>
      <c r="BI24" s="412">
        <v>0</v>
      </c>
      <c r="BJ24" s="102">
        <v>134</v>
      </c>
      <c r="BK24" s="102">
        <v>100</v>
      </c>
      <c r="BL24" s="102">
        <v>59</v>
      </c>
      <c r="BM24" s="102">
        <v>46</v>
      </c>
      <c r="BN24" s="102">
        <v>34</v>
      </c>
      <c r="BO24" s="103">
        <v>373</v>
      </c>
      <c r="BP24" s="104">
        <v>521</v>
      </c>
      <c r="BQ24" s="101">
        <v>35</v>
      </c>
      <c r="BR24" s="102">
        <v>37</v>
      </c>
      <c r="BS24" s="103">
        <v>72</v>
      </c>
      <c r="BT24" s="412">
        <v>0</v>
      </c>
      <c r="BU24" s="102">
        <v>59</v>
      </c>
      <c r="BV24" s="102">
        <v>64</v>
      </c>
      <c r="BW24" s="102">
        <v>55</v>
      </c>
      <c r="BX24" s="102">
        <v>30</v>
      </c>
      <c r="BY24" s="102">
        <v>24</v>
      </c>
      <c r="BZ24" s="103">
        <v>232</v>
      </c>
      <c r="CA24" s="104">
        <v>304</v>
      </c>
      <c r="CB24" s="101">
        <v>15</v>
      </c>
      <c r="CC24" s="102">
        <v>12</v>
      </c>
      <c r="CD24" s="103">
        <v>27</v>
      </c>
      <c r="CE24" s="412">
        <v>0</v>
      </c>
      <c r="CF24" s="102">
        <v>9</v>
      </c>
      <c r="CG24" s="102">
        <v>21</v>
      </c>
      <c r="CH24" s="102">
        <v>12</v>
      </c>
      <c r="CI24" s="102">
        <v>9</v>
      </c>
      <c r="CJ24" s="102">
        <v>11</v>
      </c>
      <c r="CK24" s="103">
        <v>62</v>
      </c>
      <c r="CL24" s="104">
        <v>89</v>
      </c>
      <c r="CM24" s="101">
        <v>322</v>
      </c>
      <c r="CN24" s="102">
        <v>259</v>
      </c>
      <c r="CO24" s="103">
        <v>581</v>
      </c>
      <c r="CP24" s="412">
        <v>0</v>
      </c>
      <c r="CQ24" s="102">
        <v>476</v>
      </c>
      <c r="CR24" s="102">
        <v>444</v>
      </c>
      <c r="CS24" s="102">
        <v>303</v>
      </c>
      <c r="CT24" s="102">
        <v>238</v>
      </c>
      <c r="CU24" s="102">
        <v>154</v>
      </c>
      <c r="CV24" s="103">
        <v>1615</v>
      </c>
      <c r="CW24" s="104">
        <v>2196</v>
      </c>
      <c r="CX24" s="105">
        <v>605</v>
      </c>
      <c r="CY24" s="97">
        <v>606</v>
      </c>
      <c r="CZ24" s="98">
        <v>1211</v>
      </c>
      <c r="DA24" s="412">
        <v>0</v>
      </c>
      <c r="DB24" s="97">
        <v>824</v>
      </c>
      <c r="DC24" s="97">
        <v>729</v>
      </c>
      <c r="DD24" s="97">
        <v>591</v>
      </c>
      <c r="DE24" s="97">
        <v>463</v>
      </c>
      <c r="DF24" s="97">
        <v>328</v>
      </c>
      <c r="DG24" s="99">
        <v>2935</v>
      </c>
      <c r="DH24" s="100">
        <v>4146</v>
      </c>
      <c r="DI24" s="101">
        <v>13</v>
      </c>
      <c r="DJ24" s="102">
        <v>20</v>
      </c>
      <c r="DK24" s="103">
        <v>33</v>
      </c>
      <c r="DL24" s="412">
        <v>0</v>
      </c>
      <c r="DM24" s="102">
        <v>17</v>
      </c>
      <c r="DN24" s="102">
        <v>22</v>
      </c>
      <c r="DO24" s="102">
        <v>10</v>
      </c>
      <c r="DP24" s="102">
        <v>5</v>
      </c>
      <c r="DQ24" s="102">
        <v>17</v>
      </c>
      <c r="DR24" s="103">
        <v>71</v>
      </c>
      <c r="DS24" s="104">
        <v>104</v>
      </c>
      <c r="DT24" s="101">
        <v>38</v>
      </c>
      <c r="DU24" s="102">
        <v>35</v>
      </c>
      <c r="DV24" s="103">
        <v>73</v>
      </c>
      <c r="DW24" s="412">
        <v>0</v>
      </c>
      <c r="DX24" s="102">
        <v>43</v>
      </c>
      <c r="DY24" s="102">
        <v>32</v>
      </c>
      <c r="DZ24" s="102">
        <v>26</v>
      </c>
      <c r="EA24" s="102">
        <v>24</v>
      </c>
      <c r="EB24" s="102">
        <v>25</v>
      </c>
      <c r="EC24" s="103">
        <v>150</v>
      </c>
      <c r="ED24" s="104">
        <v>223</v>
      </c>
      <c r="EE24" s="101">
        <v>91</v>
      </c>
      <c r="EF24" s="102">
        <v>103</v>
      </c>
      <c r="EG24" s="103">
        <v>194</v>
      </c>
      <c r="EH24" s="412">
        <v>0</v>
      </c>
      <c r="EI24" s="102">
        <v>105</v>
      </c>
      <c r="EJ24" s="102">
        <v>80</v>
      </c>
      <c r="EK24" s="102">
        <v>61</v>
      </c>
      <c r="EL24" s="102">
        <v>44</v>
      </c>
      <c r="EM24" s="102">
        <v>32</v>
      </c>
      <c r="EN24" s="103">
        <v>322</v>
      </c>
      <c r="EO24" s="104">
        <v>516</v>
      </c>
      <c r="EP24" s="101">
        <v>204</v>
      </c>
      <c r="EQ24" s="102">
        <v>182</v>
      </c>
      <c r="ER24" s="103">
        <v>386</v>
      </c>
      <c r="ES24" s="412">
        <v>0</v>
      </c>
      <c r="ET24" s="102">
        <v>230</v>
      </c>
      <c r="EU24" s="102">
        <v>156</v>
      </c>
      <c r="EV24" s="102">
        <v>131</v>
      </c>
      <c r="EW24" s="102">
        <v>98</v>
      </c>
      <c r="EX24" s="102">
        <v>74</v>
      </c>
      <c r="EY24" s="103">
        <v>689</v>
      </c>
      <c r="EZ24" s="104">
        <v>1075</v>
      </c>
      <c r="FA24" s="101">
        <v>166</v>
      </c>
      <c r="FB24" s="102">
        <v>179</v>
      </c>
      <c r="FC24" s="103">
        <v>345</v>
      </c>
      <c r="FD24" s="412">
        <v>0</v>
      </c>
      <c r="FE24" s="102">
        <v>232</v>
      </c>
      <c r="FF24" s="102">
        <v>230</v>
      </c>
      <c r="FG24" s="102">
        <v>169</v>
      </c>
      <c r="FH24" s="102">
        <v>110</v>
      </c>
      <c r="FI24" s="102">
        <v>86</v>
      </c>
      <c r="FJ24" s="103">
        <v>827</v>
      </c>
      <c r="FK24" s="104">
        <v>1172</v>
      </c>
      <c r="FL24" s="101">
        <v>93</v>
      </c>
      <c r="FM24" s="102">
        <v>87</v>
      </c>
      <c r="FN24" s="103">
        <v>180</v>
      </c>
      <c r="FO24" s="412">
        <v>0</v>
      </c>
      <c r="FP24" s="102">
        <v>197</v>
      </c>
      <c r="FQ24" s="102">
        <v>209</v>
      </c>
      <c r="FR24" s="102">
        <v>194</v>
      </c>
      <c r="FS24" s="102">
        <v>182</v>
      </c>
      <c r="FT24" s="102">
        <v>94</v>
      </c>
      <c r="FU24" s="103">
        <v>876</v>
      </c>
      <c r="FV24" s="104">
        <v>1056</v>
      </c>
      <c r="FW24" s="101">
        <v>5</v>
      </c>
      <c r="FX24" s="102">
        <v>12</v>
      </c>
      <c r="FY24" s="103">
        <v>17</v>
      </c>
      <c r="FZ24" s="412">
        <v>0</v>
      </c>
      <c r="GA24" s="102">
        <v>4</v>
      </c>
      <c r="GB24" s="102">
        <v>17</v>
      </c>
      <c r="GC24" s="102">
        <v>16</v>
      </c>
      <c r="GD24" s="102">
        <v>10</v>
      </c>
      <c r="GE24" s="102">
        <v>9</v>
      </c>
      <c r="GF24" s="103">
        <v>56</v>
      </c>
      <c r="GG24" s="104">
        <v>73</v>
      </c>
      <c r="GH24" s="101">
        <v>610</v>
      </c>
      <c r="GI24" s="102">
        <v>618</v>
      </c>
      <c r="GJ24" s="103">
        <v>1228</v>
      </c>
      <c r="GK24" s="412">
        <v>0</v>
      </c>
      <c r="GL24" s="102">
        <v>828</v>
      </c>
      <c r="GM24" s="102">
        <v>746</v>
      </c>
      <c r="GN24" s="102">
        <v>607</v>
      </c>
      <c r="GO24" s="102">
        <v>473</v>
      </c>
      <c r="GP24" s="102">
        <v>337</v>
      </c>
      <c r="GQ24" s="103">
        <v>2991</v>
      </c>
      <c r="GR24" s="104">
        <v>4219</v>
      </c>
      <c r="GS24" s="105">
        <v>912</v>
      </c>
      <c r="GT24" s="97">
        <v>853</v>
      </c>
      <c r="GU24" s="98">
        <v>1765</v>
      </c>
      <c r="GV24" s="412">
        <v>0</v>
      </c>
      <c r="GW24" s="97">
        <v>1291</v>
      </c>
      <c r="GX24" s="97">
        <v>1152</v>
      </c>
      <c r="GY24" s="97">
        <v>882</v>
      </c>
      <c r="GZ24" s="97">
        <v>692</v>
      </c>
      <c r="HA24" s="97">
        <v>471</v>
      </c>
      <c r="HB24" s="99">
        <v>4488</v>
      </c>
      <c r="HC24" s="100">
        <v>6253</v>
      </c>
      <c r="HD24" s="101">
        <v>26</v>
      </c>
      <c r="HE24" s="102">
        <v>35</v>
      </c>
      <c r="HF24" s="103">
        <v>61</v>
      </c>
      <c r="HG24" s="415">
        <v>0</v>
      </c>
      <c r="HH24" s="102">
        <v>38</v>
      </c>
      <c r="HI24" s="102">
        <v>40</v>
      </c>
      <c r="HJ24" s="102">
        <v>30</v>
      </c>
      <c r="HK24" s="102">
        <v>16</v>
      </c>
      <c r="HL24" s="102">
        <v>32</v>
      </c>
      <c r="HM24" s="103">
        <v>156</v>
      </c>
      <c r="HN24" s="104">
        <v>217</v>
      </c>
      <c r="HO24" s="101">
        <v>66</v>
      </c>
      <c r="HP24" s="102">
        <v>56</v>
      </c>
      <c r="HQ24" s="103">
        <v>122</v>
      </c>
      <c r="HR24" s="412">
        <v>0</v>
      </c>
      <c r="HS24" s="102">
        <v>81</v>
      </c>
      <c r="HT24" s="102">
        <v>84</v>
      </c>
      <c r="HU24" s="102">
        <v>54</v>
      </c>
      <c r="HV24" s="102">
        <v>52</v>
      </c>
      <c r="HW24" s="102">
        <v>45</v>
      </c>
      <c r="HX24" s="103">
        <v>316</v>
      </c>
      <c r="HY24" s="104">
        <v>438</v>
      </c>
      <c r="HZ24" s="101">
        <v>149</v>
      </c>
      <c r="IA24" s="102">
        <v>151</v>
      </c>
      <c r="IB24" s="103">
        <v>300</v>
      </c>
      <c r="IC24" s="412">
        <v>0</v>
      </c>
      <c r="ID24" s="102">
        <v>183</v>
      </c>
      <c r="IE24" s="102">
        <v>145</v>
      </c>
      <c r="IF24" s="102">
        <v>111</v>
      </c>
      <c r="IG24" s="102">
        <v>95</v>
      </c>
      <c r="IH24" s="102">
        <v>52</v>
      </c>
      <c r="II24" s="103">
        <v>586</v>
      </c>
      <c r="IJ24" s="104">
        <v>886</v>
      </c>
      <c r="IK24" s="101">
        <v>291</v>
      </c>
      <c r="IL24" s="102">
        <v>246</v>
      </c>
      <c r="IM24" s="103">
        <v>537</v>
      </c>
      <c r="IN24" s="412">
        <v>0</v>
      </c>
      <c r="IO24" s="102">
        <v>367</v>
      </c>
      <c r="IP24" s="102">
        <v>280</v>
      </c>
      <c r="IQ24" s="102">
        <v>210</v>
      </c>
      <c r="IR24" s="102">
        <v>161</v>
      </c>
      <c r="IS24" s="102">
        <v>104</v>
      </c>
      <c r="IT24" s="103">
        <v>1122</v>
      </c>
      <c r="IU24" s="104">
        <v>1659</v>
      </c>
      <c r="IV24" s="101">
        <v>252</v>
      </c>
      <c r="IW24" s="102">
        <v>241</v>
      </c>
      <c r="IX24" s="103">
        <v>493</v>
      </c>
      <c r="IY24" s="412">
        <v>0</v>
      </c>
      <c r="IZ24" s="102">
        <v>366</v>
      </c>
      <c r="JA24" s="102">
        <v>330</v>
      </c>
      <c r="JB24" s="102">
        <v>228</v>
      </c>
      <c r="JC24" s="102">
        <v>156</v>
      </c>
      <c r="JD24" s="102">
        <v>120</v>
      </c>
      <c r="JE24" s="103">
        <v>1200</v>
      </c>
      <c r="JF24" s="104">
        <v>1693</v>
      </c>
      <c r="JG24" s="101">
        <v>128</v>
      </c>
      <c r="JH24" s="102">
        <v>124</v>
      </c>
      <c r="JI24" s="103">
        <v>252</v>
      </c>
      <c r="JJ24" s="412">
        <v>0</v>
      </c>
      <c r="JK24" s="102">
        <v>256</v>
      </c>
      <c r="JL24" s="102">
        <v>273</v>
      </c>
      <c r="JM24" s="102">
        <v>249</v>
      </c>
      <c r="JN24" s="102">
        <v>212</v>
      </c>
      <c r="JO24" s="102">
        <v>118</v>
      </c>
      <c r="JP24" s="103">
        <v>1108</v>
      </c>
      <c r="JQ24" s="104">
        <v>1360</v>
      </c>
      <c r="JR24" s="101">
        <v>20</v>
      </c>
      <c r="JS24" s="102">
        <v>24</v>
      </c>
      <c r="JT24" s="103">
        <v>44</v>
      </c>
      <c r="JU24" s="412">
        <v>0</v>
      </c>
      <c r="JV24" s="102">
        <v>13</v>
      </c>
      <c r="JW24" s="102">
        <v>38</v>
      </c>
      <c r="JX24" s="102">
        <v>28</v>
      </c>
      <c r="JY24" s="102">
        <v>19</v>
      </c>
      <c r="JZ24" s="102">
        <v>20</v>
      </c>
      <c r="KA24" s="103">
        <v>118</v>
      </c>
      <c r="KB24" s="104">
        <v>162</v>
      </c>
      <c r="KC24" s="101">
        <v>932</v>
      </c>
      <c r="KD24" s="102">
        <v>877</v>
      </c>
      <c r="KE24" s="103">
        <v>1809</v>
      </c>
      <c r="KF24" s="412">
        <v>0</v>
      </c>
      <c r="KG24" s="102">
        <v>1304</v>
      </c>
      <c r="KH24" s="102">
        <v>1190</v>
      </c>
      <c r="KI24" s="102">
        <v>910</v>
      </c>
      <c r="KJ24" s="102">
        <v>711</v>
      </c>
      <c r="KK24" s="102">
        <v>491</v>
      </c>
      <c r="KL24" s="103">
        <v>4606</v>
      </c>
      <c r="KM24" s="104">
        <v>6415</v>
      </c>
    </row>
    <row r="25" spans="2:299" s="70" customFormat="1" ht="21" customHeight="1" x14ac:dyDescent="0.2">
      <c r="B25" s="106" t="s">
        <v>22</v>
      </c>
      <c r="C25" s="96">
        <v>86</v>
      </c>
      <c r="D25" s="97">
        <v>81</v>
      </c>
      <c r="E25" s="98">
        <v>167</v>
      </c>
      <c r="F25" s="412">
        <v>0</v>
      </c>
      <c r="G25" s="97">
        <v>196</v>
      </c>
      <c r="H25" s="97">
        <v>169</v>
      </c>
      <c r="I25" s="97">
        <v>106</v>
      </c>
      <c r="J25" s="97">
        <v>96</v>
      </c>
      <c r="K25" s="97">
        <v>48</v>
      </c>
      <c r="L25" s="99">
        <v>615</v>
      </c>
      <c r="M25" s="100">
        <v>782</v>
      </c>
      <c r="N25" s="101">
        <v>4</v>
      </c>
      <c r="O25" s="102">
        <v>5</v>
      </c>
      <c r="P25" s="103">
        <v>9</v>
      </c>
      <c r="Q25" s="412">
        <v>0</v>
      </c>
      <c r="R25" s="102">
        <v>5</v>
      </c>
      <c r="S25" s="102">
        <v>5</v>
      </c>
      <c r="T25" s="102">
        <v>6</v>
      </c>
      <c r="U25" s="102">
        <v>1</v>
      </c>
      <c r="V25" s="102">
        <v>4</v>
      </c>
      <c r="W25" s="103">
        <v>21</v>
      </c>
      <c r="X25" s="104">
        <v>30</v>
      </c>
      <c r="Y25" s="101">
        <v>3</v>
      </c>
      <c r="Z25" s="102">
        <v>5</v>
      </c>
      <c r="AA25" s="103">
        <v>8</v>
      </c>
      <c r="AB25" s="412">
        <v>0</v>
      </c>
      <c r="AC25" s="102">
        <v>9</v>
      </c>
      <c r="AD25" s="102">
        <v>13</v>
      </c>
      <c r="AE25" s="102">
        <v>6</v>
      </c>
      <c r="AF25" s="102">
        <v>6</v>
      </c>
      <c r="AG25" s="102">
        <v>8</v>
      </c>
      <c r="AH25" s="103">
        <v>42</v>
      </c>
      <c r="AI25" s="104">
        <v>50</v>
      </c>
      <c r="AJ25" s="101">
        <v>12</v>
      </c>
      <c r="AK25" s="102">
        <v>15</v>
      </c>
      <c r="AL25" s="103">
        <v>27</v>
      </c>
      <c r="AM25" s="412">
        <v>0</v>
      </c>
      <c r="AN25" s="102">
        <v>37</v>
      </c>
      <c r="AO25" s="102">
        <v>21</v>
      </c>
      <c r="AP25" s="102">
        <v>20</v>
      </c>
      <c r="AQ25" s="102">
        <v>18</v>
      </c>
      <c r="AR25" s="102">
        <v>7</v>
      </c>
      <c r="AS25" s="103">
        <v>103</v>
      </c>
      <c r="AT25" s="104">
        <v>130</v>
      </c>
      <c r="AU25" s="101">
        <v>26</v>
      </c>
      <c r="AV25" s="102">
        <v>22</v>
      </c>
      <c r="AW25" s="103">
        <v>48</v>
      </c>
      <c r="AX25" s="412">
        <v>0</v>
      </c>
      <c r="AY25" s="102">
        <v>45</v>
      </c>
      <c r="AZ25" s="102">
        <v>46</v>
      </c>
      <c r="BA25" s="102">
        <v>26</v>
      </c>
      <c r="BB25" s="102">
        <v>21</v>
      </c>
      <c r="BC25" s="102">
        <v>12</v>
      </c>
      <c r="BD25" s="103">
        <v>150</v>
      </c>
      <c r="BE25" s="104">
        <v>198</v>
      </c>
      <c r="BF25" s="101">
        <v>28</v>
      </c>
      <c r="BG25" s="102">
        <v>23</v>
      </c>
      <c r="BH25" s="103">
        <v>51</v>
      </c>
      <c r="BI25" s="412">
        <v>0</v>
      </c>
      <c r="BJ25" s="102">
        <v>52</v>
      </c>
      <c r="BK25" s="102">
        <v>44</v>
      </c>
      <c r="BL25" s="102">
        <v>23</v>
      </c>
      <c r="BM25" s="102">
        <v>29</v>
      </c>
      <c r="BN25" s="102">
        <v>8</v>
      </c>
      <c r="BO25" s="103">
        <v>156</v>
      </c>
      <c r="BP25" s="104">
        <v>207</v>
      </c>
      <c r="BQ25" s="101">
        <v>13</v>
      </c>
      <c r="BR25" s="102">
        <v>11</v>
      </c>
      <c r="BS25" s="103">
        <v>24</v>
      </c>
      <c r="BT25" s="412">
        <v>0</v>
      </c>
      <c r="BU25" s="102">
        <v>48</v>
      </c>
      <c r="BV25" s="102">
        <v>40</v>
      </c>
      <c r="BW25" s="102">
        <v>25</v>
      </c>
      <c r="BX25" s="102">
        <v>21</v>
      </c>
      <c r="BY25" s="102">
        <v>9</v>
      </c>
      <c r="BZ25" s="103">
        <v>143</v>
      </c>
      <c r="CA25" s="104">
        <v>167</v>
      </c>
      <c r="CB25" s="101">
        <v>3</v>
      </c>
      <c r="CC25" s="102">
        <v>4</v>
      </c>
      <c r="CD25" s="103">
        <v>7</v>
      </c>
      <c r="CE25" s="412">
        <v>0</v>
      </c>
      <c r="CF25" s="102">
        <v>10</v>
      </c>
      <c r="CG25" s="102">
        <v>4</v>
      </c>
      <c r="CH25" s="102">
        <v>2</v>
      </c>
      <c r="CI25" s="102">
        <v>1</v>
      </c>
      <c r="CJ25" s="102">
        <v>4</v>
      </c>
      <c r="CK25" s="103">
        <v>21</v>
      </c>
      <c r="CL25" s="104">
        <v>28</v>
      </c>
      <c r="CM25" s="101">
        <v>89</v>
      </c>
      <c r="CN25" s="102">
        <v>85</v>
      </c>
      <c r="CO25" s="103">
        <v>174</v>
      </c>
      <c r="CP25" s="412">
        <v>0</v>
      </c>
      <c r="CQ25" s="102">
        <v>206</v>
      </c>
      <c r="CR25" s="102">
        <v>173</v>
      </c>
      <c r="CS25" s="102">
        <v>108</v>
      </c>
      <c r="CT25" s="102">
        <v>97</v>
      </c>
      <c r="CU25" s="102">
        <v>52</v>
      </c>
      <c r="CV25" s="103">
        <v>636</v>
      </c>
      <c r="CW25" s="104">
        <v>810</v>
      </c>
      <c r="CX25" s="105">
        <v>144</v>
      </c>
      <c r="CY25" s="97">
        <v>263</v>
      </c>
      <c r="CZ25" s="98">
        <v>407</v>
      </c>
      <c r="DA25" s="412">
        <v>0</v>
      </c>
      <c r="DB25" s="97">
        <v>346</v>
      </c>
      <c r="DC25" s="97">
        <v>309</v>
      </c>
      <c r="DD25" s="97">
        <v>216</v>
      </c>
      <c r="DE25" s="97">
        <v>225</v>
      </c>
      <c r="DF25" s="97">
        <v>112</v>
      </c>
      <c r="DG25" s="99">
        <v>1208</v>
      </c>
      <c r="DH25" s="100">
        <v>1615</v>
      </c>
      <c r="DI25" s="101">
        <v>4</v>
      </c>
      <c r="DJ25" s="102">
        <v>7</v>
      </c>
      <c r="DK25" s="103">
        <v>11</v>
      </c>
      <c r="DL25" s="412">
        <v>0</v>
      </c>
      <c r="DM25" s="102">
        <v>7</v>
      </c>
      <c r="DN25" s="102">
        <v>6</v>
      </c>
      <c r="DO25" s="102">
        <v>6</v>
      </c>
      <c r="DP25" s="102">
        <v>2</v>
      </c>
      <c r="DQ25" s="102">
        <v>4</v>
      </c>
      <c r="DR25" s="103">
        <v>25</v>
      </c>
      <c r="DS25" s="104">
        <v>36</v>
      </c>
      <c r="DT25" s="101">
        <v>9</v>
      </c>
      <c r="DU25" s="102">
        <v>12</v>
      </c>
      <c r="DV25" s="103">
        <v>21</v>
      </c>
      <c r="DW25" s="412">
        <v>0</v>
      </c>
      <c r="DX25" s="102">
        <v>15</v>
      </c>
      <c r="DY25" s="102">
        <v>14</v>
      </c>
      <c r="DZ25" s="102">
        <v>5</v>
      </c>
      <c r="EA25" s="102">
        <v>6</v>
      </c>
      <c r="EB25" s="102">
        <v>1</v>
      </c>
      <c r="EC25" s="103">
        <v>41</v>
      </c>
      <c r="ED25" s="104">
        <v>62</v>
      </c>
      <c r="EE25" s="101">
        <v>27</v>
      </c>
      <c r="EF25" s="102">
        <v>42</v>
      </c>
      <c r="EG25" s="103">
        <v>69</v>
      </c>
      <c r="EH25" s="412">
        <v>0</v>
      </c>
      <c r="EI25" s="102">
        <v>37</v>
      </c>
      <c r="EJ25" s="102">
        <v>36</v>
      </c>
      <c r="EK25" s="102">
        <v>19</v>
      </c>
      <c r="EL25" s="102">
        <v>16</v>
      </c>
      <c r="EM25" s="102">
        <v>18</v>
      </c>
      <c r="EN25" s="103">
        <v>126</v>
      </c>
      <c r="EO25" s="104">
        <v>195</v>
      </c>
      <c r="EP25" s="101">
        <v>44</v>
      </c>
      <c r="EQ25" s="102">
        <v>75</v>
      </c>
      <c r="ER25" s="103">
        <v>119</v>
      </c>
      <c r="ES25" s="412">
        <v>0</v>
      </c>
      <c r="ET25" s="102">
        <v>72</v>
      </c>
      <c r="EU25" s="102">
        <v>63</v>
      </c>
      <c r="EV25" s="102">
        <v>41</v>
      </c>
      <c r="EW25" s="102">
        <v>42</v>
      </c>
      <c r="EX25" s="102">
        <v>18</v>
      </c>
      <c r="EY25" s="103">
        <v>236</v>
      </c>
      <c r="EZ25" s="104">
        <v>355</v>
      </c>
      <c r="FA25" s="101">
        <v>42</v>
      </c>
      <c r="FB25" s="102">
        <v>78</v>
      </c>
      <c r="FC25" s="103">
        <v>120</v>
      </c>
      <c r="FD25" s="412">
        <v>0</v>
      </c>
      <c r="FE25" s="102">
        <v>111</v>
      </c>
      <c r="FF25" s="102">
        <v>88</v>
      </c>
      <c r="FG25" s="102">
        <v>60</v>
      </c>
      <c r="FH25" s="102">
        <v>59</v>
      </c>
      <c r="FI25" s="102">
        <v>31</v>
      </c>
      <c r="FJ25" s="103">
        <v>349</v>
      </c>
      <c r="FK25" s="104">
        <v>469</v>
      </c>
      <c r="FL25" s="101">
        <v>18</v>
      </c>
      <c r="FM25" s="102">
        <v>49</v>
      </c>
      <c r="FN25" s="103">
        <v>67</v>
      </c>
      <c r="FO25" s="412">
        <v>0</v>
      </c>
      <c r="FP25" s="102">
        <v>104</v>
      </c>
      <c r="FQ25" s="102">
        <v>102</v>
      </c>
      <c r="FR25" s="102">
        <v>85</v>
      </c>
      <c r="FS25" s="102">
        <v>100</v>
      </c>
      <c r="FT25" s="102">
        <v>40</v>
      </c>
      <c r="FU25" s="103">
        <v>431</v>
      </c>
      <c r="FV25" s="104">
        <v>498</v>
      </c>
      <c r="FW25" s="101">
        <v>0</v>
      </c>
      <c r="FX25" s="102">
        <v>5</v>
      </c>
      <c r="FY25" s="103">
        <v>5</v>
      </c>
      <c r="FZ25" s="412">
        <v>0</v>
      </c>
      <c r="GA25" s="102">
        <v>3</v>
      </c>
      <c r="GB25" s="102">
        <v>6</v>
      </c>
      <c r="GC25" s="102">
        <v>2</v>
      </c>
      <c r="GD25" s="102">
        <v>1</v>
      </c>
      <c r="GE25" s="102">
        <v>2</v>
      </c>
      <c r="GF25" s="103">
        <v>14</v>
      </c>
      <c r="GG25" s="104">
        <v>19</v>
      </c>
      <c r="GH25" s="101">
        <v>144</v>
      </c>
      <c r="GI25" s="102">
        <v>268</v>
      </c>
      <c r="GJ25" s="103">
        <v>412</v>
      </c>
      <c r="GK25" s="412">
        <v>0</v>
      </c>
      <c r="GL25" s="102">
        <v>349</v>
      </c>
      <c r="GM25" s="102">
        <v>315</v>
      </c>
      <c r="GN25" s="102">
        <v>218</v>
      </c>
      <c r="GO25" s="102">
        <v>226</v>
      </c>
      <c r="GP25" s="102">
        <v>114</v>
      </c>
      <c r="GQ25" s="103">
        <v>1222</v>
      </c>
      <c r="GR25" s="104">
        <v>1634</v>
      </c>
      <c r="GS25" s="105">
        <v>230</v>
      </c>
      <c r="GT25" s="97">
        <v>344</v>
      </c>
      <c r="GU25" s="98">
        <v>574</v>
      </c>
      <c r="GV25" s="412">
        <v>0</v>
      </c>
      <c r="GW25" s="97">
        <v>542</v>
      </c>
      <c r="GX25" s="97">
        <v>478</v>
      </c>
      <c r="GY25" s="97">
        <v>322</v>
      </c>
      <c r="GZ25" s="97">
        <v>321</v>
      </c>
      <c r="HA25" s="97">
        <v>160</v>
      </c>
      <c r="HB25" s="99">
        <v>1823</v>
      </c>
      <c r="HC25" s="100">
        <v>2397</v>
      </c>
      <c r="HD25" s="101">
        <v>8</v>
      </c>
      <c r="HE25" s="102">
        <v>12</v>
      </c>
      <c r="HF25" s="103">
        <v>20</v>
      </c>
      <c r="HG25" s="415">
        <v>0</v>
      </c>
      <c r="HH25" s="102">
        <v>12</v>
      </c>
      <c r="HI25" s="102">
        <v>11</v>
      </c>
      <c r="HJ25" s="102">
        <v>12</v>
      </c>
      <c r="HK25" s="102">
        <v>3</v>
      </c>
      <c r="HL25" s="102">
        <v>8</v>
      </c>
      <c r="HM25" s="103">
        <v>46</v>
      </c>
      <c r="HN25" s="104">
        <v>66</v>
      </c>
      <c r="HO25" s="101">
        <v>12</v>
      </c>
      <c r="HP25" s="102">
        <v>17</v>
      </c>
      <c r="HQ25" s="103">
        <v>29</v>
      </c>
      <c r="HR25" s="412">
        <v>0</v>
      </c>
      <c r="HS25" s="102">
        <v>24</v>
      </c>
      <c r="HT25" s="102">
        <v>27</v>
      </c>
      <c r="HU25" s="102">
        <v>11</v>
      </c>
      <c r="HV25" s="102">
        <v>12</v>
      </c>
      <c r="HW25" s="102">
        <v>9</v>
      </c>
      <c r="HX25" s="103">
        <v>83</v>
      </c>
      <c r="HY25" s="104">
        <v>112</v>
      </c>
      <c r="HZ25" s="101">
        <v>39</v>
      </c>
      <c r="IA25" s="102">
        <v>57</v>
      </c>
      <c r="IB25" s="103">
        <v>96</v>
      </c>
      <c r="IC25" s="412">
        <v>0</v>
      </c>
      <c r="ID25" s="102">
        <v>74</v>
      </c>
      <c r="IE25" s="102">
        <v>57</v>
      </c>
      <c r="IF25" s="102">
        <v>39</v>
      </c>
      <c r="IG25" s="102">
        <v>34</v>
      </c>
      <c r="IH25" s="102">
        <v>25</v>
      </c>
      <c r="II25" s="103">
        <v>229</v>
      </c>
      <c r="IJ25" s="104">
        <v>325</v>
      </c>
      <c r="IK25" s="101">
        <v>70</v>
      </c>
      <c r="IL25" s="102">
        <v>97</v>
      </c>
      <c r="IM25" s="103">
        <v>167</v>
      </c>
      <c r="IN25" s="412">
        <v>0</v>
      </c>
      <c r="IO25" s="102">
        <v>117</v>
      </c>
      <c r="IP25" s="102">
        <v>109</v>
      </c>
      <c r="IQ25" s="102">
        <v>67</v>
      </c>
      <c r="IR25" s="102">
        <v>63</v>
      </c>
      <c r="IS25" s="102">
        <v>30</v>
      </c>
      <c r="IT25" s="103">
        <v>386</v>
      </c>
      <c r="IU25" s="104">
        <v>553</v>
      </c>
      <c r="IV25" s="101">
        <v>70</v>
      </c>
      <c r="IW25" s="102">
        <v>101</v>
      </c>
      <c r="IX25" s="103">
        <v>171</v>
      </c>
      <c r="IY25" s="412">
        <v>0</v>
      </c>
      <c r="IZ25" s="102">
        <v>163</v>
      </c>
      <c r="JA25" s="102">
        <v>132</v>
      </c>
      <c r="JB25" s="102">
        <v>83</v>
      </c>
      <c r="JC25" s="102">
        <v>88</v>
      </c>
      <c r="JD25" s="102">
        <v>39</v>
      </c>
      <c r="JE25" s="103">
        <v>505</v>
      </c>
      <c r="JF25" s="104">
        <v>676</v>
      </c>
      <c r="JG25" s="101">
        <v>31</v>
      </c>
      <c r="JH25" s="102">
        <v>60</v>
      </c>
      <c r="JI25" s="103">
        <v>91</v>
      </c>
      <c r="JJ25" s="412">
        <v>0</v>
      </c>
      <c r="JK25" s="102">
        <v>152</v>
      </c>
      <c r="JL25" s="102">
        <v>142</v>
      </c>
      <c r="JM25" s="102">
        <v>110</v>
      </c>
      <c r="JN25" s="102">
        <v>121</v>
      </c>
      <c r="JO25" s="102">
        <v>49</v>
      </c>
      <c r="JP25" s="103">
        <v>574</v>
      </c>
      <c r="JQ25" s="104">
        <v>665</v>
      </c>
      <c r="JR25" s="101">
        <v>3</v>
      </c>
      <c r="JS25" s="102">
        <v>9</v>
      </c>
      <c r="JT25" s="103">
        <v>12</v>
      </c>
      <c r="JU25" s="412">
        <v>0</v>
      </c>
      <c r="JV25" s="102">
        <v>13</v>
      </c>
      <c r="JW25" s="102">
        <v>10</v>
      </c>
      <c r="JX25" s="102">
        <v>4</v>
      </c>
      <c r="JY25" s="102">
        <v>2</v>
      </c>
      <c r="JZ25" s="102">
        <v>6</v>
      </c>
      <c r="KA25" s="103">
        <v>35</v>
      </c>
      <c r="KB25" s="104">
        <v>47</v>
      </c>
      <c r="KC25" s="101">
        <v>233</v>
      </c>
      <c r="KD25" s="102">
        <v>353</v>
      </c>
      <c r="KE25" s="103">
        <v>586</v>
      </c>
      <c r="KF25" s="412">
        <v>0</v>
      </c>
      <c r="KG25" s="102">
        <v>555</v>
      </c>
      <c r="KH25" s="102">
        <v>488</v>
      </c>
      <c r="KI25" s="102">
        <v>326</v>
      </c>
      <c r="KJ25" s="102">
        <v>323</v>
      </c>
      <c r="KK25" s="102">
        <v>166</v>
      </c>
      <c r="KL25" s="103">
        <v>1858</v>
      </c>
      <c r="KM25" s="104">
        <v>2444</v>
      </c>
    </row>
    <row r="26" spans="2:299" s="70" customFormat="1" ht="21" customHeight="1" x14ac:dyDescent="0.2">
      <c r="B26" s="106" t="s">
        <v>23</v>
      </c>
      <c r="C26" s="96">
        <v>214</v>
      </c>
      <c r="D26" s="97">
        <v>207</v>
      </c>
      <c r="E26" s="98">
        <v>421</v>
      </c>
      <c r="F26" s="412">
        <v>0</v>
      </c>
      <c r="G26" s="97">
        <v>314</v>
      </c>
      <c r="H26" s="97">
        <v>275</v>
      </c>
      <c r="I26" s="97">
        <v>193</v>
      </c>
      <c r="J26" s="97">
        <v>146</v>
      </c>
      <c r="K26" s="97">
        <v>92</v>
      </c>
      <c r="L26" s="99">
        <v>1020</v>
      </c>
      <c r="M26" s="100">
        <v>1441</v>
      </c>
      <c r="N26" s="101">
        <v>5</v>
      </c>
      <c r="O26" s="102">
        <v>10</v>
      </c>
      <c r="P26" s="103">
        <v>15</v>
      </c>
      <c r="Q26" s="412">
        <v>0</v>
      </c>
      <c r="R26" s="102">
        <v>8</v>
      </c>
      <c r="S26" s="102">
        <v>13</v>
      </c>
      <c r="T26" s="102">
        <v>2</v>
      </c>
      <c r="U26" s="102">
        <v>6</v>
      </c>
      <c r="V26" s="102">
        <v>3</v>
      </c>
      <c r="W26" s="103">
        <v>32</v>
      </c>
      <c r="X26" s="104">
        <v>47</v>
      </c>
      <c r="Y26" s="101">
        <v>17</v>
      </c>
      <c r="Z26" s="102">
        <v>23</v>
      </c>
      <c r="AA26" s="103">
        <v>40</v>
      </c>
      <c r="AB26" s="412">
        <v>0</v>
      </c>
      <c r="AC26" s="102">
        <v>22</v>
      </c>
      <c r="AD26" s="102">
        <v>31</v>
      </c>
      <c r="AE26" s="102">
        <v>21</v>
      </c>
      <c r="AF26" s="102">
        <v>18</v>
      </c>
      <c r="AG26" s="102">
        <v>12</v>
      </c>
      <c r="AH26" s="103">
        <v>104</v>
      </c>
      <c r="AI26" s="104">
        <v>144</v>
      </c>
      <c r="AJ26" s="101">
        <v>46</v>
      </c>
      <c r="AK26" s="102">
        <v>34</v>
      </c>
      <c r="AL26" s="103">
        <v>80</v>
      </c>
      <c r="AM26" s="412">
        <v>0</v>
      </c>
      <c r="AN26" s="102">
        <v>55</v>
      </c>
      <c r="AO26" s="102">
        <v>36</v>
      </c>
      <c r="AP26" s="102">
        <v>24</v>
      </c>
      <c r="AQ26" s="102">
        <v>19</v>
      </c>
      <c r="AR26" s="102">
        <v>19</v>
      </c>
      <c r="AS26" s="103">
        <v>153</v>
      </c>
      <c r="AT26" s="104">
        <v>233</v>
      </c>
      <c r="AU26" s="101">
        <v>58</v>
      </c>
      <c r="AV26" s="102">
        <v>62</v>
      </c>
      <c r="AW26" s="103">
        <v>120</v>
      </c>
      <c r="AX26" s="412">
        <v>0</v>
      </c>
      <c r="AY26" s="102">
        <v>96</v>
      </c>
      <c r="AZ26" s="102">
        <v>76</v>
      </c>
      <c r="BA26" s="102">
        <v>58</v>
      </c>
      <c r="BB26" s="102">
        <v>45</v>
      </c>
      <c r="BC26" s="102">
        <v>21</v>
      </c>
      <c r="BD26" s="103">
        <v>296</v>
      </c>
      <c r="BE26" s="104">
        <v>416</v>
      </c>
      <c r="BF26" s="101">
        <v>67</v>
      </c>
      <c r="BG26" s="102">
        <v>57</v>
      </c>
      <c r="BH26" s="103">
        <v>124</v>
      </c>
      <c r="BI26" s="412">
        <v>0</v>
      </c>
      <c r="BJ26" s="102">
        <v>99</v>
      </c>
      <c r="BK26" s="102">
        <v>75</v>
      </c>
      <c r="BL26" s="102">
        <v>57</v>
      </c>
      <c r="BM26" s="102">
        <v>32</v>
      </c>
      <c r="BN26" s="102">
        <v>27</v>
      </c>
      <c r="BO26" s="103">
        <v>290</v>
      </c>
      <c r="BP26" s="104">
        <v>414</v>
      </c>
      <c r="BQ26" s="101">
        <v>21</v>
      </c>
      <c r="BR26" s="102">
        <v>21</v>
      </c>
      <c r="BS26" s="103">
        <v>42</v>
      </c>
      <c r="BT26" s="412">
        <v>0</v>
      </c>
      <c r="BU26" s="102">
        <v>34</v>
      </c>
      <c r="BV26" s="102">
        <v>44</v>
      </c>
      <c r="BW26" s="102">
        <v>31</v>
      </c>
      <c r="BX26" s="102">
        <v>26</v>
      </c>
      <c r="BY26" s="102">
        <v>10</v>
      </c>
      <c r="BZ26" s="103">
        <v>145</v>
      </c>
      <c r="CA26" s="104">
        <v>187</v>
      </c>
      <c r="CB26" s="101">
        <v>6</v>
      </c>
      <c r="CC26" s="102">
        <v>10</v>
      </c>
      <c r="CD26" s="103">
        <v>16</v>
      </c>
      <c r="CE26" s="412">
        <v>0</v>
      </c>
      <c r="CF26" s="102">
        <v>6</v>
      </c>
      <c r="CG26" s="102">
        <v>14</v>
      </c>
      <c r="CH26" s="102">
        <v>9</v>
      </c>
      <c r="CI26" s="102">
        <v>9</v>
      </c>
      <c r="CJ26" s="102">
        <v>1</v>
      </c>
      <c r="CK26" s="103">
        <v>39</v>
      </c>
      <c r="CL26" s="104">
        <v>55</v>
      </c>
      <c r="CM26" s="101">
        <v>220</v>
      </c>
      <c r="CN26" s="102">
        <v>217</v>
      </c>
      <c r="CO26" s="103">
        <v>437</v>
      </c>
      <c r="CP26" s="412">
        <v>0</v>
      </c>
      <c r="CQ26" s="102">
        <v>320</v>
      </c>
      <c r="CR26" s="102">
        <v>289</v>
      </c>
      <c r="CS26" s="102">
        <v>202</v>
      </c>
      <c r="CT26" s="102">
        <v>155</v>
      </c>
      <c r="CU26" s="102">
        <v>93</v>
      </c>
      <c r="CV26" s="103">
        <v>1059</v>
      </c>
      <c r="CW26" s="104">
        <v>1496</v>
      </c>
      <c r="CX26" s="105">
        <v>345</v>
      </c>
      <c r="CY26" s="97">
        <v>459</v>
      </c>
      <c r="CZ26" s="98">
        <v>804</v>
      </c>
      <c r="DA26" s="412">
        <v>0</v>
      </c>
      <c r="DB26" s="97">
        <v>549</v>
      </c>
      <c r="DC26" s="97">
        <v>443</v>
      </c>
      <c r="DD26" s="97">
        <v>317</v>
      </c>
      <c r="DE26" s="97">
        <v>377</v>
      </c>
      <c r="DF26" s="97">
        <v>226</v>
      </c>
      <c r="DG26" s="99">
        <v>1912</v>
      </c>
      <c r="DH26" s="100">
        <v>2716</v>
      </c>
      <c r="DI26" s="101">
        <v>10</v>
      </c>
      <c r="DJ26" s="102">
        <v>15</v>
      </c>
      <c r="DK26" s="103">
        <v>25</v>
      </c>
      <c r="DL26" s="412">
        <v>0</v>
      </c>
      <c r="DM26" s="102">
        <v>14</v>
      </c>
      <c r="DN26" s="102">
        <v>9</v>
      </c>
      <c r="DO26" s="102">
        <v>5</v>
      </c>
      <c r="DP26" s="102">
        <v>4</v>
      </c>
      <c r="DQ26" s="102">
        <v>5</v>
      </c>
      <c r="DR26" s="103">
        <v>37</v>
      </c>
      <c r="DS26" s="104">
        <v>62</v>
      </c>
      <c r="DT26" s="101">
        <v>26</v>
      </c>
      <c r="DU26" s="102">
        <v>35</v>
      </c>
      <c r="DV26" s="103">
        <v>61</v>
      </c>
      <c r="DW26" s="412">
        <v>0</v>
      </c>
      <c r="DX26" s="102">
        <v>21</v>
      </c>
      <c r="DY26" s="102">
        <v>26</v>
      </c>
      <c r="DZ26" s="102">
        <v>19</v>
      </c>
      <c r="EA26" s="102">
        <v>23</v>
      </c>
      <c r="EB26" s="102">
        <v>9</v>
      </c>
      <c r="EC26" s="103">
        <v>98</v>
      </c>
      <c r="ED26" s="104">
        <v>159</v>
      </c>
      <c r="EE26" s="101">
        <v>67</v>
      </c>
      <c r="EF26" s="102">
        <v>78</v>
      </c>
      <c r="EG26" s="103">
        <v>145</v>
      </c>
      <c r="EH26" s="412">
        <v>0</v>
      </c>
      <c r="EI26" s="102">
        <v>81</v>
      </c>
      <c r="EJ26" s="102">
        <v>56</v>
      </c>
      <c r="EK26" s="102">
        <v>40</v>
      </c>
      <c r="EL26" s="102">
        <v>49</v>
      </c>
      <c r="EM26" s="102">
        <v>28</v>
      </c>
      <c r="EN26" s="103">
        <v>254</v>
      </c>
      <c r="EO26" s="104">
        <v>399</v>
      </c>
      <c r="EP26" s="101">
        <v>136</v>
      </c>
      <c r="EQ26" s="102">
        <v>151</v>
      </c>
      <c r="ER26" s="103">
        <v>287</v>
      </c>
      <c r="ES26" s="412">
        <v>0</v>
      </c>
      <c r="ET26" s="102">
        <v>144</v>
      </c>
      <c r="EU26" s="102">
        <v>113</v>
      </c>
      <c r="EV26" s="102">
        <v>70</v>
      </c>
      <c r="EW26" s="102">
        <v>72</v>
      </c>
      <c r="EX26" s="102">
        <v>59</v>
      </c>
      <c r="EY26" s="103">
        <v>458</v>
      </c>
      <c r="EZ26" s="104">
        <v>745</v>
      </c>
      <c r="FA26" s="101">
        <v>73</v>
      </c>
      <c r="FB26" s="102">
        <v>121</v>
      </c>
      <c r="FC26" s="103">
        <v>194</v>
      </c>
      <c r="FD26" s="412">
        <v>0</v>
      </c>
      <c r="FE26" s="102">
        <v>174</v>
      </c>
      <c r="FF26" s="102">
        <v>111</v>
      </c>
      <c r="FG26" s="102">
        <v>102</v>
      </c>
      <c r="FH26" s="102">
        <v>102</v>
      </c>
      <c r="FI26" s="102">
        <v>54</v>
      </c>
      <c r="FJ26" s="103">
        <v>543</v>
      </c>
      <c r="FK26" s="104">
        <v>737</v>
      </c>
      <c r="FL26" s="101">
        <v>33</v>
      </c>
      <c r="FM26" s="102">
        <v>59</v>
      </c>
      <c r="FN26" s="103">
        <v>92</v>
      </c>
      <c r="FO26" s="412">
        <v>0</v>
      </c>
      <c r="FP26" s="102">
        <v>115</v>
      </c>
      <c r="FQ26" s="102">
        <v>128</v>
      </c>
      <c r="FR26" s="102">
        <v>81</v>
      </c>
      <c r="FS26" s="102">
        <v>127</v>
      </c>
      <c r="FT26" s="102">
        <v>71</v>
      </c>
      <c r="FU26" s="103">
        <v>522</v>
      </c>
      <c r="FV26" s="104">
        <v>614</v>
      </c>
      <c r="FW26" s="101">
        <v>6</v>
      </c>
      <c r="FX26" s="102">
        <v>8</v>
      </c>
      <c r="FY26" s="103">
        <v>14</v>
      </c>
      <c r="FZ26" s="412">
        <v>0</v>
      </c>
      <c r="GA26" s="102">
        <v>6</v>
      </c>
      <c r="GB26" s="102">
        <v>10</v>
      </c>
      <c r="GC26" s="102">
        <v>3</v>
      </c>
      <c r="GD26" s="102">
        <v>2</v>
      </c>
      <c r="GE26" s="102">
        <v>4</v>
      </c>
      <c r="GF26" s="103">
        <v>25</v>
      </c>
      <c r="GG26" s="104">
        <v>39</v>
      </c>
      <c r="GH26" s="101">
        <v>351</v>
      </c>
      <c r="GI26" s="102">
        <v>467</v>
      </c>
      <c r="GJ26" s="103">
        <v>818</v>
      </c>
      <c r="GK26" s="412">
        <v>0</v>
      </c>
      <c r="GL26" s="102">
        <v>555</v>
      </c>
      <c r="GM26" s="102">
        <v>453</v>
      </c>
      <c r="GN26" s="102">
        <v>320</v>
      </c>
      <c r="GO26" s="102">
        <v>379</v>
      </c>
      <c r="GP26" s="102">
        <v>230</v>
      </c>
      <c r="GQ26" s="103">
        <v>1937</v>
      </c>
      <c r="GR26" s="104">
        <v>2755</v>
      </c>
      <c r="GS26" s="105">
        <v>559</v>
      </c>
      <c r="GT26" s="97">
        <v>666</v>
      </c>
      <c r="GU26" s="98">
        <v>1225</v>
      </c>
      <c r="GV26" s="412">
        <v>0</v>
      </c>
      <c r="GW26" s="97">
        <v>863</v>
      </c>
      <c r="GX26" s="97">
        <v>718</v>
      </c>
      <c r="GY26" s="97">
        <v>510</v>
      </c>
      <c r="GZ26" s="97">
        <v>523</v>
      </c>
      <c r="HA26" s="97">
        <v>318</v>
      </c>
      <c r="HB26" s="99">
        <v>2932</v>
      </c>
      <c r="HC26" s="100">
        <v>4157</v>
      </c>
      <c r="HD26" s="101">
        <v>15</v>
      </c>
      <c r="HE26" s="102">
        <v>25</v>
      </c>
      <c r="HF26" s="103">
        <v>40</v>
      </c>
      <c r="HG26" s="415">
        <v>0</v>
      </c>
      <c r="HH26" s="102">
        <v>22</v>
      </c>
      <c r="HI26" s="102">
        <v>22</v>
      </c>
      <c r="HJ26" s="102">
        <v>7</v>
      </c>
      <c r="HK26" s="102">
        <v>10</v>
      </c>
      <c r="HL26" s="102">
        <v>8</v>
      </c>
      <c r="HM26" s="103">
        <v>69</v>
      </c>
      <c r="HN26" s="104">
        <v>109</v>
      </c>
      <c r="HO26" s="101">
        <v>43</v>
      </c>
      <c r="HP26" s="102">
        <v>58</v>
      </c>
      <c r="HQ26" s="103">
        <v>101</v>
      </c>
      <c r="HR26" s="412">
        <v>0</v>
      </c>
      <c r="HS26" s="102">
        <v>43</v>
      </c>
      <c r="HT26" s="102">
        <v>57</v>
      </c>
      <c r="HU26" s="102">
        <v>40</v>
      </c>
      <c r="HV26" s="102">
        <v>41</v>
      </c>
      <c r="HW26" s="102">
        <v>21</v>
      </c>
      <c r="HX26" s="103">
        <v>202</v>
      </c>
      <c r="HY26" s="104">
        <v>303</v>
      </c>
      <c r="HZ26" s="101">
        <v>113</v>
      </c>
      <c r="IA26" s="102">
        <v>112</v>
      </c>
      <c r="IB26" s="103">
        <v>225</v>
      </c>
      <c r="IC26" s="412">
        <v>0</v>
      </c>
      <c r="ID26" s="102">
        <v>136</v>
      </c>
      <c r="IE26" s="102">
        <v>92</v>
      </c>
      <c r="IF26" s="102">
        <v>64</v>
      </c>
      <c r="IG26" s="102">
        <v>68</v>
      </c>
      <c r="IH26" s="102">
        <v>47</v>
      </c>
      <c r="II26" s="103">
        <v>407</v>
      </c>
      <c r="IJ26" s="104">
        <v>632</v>
      </c>
      <c r="IK26" s="101">
        <v>194</v>
      </c>
      <c r="IL26" s="102">
        <v>213</v>
      </c>
      <c r="IM26" s="103">
        <v>407</v>
      </c>
      <c r="IN26" s="412">
        <v>0</v>
      </c>
      <c r="IO26" s="102">
        <v>240</v>
      </c>
      <c r="IP26" s="102">
        <v>189</v>
      </c>
      <c r="IQ26" s="102">
        <v>128</v>
      </c>
      <c r="IR26" s="102">
        <v>117</v>
      </c>
      <c r="IS26" s="102">
        <v>80</v>
      </c>
      <c r="IT26" s="103">
        <v>754</v>
      </c>
      <c r="IU26" s="104">
        <v>1161</v>
      </c>
      <c r="IV26" s="101">
        <v>140</v>
      </c>
      <c r="IW26" s="102">
        <v>178</v>
      </c>
      <c r="IX26" s="103">
        <v>318</v>
      </c>
      <c r="IY26" s="412">
        <v>0</v>
      </c>
      <c r="IZ26" s="102">
        <v>273</v>
      </c>
      <c r="JA26" s="102">
        <v>186</v>
      </c>
      <c r="JB26" s="102">
        <v>159</v>
      </c>
      <c r="JC26" s="102">
        <v>134</v>
      </c>
      <c r="JD26" s="102">
        <v>81</v>
      </c>
      <c r="JE26" s="103">
        <v>833</v>
      </c>
      <c r="JF26" s="104">
        <v>1151</v>
      </c>
      <c r="JG26" s="101">
        <v>54</v>
      </c>
      <c r="JH26" s="102">
        <v>80</v>
      </c>
      <c r="JI26" s="103">
        <v>134</v>
      </c>
      <c r="JJ26" s="412">
        <v>0</v>
      </c>
      <c r="JK26" s="102">
        <v>149</v>
      </c>
      <c r="JL26" s="102">
        <v>172</v>
      </c>
      <c r="JM26" s="102">
        <v>112</v>
      </c>
      <c r="JN26" s="102">
        <v>153</v>
      </c>
      <c r="JO26" s="102">
        <v>81</v>
      </c>
      <c r="JP26" s="103">
        <v>667</v>
      </c>
      <c r="JQ26" s="104">
        <v>801</v>
      </c>
      <c r="JR26" s="101">
        <v>12</v>
      </c>
      <c r="JS26" s="102">
        <v>18</v>
      </c>
      <c r="JT26" s="103">
        <v>30</v>
      </c>
      <c r="JU26" s="412">
        <v>0</v>
      </c>
      <c r="JV26" s="102">
        <v>12</v>
      </c>
      <c r="JW26" s="102">
        <v>24</v>
      </c>
      <c r="JX26" s="102">
        <v>12</v>
      </c>
      <c r="JY26" s="102">
        <v>11</v>
      </c>
      <c r="JZ26" s="102">
        <v>5</v>
      </c>
      <c r="KA26" s="103">
        <v>64</v>
      </c>
      <c r="KB26" s="104">
        <v>94</v>
      </c>
      <c r="KC26" s="101">
        <v>571</v>
      </c>
      <c r="KD26" s="102">
        <v>684</v>
      </c>
      <c r="KE26" s="103">
        <v>1255</v>
      </c>
      <c r="KF26" s="412">
        <v>0</v>
      </c>
      <c r="KG26" s="102">
        <v>875</v>
      </c>
      <c r="KH26" s="102">
        <v>742</v>
      </c>
      <c r="KI26" s="102">
        <v>522</v>
      </c>
      <c r="KJ26" s="102">
        <v>534</v>
      </c>
      <c r="KK26" s="102">
        <v>323</v>
      </c>
      <c r="KL26" s="103">
        <v>2996</v>
      </c>
      <c r="KM26" s="104">
        <v>4251</v>
      </c>
    </row>
    <row r="27" spans="2:299" s="70" customFormat="1" ht="21" customHeight="1" x14ac:dyDescent="0.2">
      <c r="B27" s="106" t="s">
        <v>24</v>
      </c>
      <c r="C27" s="96">
        <v>111</v>
      </c>
      <c r="D27" s="97">
        <v>87</v>
      </c>
      <c r="E27" s="98">
        <v>198</v>
      </c>
      <c r="F27" s="412">
        <v>0</v>
      </c>
      <c r="G27" s="97">
        <v>156</v>
      </c>
      <c r="H27" s="97">
        <v>108</v>
      </c>
      <c r="I27" s="97">
        <v>80</v>
      </c>
      <c r="J27" s="97">
        <v>58</v>
      </c>
      <c r="K27" s="97">
        <v>46</v>
      </c>
      <c r="L27" s="99">
        <v>448</v>
      </c>
      <c r="M27" s="100">
        <v>646</v>
      </c>
      <c r="N27" s="101">
        <v>3</v>
      </c>
      <c r="O27" s="102">
        <v>2</v>
      </c>
      <c r="P27" s="103">
        <v>5</v>
      </c>
      <c r="Q27" s="412">
        <v>0</v>
      </c>
      <c r="R27" s="102">
        <v>6</v>
      </c>
      <c r="S27" s="102">
        <v>1</v>
      </c>
      <c r="T27" s="102">
        <v>2</v>
      </c>
      <c r="U27" s="102">
        <v>0</v>
      </c>
      <c r="V27" s="102">
        <v>4</v>
      </c>
      <c r="W27" s="103">
        <v>13</v>
      </c>
      <c r="X27" s="104">
        <v>18</v>
      </c>
      <c r="Y27" s="101">
        <v>11</v>
      </c>
      <c r="Z27" s="102">
        <v>6</v>
      </c>
      <c r="AA27" s="103">
        <v>17</v>
      </c>
      <c r="AB27" s="412">
        <v>0</v>
      </c>
      <c r="AC27" s="102">
        <v>14</v>
      </c>
      <c r="AD27" s="102">
        <v>7</v>
      </c>
      <c r="AE27" s="102">
        <v>6</v>
      </c>
      <c r="AF27" s="102">
        <v>3</v>
      </c>
      <c r="AG27" s="102">
        <v>10</v>
      </c>
      <c r="AH27" s="103">
        <v>40</v>
      </c>
      <c r="AI27" s="104">
        <v>57</v>
      </c>
      <c r="AJ27" s="101">
        <v>14</v>
      </c>
      <c r="AK27" s="102">
        <v>12</v>
      </c>
      <c r="AL27" s="103">
        <v>26</v>
      </c>
      <c r="AM27" s="412">
        <v>0</v>
      </c>
      <c r="AN27" s="102">
        <v>24</v>
      </c>
      <c r="AO27" s="102">
        <v>17</v>
      </c>
      <c r="AP27" s="102">
        <v>10</v>
      </c>
      <c r="AQ27" s="102">
        <v>11</v>
      </c>
      <c r="AR27" s="102">
        <v>2</v>
      </c>
      <c r="AS27" s="103">
        <v>64</v>
      </c>
      <c r="AT27" s="104">
        <v>90</v>
      </c>
      <c r="AU27" s="101">
        <v>18</v>
      </c>
      <c r="AV27" s="102">
        <v>17</v>
      </c>
      <c r="AW27" s="103">
        <v>35</v>
      </c>
      <c r="AX27" s="412">
        <v>0</v>
      </c>
      <c r="AY27" s="102">
        <v>44</v>
      </c>
      <c r="AZ27" s="102">
        <v>22</v>
      </c>
      <c r="BA27" s="102">
        <v>18</v>
      </c>
      <c r="BB27" s="102">
        <v>14</v>
      </c>
      <c r="BC27" s="102">
        <v>12</v>
      </c>
      <c r="BD27" s="103">
        <v>110</v>
      </c>
      <c r="BE27" s="104">
        <v>145</v>
      </c>
      <c r="BF27" s="101">
        <v>35</v>
      </c>
      <c r="BG27" s="102">
        <v>28</v>
      </c>
      <c r="BH27" s="103">
        <v>63</v>
      </c>
      <c r="BI27" s="412">
        <v>0</v>
      </c>
      <c r="BJ27" s="102">
        <v>38</v>
      </c>
      <c r="BK27" s="102">
        <v>32</v>
      </c>
      <c r="BL27" s="102">
        <v>26</v>
      </c>
      <c r="BM27" s="102">
        <v>17</v>
      </c>
      <c r="BN27" s="102">
        <v>6</v>
      </c>
      <c r="BO27" s="103">
        <v>119</v>
      </c>
      <c r="BP27" s="104">
        <v>182</v>
      </c>
      <c r="BQ27" s="101">
        <v>30</v>
      </c>
      <c r="BR27" s="102">
        <v>22</v>
      </c>
      <c r="BS27" s="103">
        <v>52</v>
      </c>
      <c r="BT27" s="412">
        <v>0</v>
      </c>
      <c r="BU27" s="102">
        <v>30</v>
      </c>
      <c r="BV27" s="102">
        <v>29</v>
      </c>
      <c r="BW27" s="102">
        <v>18</v>
      </c>
      <c r="BX27" s="102">
        <v>13</v>
      </c>
      <c r="BY27" s="102">
        <v>12</v>
      </c>
      <c r="BZ27" s="103">
        <v>102</v>
      </c>
      <c r="CA27" s="104">
        <v>154</v>
      </c>
      <c r="CB27" s="101">
        <v>3</v>
      </c>
      <c r="CC27" s="102">
        <v>2</v>
      </c>
      <c r="CD27" s="103">
        <v>5</v>
      </c>
      <c r="CE27" s="412">
        <v>0</v>
      </c>
      <c r="CF27" s="102">
        <v>3</v>
      </c>
      <c r="CG27" s="102">
        <v>4</v>
      </c>
      <c r="CH27" s="102">
        <v>3</v>
      </c>
      <c r="CI27" s="102">
        <v>4</v>
      </c>
      <c r="CJ27" s="102">
        <v>1</v>
      </c>
      <c r="CK27" s="103">
        <v>15</v>
      </c>
      <c r="CL27" s="104">
        <v>20</v>
      </c>
      <c r="CM27" s="101">
        <v>114</v>
      </c>
      <c r="CN27" s="102">
        <v>89</v>
      </c>
      <c r="CO27" s="103">
        <v>203</v>
      </c>
      <c r="CP27" s="412">
        <v>0</v>
      </c>
      <c r="CQ27" s="102">
        <v>159</v>
      </c>
      <c r="CR27" s="102">
        <v>112</v>
      </c>
      <c r="CS27" s="102">
        <v>83</v>
      </c>
      <c r="CT27" s="102">
        <v>62</v>
      </c>
      <c r="CU27" s="102">
        <v>47</v>
      </c>
      <c r="CV27" s="103">
        <v>463</v>
      </c>
      <c r="CW27" s="104">
        <v>666</v>
      </c>
      <c r="CX27" s="105">
        <v>244</v>
      </c>
      <c r="CY27" s="97">
        <v>170</v>
      </c>
      <c r="CZ27" s="98">
        <v>414</v>
      </c>
      <c r="DA27" s="412">
        <v>0</v>
      </c>
      <c r="DB27" s="97">
        <v>270</v>
      </c>
      <c r="DC27" s="97">
        <v>187</v>
      </c>
      <c r="DD27" s="97">
        <v>142</v>
      </c>
      <c r="DE27" s="97">
        <v>216</v>
      </c>
      <c r="DF27" s="97">
        <v>103</v>
      </c>
      <c r="DG27" s="99">
        <v>918</v>
      </c>
      <c r="DH27" s="100">
        <v>1332</v>
      </c>
      <c r="DI27" s="101">
        <v>1</v>
      </c>
      <c r="DJ27" s="102">
        <v>5</v>
      </c>
      <c r="DK27" s="103">
        <v>6</v>
      </c>
      <c r="DL27" s="412">
        <v>0</v>
      </c>
      <c r="DM27" s="102">
        <v>3</v>
      </c>
      <c r="DN27" s="102">
        <v>2</v>
      </c>
      <c r="DO27" s="102">
        <v>2</v>
      </c>
      <c r="DP27" s="102">
        <v>3</v>
      </c>
      <c r="DQ27" s="102">
        <v>2</v>
      </c>
      <c r="DR27" s="103">
        <v>12</v>
      </c>
      <c r="DS27" s="104">
        <v>18</v>
      </c>
      <c r="DT27" s="101">
        <v>10</v>
      </c>
      <c r="DU27" s="102">
        <v>5</v>
      </c>
      <c r="DV27" s="103">
        <v>15</v>
      </c>
      <c r="DW27" s="412">
        <v>0</v>
      </c>
      <c r="DX27" s="102">
        <v>6</v>
      </c>
      <c r="DY27" s="102">
        <v>6</v>
      </c>
      <c r="DZ27" s="102">
        <v>3</v>
      </c>
      <c r="EA27" s="102">
        <v>7</v>
      </c>
      <c r="EB27" s="102">
        <v>3</v>
      </c>
      <c r="EC27" s="103">
        <v>25</v>
      </c>
      <c r="ED27" s="104">
        <v>40</v>
      </c>
      <c r="EE27" s="101">
        <v>34</v>
      </c>
      <c r="EF27" s="102">
        <v>18</v>
      </c>
      <c r="EG27" s="103">
        <v>52</v>
      </c>
      <c r="EH27" s="412">
        <v>0</v>
      </c>
      <c r="EI27" s="102">
        <v>24</v>
      </c>
      <c r="EJ27" s="102">
        <v>18</v>
      </c>
      <c r="EK27" s="102">
        <v>9</v>
      </c>
      <c r="EL27" s="102">
        <v>16</v>
      </c>
      <c r="EM27" s="102">
        <v>6</v>
      </c>
      <c r="EN27" s="103">
        <v>73</v>
      </c>
      <c r="EO27" s="104">
        <v>125</v>
      </c>
      <c r="EP27" s="101">
        <v>65</v>
      </c>
      <c r="EQ27" s="102">
        <v>36</v>
      </c>
      <c r="ER27" s="103">
        <v>101</v>
      </c>
      <c r="ES27" s="412">
        <v>0</v>
      </c>
      <c r="ET27" s="102">
        <v>71</v>
      </c>
      <c r="EU27" s="102">
        <v>28</v>
      </c>
      <c r="EV27" s="102">
        <v>23</v>
      </c>
      <c r="EW27" s="102">
        <v>35</v>
      </c>
      <c r="EX27" s="102">
        <v>18</v>
      </c>
      <c r="EY27" s="103">
        <v>175</v>
      </c>
      <c r="EZ27" s="104">
        <v>276</v>
      </c>
      <c r="FA27" s="101">
        <v>83</v>
      </c>
      <c r="FB27" s="102">
        <v>59</v>
      </c>
      <c r="FC27" s="103">
        <v>142</v>
      </c>
      <c r="FD27" s="412">
        <v>0</v>
      </c>
      <c r="FE27" s="102">
        <v>91</v>
      </c>
      <c r="FF27" s="102">
        <v>60</v>
      </c>
      <c r="FG27" s="102">
        <v>36</v>
      </c>
      <c r="FH27" s="102">
        <v>43</v>
      </c>
      <c r="FI27" s="102">
        <v>23</v>
      </c>
      <c r="FJ27" s="103">
        <v>253</v>
      </c>
      <c r="FK27" s="104">
        <v>395</v>
      </c>
      <c r="FL27" s="101">
        <v>51</v>
      </c>
      <c r="FM27" s="102">
        <v>47</v>
      </c>
      <c r="FN27" s="103">
        <v>98</v>
      </c>
      <c r="FO27" s="412">
        <v>0</v>
      </c>
      <c r="FP27" s="102">
        <v>75</v>
      </c>
      <c r="FQ27" s="102">
        <v>73</v>
      </c>
      <c r="FR27" s="102">
        <v>69</v>
      </c>
      <c r="FS27" s="102">
        <v>112</v>
      </c>
      <c r="FT27" s="102">
        <v>51</v>
      </c>
      <c r="FU27" s="103">
        <v>380</v>
      </c>
      <c r="FV27" s="104">
        <v>478</v>
      </c>
      <c r="FW27" s="101">
        <v>3</v>
      </c>
      <c r="FX27" s="102">
        <v>2</v>
      </c>
      <c r="FY27" s="103">
        <v>5</v>
      </c>
      <c r="FZ27" s="412">
        <v>0</v>
      </c>
      <c r="GA27" s="102">
        <v>2</v>
      </c>
      <c r="GB27" s="102">
        <v>3</v>
      </c>
      <c r="GC27" s="102">
        <v>2</v>
      </c>
      <c r="GD27" s="102">
        <v>2</v>
      </c>
      <c r="GE27" s="102">
        <v>4</v>
      </c>
      <c r="GF27" s="103">
        <v>13</v>
      </c>
      <c r="GG27" s="104">
        <v>18</v>
      </c>
      <c r="GH27" s="101">
        <v>247</v>
      </c>
      <c r="GI27" s="102">
        <v>172</v>
      </c>
      <c r="GJ27" s="103">
        <v>419</v>
      </c>
      <c r="GK27" s="412">
        <v>0</v>
      </c>
      <c r="GL27" s="102">
        <v>272</v>
      </c>
      <c r="GM27" s="102">
        <v>190</v>
      </c>
      <c r="GN27" s="102">
        <v>144</v>
      </c>
      <c r="GO27" s="102">
        <v>218</v>
      </c>
      <c r="GP27" s="102">
        <v>107</v>
      </c>
      <c r="GQ27" s="103">
        <v>931</v>
      </c>
      <c r="GR27" s="104">
        <v>1350</v>
      </c>
      <c r="GS27" s="105">
        <v>355</v>
      </c>
      <c r="GT27" s="97">
        <v>257</v>
      </c>
      <c r="GU27" s="98">
        <v>612</v>
      </c>
      <c r="GV27" s="412">
        <v>0</v>
      </c>
      <c r="GW27" s="97">
        <v>426</v>
      </c>
      <c r="GX27" s="97">
        <v>295</v>
      </c>
      <c r="GY27" s="97">
        <v>222</v>
      </c>
      <c r="GZ27" s="97">
        <v>274</v>
      </c>
      <c r="HA27" s="97">
        <v>149</v>
      </c>
      <c r="HB27" s="99">
        <v>1366</v>
      </c>
      <c r="HC27" s="100">
        <v>1978</v>
      </c>
      <c r="HD27" s="101">
        <v>4</v>
      </c>
      <c r="HE27" s="102">
        <v>7</v>
      </c>
      <c r="HF27" s="103">
        <v>11</v>
      </c>
      <c r="HG27" s="415">
        <v>0</v>
      </c>
      <c r="HH27" s="102">
        <v>9</v>
      </c>
      <c r="HI27" s="102">
        <v>3</v>
      </c>
      <c r="HJ27" s="102">
        <v>4</v>
      </c>
      <c r="HK27" s="102">
        <v>3</v>
      </c>
      <c r="HL27" s="102">
        <v>6</v>
      </c>
      <c r="HM27" s="103">
        <v>25</v>
      </c>
      <c r="HN27" s="104">
        <v>36</v>
      </c>
      <c r="HO27" s="101">
        <v>21</v>
      </c>
      <c r="HP27" s="102">
        <v>11</v>
      </c>
      <c r="HQ27" s="103">
        <v>32</v>
      </c>
      <c r="HR27" s="412">
        <v>0</v>
      </c>
      <c r="HS27" s="102">
        <v>20</v>
      </c>
      <c r="HT27" s="102">
        <v>13</v>
      </c>
      <c r="HU27" s="102">
        <v>9</v>
      </c>
      <c r="HV27" s="102">
        <v>10</v>
      </c>
      <c r="HW27" s="102">
        <v>13</v>
      </c>
      <c r="HX27" s="103">
        <v>65</v>
      </c>
      <c r="HY27" s="104">
        <v>97</v>
      </c>
      <c r="HZ27" s="101">
        <v>48</v>
      </c>
      <c r="IA27" s="102">
        <v>30</v>
      </c>
      <c r="IB27" s="103">
        <v>78</v>
      </c>
      <c r="IC27" s="412">
        <v>0</v>
      </c>
      <c r="ID27" s="102">
        <v>48</v>
      </c>
      <c r="IE27" s="102">
        <v>35</v>
      </c>
      <c r="IF27" s="102">
        <v>19</v>
      </c>
      <c r="IG27" s="102">
        <v>27</v>
      </c>
      <c r="IH27" s="102">
        <v>8</v>
      </c>
      <c r="II27" s="103">
        <v>137</v>
      </c>
      <c r="IJ27" s="104">
        <v>215</v>
      </c>
      <c r="IK27" s="101">
        <v>83</v>
      </c>
      <c r="IL27" s="102">
        <v>53</v>
      </c>
      <c r="IM27" s="103">
        <v>136</v>
      </c>
      <c r="IN27" s="412">
        <v>0</v>
      </c>
      <c r="IO27" s="102">
        <v>115</v>
      </c>
      <c r="IP27" s="102">
        <v>50</v>
      </c>
      <c r="IQ27" s="102">
        <v>41</v>
      </c>
      <c r="IR27" s="102">
        <v>49</v>
      </c>
      <c r="IS27" s="102">
        <v>30</v>
      </c>
      <c r="IT27" s="103">
        <v>285</v>
      </c>
      <c r="IU27" s="104">
        <v>421</v>
      </c>
      <c r="IV27" s="101">
        <v>118</v>
      </c>
      <c r="IW27" s="102">
        <v>87</v>
      </c>
      <c r="IX27" s="103">
        <v>205</v>
      </c>
      <c r="IY27" s="412">
        <v>0</v>
      </c>
      <c r="IZ27" s="102">
        <v>129</v>
      </c>
      <c r="JA27" s="102">
        <v>92</v>
      </c>
      <c r="JB27" s="102">
        <v>62</v>
      </c>
      <c r="JC27" s="102">
        <v>60</v>
      </c>
      <c r="JD27" s="102">
        <v>29</v>
      </c>
      <c r="JE27" s="103">
        <v>372</v>
      </c>
      <c r="JF27" s="104">
        <v>577</v>
      </c>
      <c r="JG27" s="101">
        <v>81</v>
      </c>
      <c r="JH27" s="102">
        <v>69</v>
      </c>
      <c r="JI27" s="103">
        <v>150</v>
      </c>
      <c r="JJ27" s="412">
        <v>0</v>
      </c>
      <c r="JK27" s="102">
        <v>105</v>
      </c>
      <c r="JL27" s="102">
        <v>102</v>
      </c>
      <c r="JM27" s="102">
        <v>87</v>
      </c>
      <c r="JN27" s="102">
        <v>125</v>
      </c>
      <c r="JO27" s="102">
        <v>63</v>
      </c>
      <c r="JP27" s="103">
        <v>482</v>
      </c>
      <c r="JQ27" s="104">
        <v>632</v>
      </c>
      <c r="JR27" s="101">
        <v>6</v>
      </c>
      <c r="JS27" s="102">
        <v>4</v>
      </c>
      <c r="JT27" s="103">
        <v>10</v>
      </c>
      <c r="JU27" s="412">
        <v>0</v>
      </c>
      <c r="JV27" s="102">
        <v>5</v>
      </c>
      <c r="JW27" s="102">
        <v>7</v>
      </c>
      <c r="JX27" s="102">
        <v>5</v>
      </c>
      <c r="JY27" s="102">
        <v>6</v>
      </c>
      <c r="JZ27" s="102">
        <v>5</v>
      </c>
      <c r="KA27" s="103">
        <v>28</v>
      </c>
      <c r="KB27" s="104">
        <v>38</v>
      </c>
      <c r="KC27" s="101">
        <v>361</v>
      </c>
      <c r="KD27" s="102">
        <v>261</v>
      </c>
      <c r="KE27" s="103">
        <v>622</v>
      </c>
      <c r="KF27" s="412">
        <v>0</v>
      </c>
      <c r="KG27" s="102">
        <v>431</v>
      </c>
      <c r="KH27" s="102">
        <v>302</v>
      </c>
      <c r="KI27" s="102">
        <v>227</v>
      </c>
      <c r="KJ27" s="102">
        <v>280</v>
      </c>
      <c r="KK27" s="102">
        <v>154</v>
      </c>
      <c r="KL27" s="103">
        <v>1394</v>
      </c>
      <c r="KM27" s="104">
        <v>2016</v>
      </c>
    </row>
    <row r="28" spans="2:299" s="70" customFormat="1" ht="21" customHeight="1" x14ac:dyDescent="0.2">
      <c r="B28" s="106" t="s">
        <v>25</v>
      </c>
      <c r="C28" s="96">
        <v>131</v>
      </c>
      <c r="D28" s="97">
        <v>121</v>
      </c>
      <c r="E28" s="98">
        <v>252</v>
      </c>
      <c r="F28" s="412">
        <v>0</v>
      </c>
      <c r="G28" s="97">
        <v>189</v>
      </c>
      <c r="H28" s="97">
        <v>158</v>
      </c>
      <c r="I28" s="97">
        <v>95</v>
      </c>
      <c r="J28" s="97">
        <v>108</v>
      </c>
      <c r="K28" s="97">
        <v>53</v>
      </c>
      <c r="L28" s="99">
        <v>603</v>
      </c>
      <c r="M28" s="100">
        <v>855</v>
      </c>
      <c r="N28" s="101">
        <v>3</v>
      </c>
      <c r="O28" s="102">
        <v>5</v>
      </c>
      <c r="P28" s="103">
        <v>8</v>
      </c>
      <c r="Q28" s="412">
        <v>0</v>
      </c>
      <c r="R28" s="102">
        <v>8</v>
      </c>
      <c r="S28" s="102">
        <v>7</v>
      </c>
      <c r="T28" s="102">
        <v>2</v>
      </c>
      <c r="U28" s="102">
        <v>5</v>
      </c>
      <c r="V28" s="102">
        <v>1</v>
      </c>
      <c r="W28" s="103">
        <v>23</v>
      </c>
      <c r="X28" s="104">
        <v>31</v>
      </c>
      <c r="Y28" s="101">
        <v>21</v>
      </c>
      <c r="Z28" s="102">
        <v>10</v>
      </c>
      <c r="AA28" s="103">
        <v>31</v>
      </c>
      <c r="AB28" s="412">
        <v>0</v>
      </c>
      <c r="AC28" s="102">
        <v>15</v>
      </c>
      <c r="AD28" s="102">
        <v>19</v>
      </c>
      <c r="AE28" s="102">
        <v>13</v>
      </c>
      <c r="AF28" s="102">
        <v>14</v>
      </c>
      <c r="AG28" s="102">
        <v>8</v>
      </c>
      <c r="AH28" s="103">
        <v>69</v>
      </c>
      <c r="AI28" s="104">
        <v>100</v>
      </c>
      <c r="AJ28" s="101">
        <v>18</v>
      </c>
      <c r="AK28" s="102">
        <v>17</v>
      </c>
      <c r="AL28" s="103">
        <v>35</v>
      </c>
      <c r="AM28" s="412">
        <v>0</v>
      </c>
      <c r="AN28" s="102">
        <v>35</v>
      </c>
      <c r="AO28" s="102">
        <v>29</v>
      </c>
      <c r="AP28" s="102">
        <v>18</v>
      </c>
      <c r="AQ28" s="102">
        <v>28</v>
      </c>
      <c r="AR28" s="102">
        <v>9</v>
      </c>
      <c r="AS28" s="103">
        <v>119</v>
      </c>
      <c r="AT28" s="104">
        <v>154</v>
      </c>
      <c r="AU28" s="101">
        <v>48</v>
      </c>
      <c r="AV28" s="102">
        <v>37</v>
      </c>
      <c r="AW28" s="103">
        <v>85</v>
      </c>
      <c r="AX28" s="412">
        <v>0</v>
      </c>
      <c r="AY28" s="102">
        <v>54</v>
      </c>
      <c r="AZ28" s="102">
        <v>38</v>
      </c>
      <c r="BA28" s="102">
        <v>29</v>
      </c>
      <c r="BB28" s="102">
        <v>21</v>
      </c>
      <c r="BC28" s="102">
        <v>13</v>
      </c>
      <c r="BD28" s="103">
        <v>155</v>
      </c>
      <c r="BE28" s="104">
        <v>240</v>
      </c>
      <c r="BF28" s="101">
        <v>25</v>
      </c>
      <c r="BG28" s="102">
        <v>34</v>
      </c>
      <c r="BH28" s="103">
        <v>59</v>
      </c>
      <c r="BI28" s="412">
        <v>0</v>
      </c>
      <c r="BJ28" s="102">
        <v>58</v>
      </c>
      <c r="BK28" s="102">
        <v>32</v>
      </c>
      <c r="BL28" s="102">
        <v>26</v>
      </c>
      <c r="BM28" s="102">
        <v>24</v>
      </c>
      <c r="BN28" s="102">
        <v>14</v>
      </c>
      <c r="BO28" s="103">
        <v>154</v>
      </c>
      <c r="BP28" s="104">
        <v>213</v>
      </c>
      <c r="BQ28" s="101">
        <v>16</v>
      </c>
      <c r="BR28" s="102">
        <v>18</v>
      </c>
      <c r="BS28" s="103">
        <v>34</v>
      </c>
      <c r="BT28" s="412">
        <v>0</v>
      </c>
      <c r="BU28" s="102">
        <v>19</v>
      </c>
      <c r="BV28" s="102">
        <v>33</v>
      </c>
      <c r="BW28" s="102">
        <v>7</v>
      </c>
      <c r="BX28" s="102">
        <v>16</v>
      </c>
      <c r="BY28" s="102">
        <v>8</v>
      </c>
      <c r="BZ28" s="103">
        <v>83</v>
      </c>
      <c r="CA28" s="104">
        <v>117</v>
      </c>
      <c r="CB28" s="101">
        <v>2</v>
      </c>
      <c r="CC28" s="102">
        <v>2</v>
      </c>
      <c r="CD28" s="103">
        <v>4</v>
      </c>
      <c r="CE28" s="412">
        <v>0</v>
      </c>
      <c r="CF28" s="102">
        <v>2</v>
      </c>
      <c r="CG28" s="102">
        <v>10</v>
      </c>
      <c r="CH28" s="102">
        <v>3</v>
      </c>
      <c r="CI28" s="102">
        <v>5</v>
      </c>
      <c r="CJ28" s="102">
        <v>2</v>
      </c>
      <c r="CK28" s="103">
        <v>22</v>
      </c>
      <c r="CL28" s="104">
        <v>26</v>
      </c>
      <c r="CM28" s="101">
        <v>133</v>
      </c>
      <c r="CN28" s="102">
        <v>123</v>
      </c>
      <c r="CO28" s="103">
        <v>256</v>
      </c>
      <c r="CP28" s="412">
        <v>0</v>
      </c>
      <c r="CQ28" s="102">
        <v>191</v>
      </c>
      <c r="CR28" s="102">
        <v>168</v>
      </c>
      <c r="CS28" s="102">
        <v>98</v>
      </c>
      <c r="CT28" s="102">
        <v>113</v>
      </c>
      <c r="CU28" s="102">
        <v>55</v>
      </c>
      <c r="CV28" s="103">
        <v>625</v>
      </c>
      <c r="CW28" s="104">
        <v>881</v>
      </c>
      <c r="CX28" s="105">
        <v>217</v>
      </c>
      <c r="CY28" s="97">
        <v>245</v>
      </c>
      <c r="CZ28" s="98">
        <v>462</v>
      </c>
      <c r="DA28" s="412">
        <v>0</v>
      </c>
      <c r="DB28" s="97">
        <v>324</v>
      </c>
      <c r="DC28" s="97">
        <v>241</v>
      </c>
      <c r="DD28" s="97">
        <v>174</v>
      </c>
      <c r="DE28" s="97">
        <v>208</v>
      </c>
      <c r="DF28" s="97">
        <v>91</v>
      </c>
      <c r="DG28" s="99">
        <v>1038</v>
      </c>
      <c r="DH28" s="100">
        <v>1500</v>
      </c>
      <c r="DI28" s="101">
        <v>5</v>
      </c>
      <c r="DJ28" s="102">
        <v>4</v>
      </c>
      <c r="DK28" s="103">
        <v>9</v>
      </c>
      <c r="DL28" s="412">
        <v>0</v>
      </c>
      <c r="DM28" s="102">
        <v>10</v>
      </c>
      <c r="DN28" s="102">
        <v>6</v>
      </c>
      <c r="DO28" s="102">
        <v>4</v>
      </c>
      <c r="DP28" s="102">
        <v>2</v>
      </c>
      <c r="DQ28" s="102">
        <v>2</v>
      </c>
      <c r="DR28" s="103">
        <v>24</v>
      </c>
      <c r="DS28" s="104">
        <v>33</v>
      </c>
      <c r="DT28" s="101">
        <v>17</v>
      </c>
      <c r="DU28" s="102">
        <v>24</v>
      </c>
      <c r="DV28" s="103">
        <v>41</v>
      </c>
      <c r="DW28" s="412">
        <v>0</v>
      </c>
      <c r="DX28" s="102">
        <v>22</v>
      </c>
      <c r="DY28" s="102">
        <v>8</v>
      </c>
      <c r="DZ28" s="102">
        <v>11</v>
      </c>
      <c r="EA28" s="102">
        <v>10</v>
      </c>
      <c r="EB28" s="102">
        <v>8</v>
      </c>
      <c r="EC28" s="103">
        <v>59</v>
      </c>
      <c r="ED28" s="104">
        <v>100</v>
      </c>
      <c r="EE28" s="101">
        <v>32</v>
      </c>
      <c r="EF28" s="102">
        <v>27</v>
      </c>
      <c r="EG28" s="103">
        <v>59</v>
      </c>
      <c r="EH28" s="412">
        <v>0</v>
      </c>
      <c r="EI28" s="102">
        <v>49</v>
      </c>
      <c r="EJ28" s="102">
        <v>36</v>
      </c>
      <c r="EK28" s="102">
        <v>20</v>
      </c>
      <c r="EL28" s="102">
        <v>20</v>
      </c>
      <c r="EM28" s="102">
        <v>12</v>
      </c>
      <c r="EN28" s="103">
        <v>137</v>
      </c>
      <c r="EO28" s="104">
        <v>196</v>
      </c>
      <c r="EP28" s="101">
        <v>74</v>
      </c>
      <c r="EQ28" s="102">
        <v>72</v>
      </c>
      <c r="ER28" s="103">
        <v>146</v>
      </c>
      <c r="ES28" s="412">
        <v>0</v>
      </c>
      <c r="ET28" s="102">
        <v>86</v>
      </c>
      <c r="EU28" s="102">
        <v>61</v>
      </c>
      <c r="EV28" s="102">
        <v>39</v>
      </c>
      <c r="EW28" s="102">
        <v>42</v>
      </c>
      <c r="EX28" s="102">
        <v>15</v>
      </c>
      <c r="EY28" s="103">
        <v>243</v>
      </c>
      <c r="EZ28" s="104">
        <v>389</v>
      </c>
      <c r="FA28" s="101">
        <v>60</v>
      </c>
      <c r="FB28" s="102">
        <v>66</v>
      </c>
      <c r="FC28" s="103">
        <v>126</v>
      </c>
      <c r="FD28" s="412">
        <v>0</v>
      </c>
      <c r="FE28" s="102">
        <v>82</v>
      </c>
      <c r="FF28" s="102">
        <v>65</v>
      </c>
      <c r="FG28" s="102">
        <v>46</v>
      </c>
      <c r="FH28" s="102">
        <v>57</v>
      </c>
      <c r="FI28" s="102">
        <v>27</v>
      </c>
      <c r="FJ28" s="103">
        <v>277</v>
      </c>
      <c r="FK28" s="104">
        <v>403</v>
      </c>
      <c r="FL28" s="101">
        <v>29</v>
      </c>
      <c r="FM28" s="102">
        <v>52</v>
      </c>
      <c r="FN28" s="103">
        <v>81</v>
      </c>
      <c r="FO28" s="412">
        <v>0</v>
      </c>
      <c r="FP28" s="102">
        <v>75</v>
      </c>
      <c r="FQ28" s="102">
        <v>65</v>
      </c>
      <c r="FR28" s="102">
        <v>54</v>
      </c>
      <c r="FS28" s="102">
        <v>77</v>
      </c>
      <c r="FT28" s="102">
        <v>27</v>
      </c>
      <c r="FU28" s="103">
        <v>298</v>
      </c>
      <c r="FV28" s="104">
        <v>379</v>
      </c>
      <c r="FW28" s="101">
        <v>3</v>
      </c>
      <c r="FX28" s="102">
        <v>4</v>
      </c>
      <c r="FY28" s="103">
        <v>7</v>
      </c>
      <c r="FZ28" s="412">
        <v>0</v>
      </c>
      <c r="GA28" s="102">
        <v>5</v>
      </c>
      <c r="GB28" s="102">
        <v>5</v>
      </c>
      <c r="GC28" s="102">
        <v>3</v>
      </c>
      <c r="GD28" s="102">
        <v>0</v>
      </c>
      <c r="GE28" s="102">
        <v>6</v>
      </c>
      <c r="GF28" s="103">
        <v>19</v>
      </c>
      <c r="GG28" s="104">
        <v>26</v>
      </c>
      <c r="GH28" s="101">
        <v>220</v>
      </c>
      <c r="GI28" s="102">
        <v>249</v>
      </c>
      <c r="GJ28" s="103">
        <v>469</v>
      </c>
      <c r="GK28" s="412">
        <v>0</v>
      </c>
      <c r="GL28" s="102">
        <v>329</v>
      </c>
      <c r="GM28" s="102">
        <v>246</v>
      </c>
      <c r="GN28" s="102">
        <v>177</v>
      </c>
      <c r="GO28" s="102">
        <v>208</v>
      </c>
      <c r="GP28" s="102">
        <v>97</v>
      </c>
      <c r="GQ28" s="103">
        <v>1057</v>
      </c>
      <c r="GR28" s="104">
        <v>1526</v>
      </c>
      <c r="GS28" s="105">
        <v>348</v>
      </c>
      <c r="GT28" s="97">
        <v>366</v>
      </c>
      <c r="GU28" s="98">
        <v>714</v>
      </c>
      <c r="GV28" s="412">
        <v>0</v>
      </c>
      <c r="GW28" s="97">
        <v>513</v>
      </c>
      <c r="GX28" s="97">
        <v>399</v>
      </c>
      <c r="GY28" s="97">
        <v>269</v>
      </c>
      <c r="GZ28" s="97">
        <v>316</v>
      </c>
      <c r="HA28" s="97">
        <v>144</v>
      </c>
      <c r="HB28" s="99">
        <v>1641</v>
      </c>
      <c r="HC28" s="100">
        <v>2355</v>
      </c>
      <c r="HD28" s="101">
        <v>8</v>
      </c>
      <c r="HE28" s="102">
        <v>9</v>
      </c>
      <c r="HF28" s="103">
        <v>17</v>
      </c>
      <c r="HG28" s="415">
        <v>0</v>
      </c>
      <c r="HH28" s="102">
        <v>18</v>
      </c>
      <c r="HI28" s="102">
        <v>13</v>
      </c>
      <c r="HJ28" s="102">
        <v>6</v>
      </c>
      <c r="HK28" s="102">
        <v>7</v>
      </c>
      <c r="HL28" s="102">
        <v>3</v>
      </c>
      <c r="HM28" s="103">
        <v>47</v>
      </c>
      <c r="HN28" s="104">
        <v>64</v>
      </c>
      <c r="HO28" s="101">
        <v>38</v>
      </c>
      <c r="HP28" s="102">
        <v>34</v>
      </c>
      <c r="HQ28" s="103">
        <v>72</v>
      </c>
      <c r="HR28" s="412">
        <v>0</v>
      </c>
      <c r="HS28" s="102">
        <v>37</v>
      </c>
      <c r="HT28" s="102">
        <v>27</v>
      </c>
      <c r="HU28" s="102">
        <v>24</v>
      </c>
      <c r="HV28" s="102">
        <v>24</v>
      </c>
      <c r="HW28" s="102">
        <v>16</v>
      </c>
      <c r="HX28" s="103">
        <v>128</v>
      </c>
      <c r="HY28" s="104">
        <v>200</v>
      </c>
      <c r="HZ28" s="101">
        <v>50</v>
      </c>
      <c r="IA28" s="102">
        <v>44</v>
      </c>
      <c r="IB28" s="103">
        <v>94</v>
      </c>
      <c r="IC28" s="412">
        <v>0</v>
      </c>
      <c r="ID28" s="102">
        <v>84</v>
      </c>
      <c r="IE28" s="102">
        <v>65</v>
      </c>
      <c r="IF28" s="102">
        <v>38</v>
      </c>
      <c r="IG28" s="102">
        <v>48</v>
      </c>
      <c r="IH28" s="102">
        <v>21</v>
      </c>
      <c r="II28" s="103">
        <v>256</v>
      </c>
      <c r="IJ28" s="104">
        <v>350</v>
      </c>
      <c r="IK28" s="101">
        <v>122</v>
      </c>
      <c r="IL28" s="102">
        <v>109</v>
      </c>
      <c r="IM28" s="103">
        <v>231</v>
      </c>
      <c r="IN28" s="412">
        <v>0</v>
      </c>
      <c r="IO28" s="102">
        <v>140</v>
      </c>
      <c r="IP28" s="102">
        <v>99</v>
      </c>
      <c r="IQ28" s="102">
        <v>68</v>
      </c>
      <c r="IR28" s="102">
        <v>63</v>
      </c>
      <c r="IS28" s="102">
        <v>28</v>
      </c>
      <c r="IT28" s="103">
        <v>398</v>
      </c>
      <c r="IU28" s="104">
        <v>629</v>
      </c>
      <c r="IV28" s="101">
        <v>85</v>
      </c>
      <c r="IW28" s="102">
        <v>100</v>
      </c>
      <c r="IX28" s="103">
        <v>185</v>
      </c>
      <c r="IY28" s="412">
        <v>0</v>
      </c>
      <c r="IZ28" s="102">
        <v>140</v>
      </c>
      <c r="JA28" s="102">
        <v>97</v>
      </c>
      <c r="JB28" s="102">
        <v>72</v>
      </c>
      <c r="JC28" s="102">
        <v>81</v>
      </c>
      <c r="JD28" s="102">
        <v>41</v>
      </c>
      <c r="JE28" s="103">
        <v>431</v>
      </c>
      <c r="JF28" s="104">
        <v>616</v>
      </c>
      <c r="JG28" s="101">
        <v>45</v>
      </c>
      <c r="JH28" s="102">
        <v>70</v>
      </c>
      <c r="JI28" s="103">
        <v>115</v>
      </c>
      <c r="JJ28" s="412">
        <v>0</v>
      </c>
      <c r="JK28" s="102">
        <v>94</v>
      </c>
      <c r="JL28" s="102">
        <v>98</v>
      </c>
      <c r="JM28" s="102">
        <v>61</v>
      </c>
      <c r="JN28" s="102">
        <v>93</v>
      </c>
      <c r="JO28" s="102">
        <v>35</v>
      </c>
      <c r="JP28" s="103">
        <v>381</v>
      </c>
      <c r="JQ28" s="104">
        <v>496</v>
      </c>
      <c r="JR28" s="101">
        <v>5</v>
      </c>
      <c r="JS28" s="102">
        <v>6</v>
      </c>
      <c r="JT28" s="103">
        <v>11</v>
      </c>
      <c r="JU28" s="412">
        <v>0</v>
      </c>
      <c r="JV28" s="102">
        <v>7</v>
      </c>
      <c r="JW28" s="102">
        <v>15</v>
      </c>
      <c r="JX28" s="102">
        <v>6</v>
      </c>
      <c r="JY28" s="102">
        <v>5</v>
      </c>
      <c r="JZ28" s="102">
        <v>8</v>
      </c>
      <c r="KA28" s="103">
        <v>41</v>
      </c>
      <c r="KB28" s="104">
        <v>52</v>
      </c>
      <c r="KC28" s="101">
        <v>353</v>
      </c>
      <c r="KD28" s="102">
        <v>372</v>
      </c>
      <c r="KE28" s="103">
        <v>725</v>
      </c>
      <c r="KF28" s="412">
        <v>0</v>
      </c>
      <c r="KG28" s="102">
        <v>520</v>
      </c>
      <c r="KH28" s="102">
        <v>414</v>
      </c>
      <c r="KI28" s="102">
        <v>275</v>
      </c>
      <c r="KJ28" s="102">
        <v>321</v>
      </c>
      <c r="KK28" s="102">
        <v>152</v>
      </c>
      <c r="KL28" s="103">
        <v>1682</v>
      </c>
      <c r="KM28" s="104">
        <v>2407</v>
      </c>
    </row>
    <row r="29" spans="2:299" s="70" customFormat="1" ht="21" customHeight="1" x14ac:dyDescent="0.2">
      <c r="B29" s="106" t="s">
        <v>26</v>
      </c>
      <c r="C29" s="96">
        <v>86</v>
      </c>
      <c r="D29" s="97">
        <v>69</v>
      </c>
      <c r="E29" s="98">
        <v>155</v>
      </c>
      <c r="F29" s="412">
        <v>0</v>
      </c>
      <c r="G29" s="97">
        <v>133</v>
      </c>
      <c r="H29" s="97">
        <v>113</v>
      </c>
      <c r="I29" s="97">
        <v>94</v>
      </c>
      <c r="J29" s="97">
        <v>66</v>
      </c>
      <c r="K29" s="97">
        <v>53</v>
      </c>
      <c r="L29" s="99">
        <v>459</v>
      </c>
      <c r="M29" s="100">
        <v>614</v>
      </c>
      <c r="N29" s="101">
        <v>4</v>
      </c>
      <c r="O29" s="102">
        <v>2</v>
      </c>
      <c r="P29" s="103">
        <v>6</v>
      </c>
      <c r="Q29" s="412">
        <v>0</v>
      </c>
      <c r="R29" s="102">
        <v>4</v>
      </c>
      <c r="S29" s="102">
        <v>1</v>
      </c>
      <c r="T29" s="102">
        <v>5</v>
      </c>
      <c r="U29" s="102">
        <v>4</v>
      </c>
      <c r="V29" s="102">
        <v>1</v>
      </c>
      <c r="W29" s="103">
        <v>15</v>
      </c>
      <c r="X29" s="104">
        <v>21</v>
      </c>
      <c r="Y29" s="101">
        <v>3</v>
      </c>
      <c r="Z29" s="102">
        <v>9</v>
      </c>
      <c r="AA29" s="103">
        <v>12</v>
      </c>
      <c r="AB29" s="412">
        <v>0</v>
      </c>
      <c r="AC29" s="102">
        <v>16</v>
      </c>
      <c r="AD29" s="102">
        <v>10</v>
      </c>
      <c r="AE29" s="102">
        <v>8</v>
      </c>
      <c r="AF29" s="102">
        <v>8</v>
      </c>
      <c r="AG29" s="102">
        <v>10</v>
      </c>
      <c r="AH29" s="103">
        <v>52</v>
      </c>
      <c r="AI29" s="104">
        <v>64</v>
      </c>
      <c r="AJ29" s="101">
        <v>10</v>
      </c>
      <c r="AK29" s="102">
        <v>11</v>
      </c>
      <c r="AL29" s="103">
        <v>21</v>
      </c>
      <c r="AM29" s="412">
        <v>0</v>
      </c>
      <c r="AN29" s="102">
        <v>16</v>
      </c>
      <c r="AO29" s="102">
        <v>19</v>
      </c>
      <c r="AP29" s="102">
        <v>9</v>
      </c>
      <c r="AQ29" s="102">
        <v>7</v>
      </c>
      <c r="AR29" s="102">
        <v>9</v>
      </c>
      <c r="AS29" s="103">
        <v>60</v>
      </c>
      <c r="AT29" s="104">
        <v>81</v>
      </c>
      <c r="AU29" s="101">
        <v>31</v>
      </c>
      <c r="AV29" s="102">
        <v>16</v>
      </c>
      <c r="AW29" s="103">
        <v>47</v>
      </c>
      <c r="AX29" s="412">
        <v>0</v>
      </c>
      <c r="AY29" s="102">
        <v>33</v>
      </c>
      <c r="AZ29" s="102">
        <v>28</v>
      </c>
      <c r="BA29" s="102">
        <v>24</v>
      </c>
      <c r="BB29" s="102">
        <v>17</v>
      </c>
      <c r="BC29" s="102">
        <v>11</v>
      </c>
      <c r="BD29" s="103">
        <v>113</v>
      </c>
      <c r="BE29" s="104">
        <v>160</v>
      </c>
      <c r="BF29" s="101">
        <v>19</v>
      </c>
      <c r="BG29" s="102">
        <v>19</v>
      </c>
      <c r="BH29" s="103">
        <v>38</v>
      </c>
      <c r="BI29" s="412">
        <v>0</v>
      </c>
      <c r="BJ29" s="102">
        <v>38</v>
      </c>
      <c r="BK29" s="102">
        <v>35</v>
      </c>
      <c r="BL29" s="102">
        <v>32</v>
      </c>
      <c r="BM29" s="102">
        <v>20</v>
      </c>
      <c r="BN29" s="102">
        <v>9</v>
      </c>
      <c r="BO29" s="103">
        <v>134</v>
      </c>
      <c r="BP29" s="104">
        <v>172</v>
      </c>
      <c r="BQ29" s="101">
        <v>19</v>
      </c>
      <c r="BR29" s="102">
        <v>12</v>
      </c>
      <c r="BS29" s="103">
        <v>31</v>
      </c>
      <c r="BT29" s="412">
        <v>0</v>
      </c>
      <c r="BU29" s="102">
        <v>26</v>
      </c>
      <c r="BV29" s="102">
        <v>20</v>
      </c>
      <c r="BW29" s="102">
        <v>16</v>
      </c>
      <c r="BX29" s="102">
        <v>10</v>
      </c>
      <c r="BY29" s="102">
        <v>13</v>
      </c>
      <c r="BZ29" s="103">
        <v>85</v>
      </c>
      <c r="CA29" s="104">
        <v>116</v>
      </c>
      <c r="CB29" s="101">
        <v>4</v>
      </c>
      <c r="CC29" s="102">
        <v>0</v>
      </c>
      <c r="CD29" s="103">
        <v>4</v>
      </c>
      <c r="CE29" s="412">
        <v>0</v>
      </c>
      <c r="CF29" s="102">
        <v>5</v>
      </c>
      <c r="CG29" s="102">
        <v>6</v>
      </c>
      <c r="CH29" s="102">
        <v>1</v>
      </c>
      <c r="CI29" s="102">
        <v>2</v>
      </c>
      <c r="CJ29" s="102">
        <v>0</v>
      </c>
      <c r="CK29" s="103">
        <v>14</v>
      </c>
      <c r="CL29" s="104">
        <v>18</v>
      </c>
      <c r="CM29" s="101">
        <v>90</v>
      </c>
      <c r="CN29" s="102">
        <v>69</v>
      </c>
      <c r="CO29" s="103">
        <v>159</v>
      </c>
      <c r="CP29" s="412">
        <v>0</v>
      </c>
      <c r="CQ29" s="102">
        <v>138</v>
      </c>
      <c r="CR29" s="102">
        <v>119</v>
      </c>
      <c r="CS29" s="102">
        <v>95</v>
      </c>
      <c r="CT29" s="102">
        <v>68</v>
      </c>
      <c r="CU29" s="102">
        <v>53</v>
      </c>
      <c r="CV29" s="103">
        <v>473</v>
      </c>
      <c r="CW29" s="104">
        <v>632</v>
      </c>
      <c r="CX29" s="105">
        <v>170</v>
      </c>
      <c r="CY29" s="97">
        <v>226</v>
      </c>
      <c r="CZ29" s="98">
        <v>396</v>
      </c>
      <c r="DA29" s="412">
        <v>0</v>
      </c>
      <c r="DB29" s="97">
        <v>241</v>
      </c>
      <c r="DC29" s="97">
        <v>228</v>
      </c>
      <c r="DD29" s="97">
        <v>163</v>
      </c>
      <c r="DE29" s="97">
        <v>138</v>
      </c>
      <c r="DF29" s="97">
        <v>113</v>
      </c>
      <c r="DG29" s="99">
        <v>883</v>
      </c>
      <c r="DH29" s="100">
        <v>1279</v>
      </c>
      <c r="DI29" s="101">
        <v>1</v>
      </c>
      <c r="DJ29" s="102">
        <v>3</v>
      </c>
      <c r="DK29" s="103">
        <v>4</v>
      </c>
      <c r="DL29" s="412">
        <v>0</v>
      </c>
      <c r="DM29" s="102">
        <v>4</v>
      </c>
      <c r="DN29" s="102">
        <v>7</v>
      </c>
      <c r="DO29" s="102">
        <v>1</v>
      </c>
      <c r="DP29" s="102">
        <v>1</v>
      </c>
      <c r="DQ29" s="102">
        <v>1</v>
      </c>
      <c r="DR29" s="103">
        <v>14</v>
      </c>
      <c r="DS29" s="104">
        <v>18</v>
      </c>
      <c r="DT29" s="101">
        <v>11</v>
      </c>
      <c r="DU29" s="102">
        <v>17</v>
      </c>
      <c r="DV29" s="103">
        <v>28</v>
      </c>
      <c r="DW29" s="412">
        <v>0</v>
      </c>
      <c r="DX29" s="102">
        <v>14</v>
      </c>
      <c r="DY29" s="102">
        <v>13</v>
      </c>
      <c r="DZ29" s="102">
        <v>3</v>
      </c>
      <c r="EA29" s="102">
        <v>6</v>
      </c>
      <c r="EB29" s="102">
        <v>6</v>
      </c>
      <c r="EC29" s="103">
        <v>42</v>
      </c>
      <c r="ED29" s="104">
        <v>70</v>
      </c>
      <c r="EE29" s="101">
        <v>21</v>
      </c>
      <c r="EF29" s="102">
        <v>31</v>
      </c>
      <c r="EG29" s="103">
        <v>52</v>
      </c>
      <c r="EH29" s="412">
        <v>0</v>
      </c>
      <c r="EI29" s="102">
        <v>29</v>
      </c>
      <c r="EJ29" s="102">
        <v>24</v>
      </c>
      <c r="EK29" s="102">
        <v>17</v>
      </c>
      <c r="EL29" s="102">
        <v>14</v>
      </c>
      <c r="EM29" s="102">
        <v>10</v>
      </c>
      <c r="EN29" s="103">
        <v>94</v>
      </c>
      <c r="EO29" s="104">
        <v>146</v>
      </c>
      <c r="EP29" s="101">
        <v>50</v>
      </c>
      <c r="EQ29" s="102">
        <v>63</v>
      </c>
      <c r="ER29" s="103">
        <v>113</v>
      </c>
      <c r="ES29" s="412">
        <v>0</v>
      </c>
      <c r="ET29" s="102">
        <v>57</v>
      </c>
      <c r="EU29" s="102">
        <v>45</v>
      </c>
      <c r="EV29" s="102">
        <v>27</v>
      </c>
      <c r="EW29" s="102">
        <v>20</v>
      </c>
      <c r="EX29" s="102">
        <v>12</v>
      </c>
      <c r="EY29" s="103">
        <v>161</v>
      </c>
      <c r="EZ29" s="104">
        <v>274</v>
      </c>
      <c r="FA29" s="101">
        <v>49</v>
      </c>
      <c r="FB29" s="102">
        <v>65</v>
      </c>
      <c r="FC29" s="103">
        <v>114</v>
      </c>
      <c r="FD29" s="412">
        <v>0</v>
      </c>
      <c r="FE29" s="102">
        <v>67</v>
      </c>
      <c r="FF29" s="102">
        <v>61</v>
      </c>
      <c r="FG29" s="102">
        <v>45</v>
      </c>
      <c r="FH29" s="102">
        <v>27</v>
      </c>
      <c r="FI29" s="102">
        <v>27</v>
      </c>
      <c r="FJ29" s="103">
        <v>227</v>
      </c>
      <c r="FK29" s="104">
        <v>341</v>
      </c>
      <c r="FL29" s="101">
        <v>38</v>
      </c>
      <c r="FM29" s="102">
        <v>47</v>
      </c>
      <c r="FN29" s="103">
        <v>85</v>
      </c>
      <c r="FO29" s="412">
        <v>0</v>
      </c>
      <c r="FP29" s="102">
        <v>70</v>
      </c>
      <c r="FQ29" s="102">
        <v>78</v>
      </c>
      <c r="FR29" s="102">
        <v>70</v>
      </c>
      <c r="FS29" s="102">
        <v>70</v>
      </c>
      <c r="FT29" s="102">
        <v>57</v>
      </c>
      <c r="FU29" s="103">
        <v>345</v>
      </c>
      <c r="FV29" s="104">
        <v>430</v>
      </c>
      <c r="FW29" s="101">
        <v>1</v>
      </c>
      <c r="FX29" s="102">
        <v>1</v>
      </c>
      <c r="FY29" s="103">
        <v>2</v>
      </c>
      <c r="FZ29" s="412">
        <v>0</v>
      </c>
      <c r="GA29" s="102">
        <v>3</v>
      </c>
      <c r="GB29" s="102">
        <v>0</v>
      </c>
      <c r="GC29" s="102">
        <v>3</v>
      </c>
      <c r="GD29" s="102">
        <v>5</v>
      </c>
      <c r="GE29" s="102">
        <v>3</v>
      </c>
      <c r="GF29" s="103">
        <v>14</v>
      </c>
      <c r="GG29" s="104">
        <v>16</v>
      </c>
      <c r="GH29" s="101">
        <v>171</v>
      </c>
      <c r="GI29" s="102">
        <v>227</v>
      </c>
      <c r="GJ29" s="103">
        <v>398</v>
      </c>
      <c r="GK29" s="412">
        <v>0</v>
      </c>
      <c r="GL29" s="102">
        <v>244</v>
      </c>
      <c r="GM29" s="102">
        <v>228</v>
      </c>
      <c r="GN29" s="102">
        <v>166</v>
      </c>
      <c r="GO29" s="102">
        <v>143</v>
      </c>
      <c r="GP29" s="102">
        <v>116</v>
      </c>
      <c r="GQ29" s="103">
        <v>897</v>
      </c>
      <c r="GR29" s="104">
        <v>1295</v>
      </c>
      <c r="GS29" s="105">
        <v>256</v>
      </c>
      <c r="GT29" s="97">
        <v>295</v>
      </c>
      <c r="GU29" s="98">
        <v>551</v>
      </c>
      <c r="GV29" s="412">
        <v>0</v>
      </c>
      <c r="GW29" s="97">
        <v>374</v>
      </c>
      <c r="GX29" s="97">
        <v>341</v>
      </c>
      <c r="GY29" s="97">
        <v>257</v>
      </c>
      <c r="GZ29" s="97">
        <v>204</v>
      </c>
      <c r="HA29" s="97">
        <v>166</v>
      </c>
      <c r="HB29" s="99">
        <v>1342</v>
      </c>
      <c r="HC29" s="100">
        <v>1893</v>
      </c>
      <c r="HD29" s="101">
        <v>5</v>
      </c>
      <c r="HE29" s="102">
        <v>5</v>
      </c>
      <c r="HF29" s="103">
        <v>10</v>
      </c>
      <c r="HG29" s="415">
        <v>0</v>
      </c>
      <c r="HH29" s="102">
        <v>8</v>
      </c>
      <c r="HI29" s="102">
        <v>8</v>
      </c>
      <c r="HJ29" s="102">
        <v>6</v>
      </c>
      <c r="HK29" s="102">
        <v>5</v>
      </c>
      <c r="HL29" s="102">
        <v>2</v>
      </c>
      <c r="HM29" s="103">
        <v>29</v>
      </c>
      <c r="HN29" s="104">
        <v>39</v>
      </c>
      <c r="HO29" s="101">
        <v>14</v>
      </c>
      <c r="HP29" s="102">
        <v>26</v>
      </c>
      <c r="HQ29" s="103">
        <v>40</v>
      </c>
      <c r="HR29" s="412">
        <v>0</v>
      </c>
      <c r="HS29" s="102">
        <v>30</v>
      </c>
      <c r="HT29" s="102">
        <v>23</v>
      </c>
      <c r="HU29" s="102">
        <v>11</v>
      </c>
      <c r="HV29" s="102">
        <v>14</v>
      </c>
      <c r="HW29" s="102">
        <v>16</v>
      </c>
      <c r="HX29" s="103">
        <v>94</v>
      </c>
      <c r="HY29" s="104">
        <v>134</v>
      </c>
      <c r="HZ29" s="101">
        <v>31</v>
      </c>
      <c r="IA29" s="102">
        <v>42</v>
      </c>
      <c r="IB29" s="103">
        <v>73</v>
      </c>
      <c r="IC29" s="412">
        <v>0</v>
      </c>
      <c r="ID29" s="102">
        <v>45</v>
      </c>
      <c r="IE29" s="102">
        <v>43</v>
      </c>
      <c r="IF29" s="102">
        <v>26</v>
      </c>
      <c r="IG29" s="102">
        <v>21</v>
      </c>
      <c r="IH29" s="102">
        <v>19</v>
      </c>
      <c r="II29" s="103">
        <v>154</v>
      </c>
      <c r="IJ29" s="104">
        <v>227</v>
      </c>
      <c r="IK29" s="101">
        <v>81</v>
      </c>
      <c r="IL29" s="102">
        <v>79</v>
      </c>
      <c r="IM29" s="103">
        <v>160</v>
      </c>
      <c r="IN29" s="412">
        <v>0</v>
      </c>
      <c r="IO29" s="102">
        <v>90</v>
      </c>
      <c r="IP29" s="102">
        <v>73</v>
      </c>
      <c r="IQ29" s="102">
        <v>51</v>
      </c>
      <c r="IR29" s="102">
        <v>37</v>
      </c>
      <c r="IS29" s="102">
        <v>23</v>
      </c>
      <c r="IT29" s="103">
        <v>274</v>
      </c>
      <c r="IU29" s="104">
        <v>434</v>
      </c>
      <c r="IV29" s="101">
        <v>68</v>
      </c>
      <c r="IW29" s="102">
        <v>84</v>
      </c>
      <c r="IX29" s="103">
        <v>152</v>
      </c>
      <c r="IY29" s="412">
        <v>0</v>
      </c>
      <c r="IZ29" s="102">
        <v>105</v>
      </c>
      <c r="JA29" s="102">
        <v>96</v>
      </c>
      <c r="JB29" s="102">
        <v>77</v>
      </c>
      <c r="JC29" s="102">
        <v>47</v>
      </c>
      <c r="JD29" s="102">
        <v>36</v>
      </c>
      <c r="JE29" s="103">
        <v>361</v>
      </c>
      <c r="JF29" s="104">
        <v>513</v>
      </c>
      <c r="JG29" s="101">
        <v>57</v>
      </c>
      <c r="JH29" s="102">
        <v>59</v>
      </c>
      <c r="JI29" s="103">
        <v>116</v>
      </c>
      <c r="JJ29" s="412">
        <v>0</v>
      </c>
      <c r="JK29" s="102">
        <v>96</v>
      </c>
      <c r="JL29" s="102">
        <v>98</v>
      </c>
      <c r="JM29" s="102">
        <v>86</v>
      </c>
      <c r="JN29" s="102">
        <v>80</v>
      </c>
      <c r="JO29" s="102">
        <v>70</v>
      </c>
      <c r="JP29" s="103">
        <v>430</v>
      </c>
      <c r="JQ29" s="104">
        <v>546</v>
      </c>
      <c r="JR29" s="101">
        <v>5</v>
      </c>
      <c r="JS29" s="102">
        <v>1</v>
      </c>
      <c r="JT29" s="103">
        <v>6</v>
      </c>
      <c r="JU29" s="412">
        <v>0</v>
      </c>
      <c r="JV29" s="102">
        <v>8</v>
      </c>
      <c r="JW29" s="102">
        <v>6</v>
      </c>
      <c r="JX29" s="102">
        <v>4</v>
      </c>
      <c r="JY29" s="102">
        <v>7</v>
      </c>
      <c r="JZ29" s="102">
        <v>3</v>
      </c>
      <c r="KA29" s="103">
        <v>28</v>
      </c>
      <c r="KB29" s="104">
        <v>34</v>
      </c>
      <c r="KC29" s="101">
        <v>261</v>
      </c>
      <c r="KD29" s="102">
        <v>296</v>
      </c>
      <c r="KE29" s="103">
        <v>557</v>
      </c>
      <c r="KF29" s="412">
        <v>0</v>
      </c>
      <c r="KG29" s="102">
        <v>382</v>
      </c>
      <c r="KH29" s="102">
        <v>347</v>
      </c>
      <c r="KI29" s="102">
        <v>261</v>
      </c>
      <c r="KJ29" s="102">
        <v>211</v>
      </c>
      <c r="KK29" s="102">
        <v>169</v>
      </c>
      <c r="KL29" s="103">
        <v>1370</v>
      </c>
      <c r="KM29" s="104">
        <v>1927</v>
      </c>
    </row>
    <row r="30" spans="2:299" s="70" customFormat="1" ht="21" customHeight="1" x14ac:dyDescent="0.2">
      <c r="B30" s="106" t="s">
        <v>27</v>
      </c>
      <c r="C30" s="96">
        <v>108</v>
      </c>
      <c r="D30" s="97">
        <v>133</v>
      </c>
      <c r="E30" s="98">
        <v>241</v>
      </c>
      <c r="F30" s="412">
        <v>0</v>
      </c>
      <c r="G30" s="97">
        <v>107</v>
      </c>
      <c r="H30" s="97">
        <v>93</v>
      </c>
      <c r="I30" s="97">
        <v>66</v>
      </c>
      <c r="J30" s="97">
        <v>74</v>
      </c>
      <c r="K30" s="97">
        <v>40</v>
      </c>
      <c r="L30" s="99">
        <v>380</v>
      </c>
      <c r="M30" s="100">
        <v>621</v>
      </c>
      <c r="N30" s="101">
        <v>2</v>
      </c>
      <c r="O30" s="102">
        <v>7</v>
      </c>
      <c r="P30" s="103">
        <v>9</v>
      </c>
      <c r="Q30" s="412">
        <v>0</v>
      </c>
      <c r="R30" s="102">
        <v>3</v>
      </c>
      <c r="S30" s="102">
        <v>1</v>
      </c>
      <c r="T30" s="102">
        <v>1</v>
      </c>
      <c r="U30" s="102">
        <v>0</v>
      </c>
      <c r="V30" s="102">
        <v>3</v>
      </c>
      <c r="W30" s="103">
        <v>8</v>
      </c>
      <c r="X30" s="104">
        <v>17</v>
      </c>
      <c r="Y30" s="101">
        <v>7</v>
      </c>
      <c r="Z30" s="102">
        <v>14</v>
      </c>
      <c r="AA30" s="103">
        <v>21</v>
      </c>
      <c r="AB30" s="412">
        <v>0</v>
      </c>
      <c r="AC30" s="102">
        <v>12</v>
      </c>
      <c r="AD30" s="102">
        <v>15</v>
      </c>
      <c r="AE30" s="102">
        <v>4</v>
      </c>
      <c r="AF30" s="102">
        <v>5</v>
      </c>
      <c r="AG30" s="102">
        <v>2</v>
      </c>
      <c r="AH30" s="103">
        <v>38</v>
      </c>
      <c r="AI30" s="104">
        <v>59</v>
      </c>
      <c r="AJ30" s="101">
        <v>22</v>
      </c>
      <c r="AK30" s="102">
        <v>20</v>
      </c>
      <c r="AL30" s="103">
        <v>42</v>
      </c>
      <c r="AM30" s="412">
        <v>0</v>
      </c>
      <c r="AN30" s="102">
        <v>14</v>
      </c>
      <c r="AO30" s="102">
        <v>15</v>
      </c>
      <c r="AP30" s="102">
        <v>9</v>
      </c>
      <c r="AQ30" s="102">
        <v>10</v>
      </c>
      <c r="AR30" s="102">
        <v>9</v>
      </c>
      <c r="AS30" s="103">
        <v>57</v>
      </c>
      <c r="AT30" s="104">
        <v>99</v>
      </c>
      <c r="AU30" s="101">
        <v>24</v>
      </c>
      <c r="AV30" s="102">
        <v>32</v>
      </c>
      <c r="AW30" s="103">
        <v>56</v>
      </c>
      <c r="AX30" s="412">
        <v>0</v>
      </c>
      <c r="AY30" s="102">
        <v>24</v>
      </c>
      <c r="AZ30" s="102">
        <v>23</v>
      </c>
      <c r="BA30" s="102">
        <v>21</v>
      </c>
      <c r="BB30" s="102">
        <v>19</v>
      </c>
      <c r="BC30" s="102">
        <v>7</v>
      </c>
      <c r="BD30" s="103">
        <v>94</v>
      </c>
      <c r="BE30" s="104">
        <v>150</v>
      </c>
      <c r="BF30" s="101">
        <v>36</v>
      </c>
      <c r="BG30" s="102">
        <v>39</v>
      </c>
      <c r="BH30" s="103">
        <v>75</v>
      </c>
      <c r="BI30" s="412">
        <v>0</v>
      </c>
      <c r="BJ30" s="102">
        <v>25</v>
      </c>
      <c r="BK30" s="102">
        <v>13</v>
      </c>
      <c r="BL30" s="102">
        <v>18</v>
      </c>
      <c r="BM30" s="102">
        <v>19</v>
      </c>
      <c r="BN30" s="102">
        <v>12</v>
      </c>
      <c r="BO30" s="103">
        <v>87</v>
      </c>
      <c r="BP30" s="104">
        <v>162</v>
      </c>
      <c r="BQ30" s="101">
        <v>17</v>
      </c>
      <c r="BR30" s="102">
        <v>21</v>
      </c>
      <c r="BS30" s="103">
        <v>38</v>
      </c>
      <c r="BT30" s="412">
        <v>0</v>
      </c>
      <c r="BU30" s="102">
        <v>29</v>
      </c>
      <c r="BV30" s="102">
        <v>26</v>
      </c>
      <c r="BW30" s="102">
        <v>13</v>
      </c>
      <c r="BX30" s="102">
        <v>21</v>
      </c>
      <c r="BY30" s="102">
        <v>7</v>
      </c>
      <c r="BZ30" s="103">
        <v>96</v>
      </c>
      <c r="CA30" s="104">
        <v>134</v>
      </c>
      <c r="CB30" s="101">
        <v>7</v>
      </c>
      <c r="CC30" s="102">
        <v>5</v>
      </c>
      <c r="CD30" s="103">
        <v>12</v>
      </c>
      <c r="CE30" s="412">
        <v>0</v>
      </c>
      <c r="CF30" s="102">
        <v>2</v>
      </c>
      <c r="CG30" s="102">
        <v>3</v>
      </c>
      <c r="CH30" s="102">
        <v>6</v>
      </c>
      <c r="CI30" s="102">
        <v>3</v>
      </c>
      <c r="CJ30" s="102">
        <v>1</v>
      </c>
      <c r="CK30" s="103">
        <v>15</v>
      </c>
      <c r="CL30" s="104">
        <v>27</v>
      </c>
      <c r="CM30" s="101">
        <v>115</v>
      </c>
      <c r="CN30" s="102">
        <v>138</v>
      </c>
      <c r="CO30" s="103">
        <v>253</v>
      </c>
      <c r="CP30" s="412">
        <v>0</v>
      </c>
      <c r="CQ30" s="102">
        <v>109</v>
      </c>
      <c r="CR30" s="102">
        <v>96</v>
      </c>
      <c r="CS30" s="102">
        <v>72</v>
      </c>
      <c r="CT30" s="102">
        <v>77</v>
      </c>
      <c r="CU30" s="102">
        <v>41</v>
      </c>
      <c r="CV30" s="103">
        <v>395</v>
      </c>
      <c r="CW30" s="104">
        <v>648</v>
      </c>
      <c r="CX30" s="105">
        <v>268</v>
      </c>
      <c r="CY30" s="97">
        <v>208</v>
      </c>
      <c r="CZ30" s="98">
        <v>476</v>
      </c>
      <c r="DA30" s="412">
        <v>0</v>
      </c>
      <c r="DB30" s="97">
        <v>240</v>
      </c>
      <c r="DC30" s="97">
        <v>136</v>
      </c>
      <c r="DD30" s="97">
        <v>142</v>
      </c>
      <c r="DE30" s="97">
        <v>140</v>
      </c>
      <c r="DF30" s="97">
        <v>106</v>
      </c>
      <c r="DG30" s="99">
        <v>764</v>
      </c>
      <c r="DH30" s="100">
        <v>1240</v>
      </c>
      <c r="DI30" s="101">
        <v>5</v>
      </c>
      <c r="DJ30" s="102">
        <v>2</v>
      </c>
      <c r="DK30" s="103">
        <v>7</v>
      </c>
      <c r="DL30" s="412">
        <v>0</v>
      </c>
      <c r="DM30" s="102">
        <v>3</v>
      </c>
      <c r="DN30" s="102">
        <v>1</v>
      </c>
      <c r="DO30" s="102">
        <v>0</v>
      </c>
      <c r="DP30" s="102">
        <v>2</v>
      </c>
      <c r="DQ30" s="102">
        <v>2</v>
      </c>
      <c r="DR30" s="103">
        <v>8</v>
      </c>
      <c r="DS30" s="104">
        <v>15</v>
      </c>
      <c r="DT30" s="101">
        <v>18</v>
      </c>
      <c r="DU30" s="102">
        <v>12</v>
      </c>
      <c r="DV30" s="103">
        <v>30</v>
      </c>
      <c r="DW30" s="412">
        <v>0</v>
      </c>
      <c r="DX30" s="102">
        <v>13</v>
      </c>
      <c r="DY30" s="102">
        <v>9</v>
      </c>
      <c r="DZ30" s="102">
        <v>7</v>
      </c>
      <c r="EA30" s="102">
        <v>6</v>
      </c>
      <c r="EB30" s="102">
        <v>0</v>
      </c>
      <c r="EC30" s="103">
        <v>35</v>
      </c>
      <c r="ED30" s="104">
        <v>65</v>
      </c>
      <c r="EE30" s="101">
        <v>39</v>
      </c>
      <c r="EF30" s="102">
        <v>26</v>
      </c>
      <c r="EG30" s="103">
        <v>65</v>
      </c>
      <c r="EH30" s="412">
        <v>0</v>
      </c>
      <c r="EI30" s="102">
        <v>17</v>
      </c>
      <c r="EJ30" s="102">
        <v>17</v>
      </c>
      <c r="EK30" s="102">
        <v>11</v>
      </c>
      <c r="EL30" s="102">
        <v>7</v>
      </c>
      <c r="EM30" s="102">
        <v>9</v>
      </c>
      <c r="EN30" s="103">
        <v>61</v>
      </c>
      <c r="EO30" s="104">
        <v>126</v>
      </c>
      <c r="EP30" s="101">
        <v>65</v>
      </c>
      <c r="EQ30" s="102">
        <v>38</v>
      </c>
      <c r="ER30" s="103">
        <v>103</v>
      </c>
      <c r="ES30" s="412">
        <v>0</v>
      </c>
      <c r="ET30" s="102">
        <v>58</v>
      </c>
      <c r="EU30" s="102">
        <v>22</v>
      </c>
      <c r="EV30" s="102">
        <v>21</v>
      </c>
      <c r="EW30" s="102">
        <v>25</v>
      </c>
      <c r="EX30" s="102">
        <v>18</v>
      </c>
      <c r="EY30" s="103">
        <v>144</v>
      </c>
      <c r="EZ30" s="104">
        <v>247</v>
      </c>
      <c r="FA30" s="101">
        <v>84</v>
      </c>
      <c r="FB30" s="102">
        <v>77</v>
      </c>
      <c r="FC30" s="103">
        <v>161</v>
      </c>
      <c r="FD30" s="412">
        <v>0</v>
      </c>
      <c r="FE30" s="102">
        <v>75</v>
      </c>
      <c r="FF30" s="102">
        <v>39</v>
      </c>
      <c r="FG30" s="102">
        <v>36</v>
      </c>
      <c r="FH30" s="102">
        <v>28</v>
      </c>
      <c r="FI30" s="102">
        <v>28</v>
      </c>
      <c r="FJ30" s="103">
        <v>206</v>
      </c>
      <c r="FK30" s="104">
        <v>367</v>
      </c>
      <c r="FL30" s="101">
        <v>57</v>
      </c>
      <c r="FM30" s="102">
        <v>53</v>
      </c>
      <c r="FN30" s="103">
        <v>110</v>
      </c>
      <c r="FO30" s="412">
        <v>0</v>
      </c>
      <c r="FP30" s="102">
        <v>74</v>
      </c>
      <c r="FQ30" s="102">
        <v>48</v>
      </c>
      <c r="FR30" s="102">
        <v>67</v>
      </c>
      <c r="FS30" s="102">
        <v>72</v>
      </c>
      <c r="FT30" s="102">
        <v>49</v>
      </c>
      <c r="FU30" s="103">
        <v>310</v>
      </c>
      <c r="FV30" s="104">
        <v>420</v>
      </c>
      <c r="FW30" s="101">
        <v>1</v>
      </c>
      <c r="FX30" s="102">
        <v>2</v>
      </c>
      <c r="FY30" s="103">
        <v>3</v>
      </c>
      <c r="FZ30" s="412">
        <v>0</v>
      </c>
      <c r="GA30" s="102">
        <v>5</v>
      </c>
      <c r="GB30" s="102">
        <v>4</v>
      </c>
      <c r="GC30" s="102">
        <v>2</v>
      </c>
      <c r="GD30" s="102">
        <v>2</v>
      </c>
      <c r="GE30" s="102">
        <v>3</v>
      </c>
      <c r="GF30" s="103">
        <v>16</v>
      </c>
      <c r="GG30" s="104">
        <v>19</v>
      </c>
      <c r="GH30" s="101">
        <v>269</v>
      </c>
      <c r="GI30" s="102">
        <v>210</v>
      </c>
      <c r="GJ30" s="103">
        <v>479</v>
      </c>
      <c r="GK30" s="412">
        <v>0</v>
      </c>
      <c r="GL30" s="102">
        <v>245</v>
      </c>
      <c r="GM30" s="102">
        <v>140</v>
      </c>
      <c r="GN30" s="102">
        <v>144</v>
      </c>
      <c r="GO30" s="102">
        <v>142</v>
      </c>
      <c r="GP30" s="102">
        <v>109</v>
      </c>
      <c r="GQ30" s="103">
        <v>780</v>
      </c>
      <c r="GR30" s="104">
        <v>1259</v>
      </c>
      <c r="GS30" s="105">
        <v>376</v>
      </c>
      <c r="GT30" s="97">
        <v>341</v>
      </c>
      <c r="GU30" s="98">
        <v>717</v>
      </c>
      <c r="GV30" s="412">
        <v>0</v>
      </c>
      <c r="GW30" s="97">
        <v>347</v>
      </c>
      <c r="GX30" s="97">
        <v>229</v>
      </c>
      <c r="GY30" s="97">
        <v>208</v>
      </c>
      <c r="GZ30" s="97">
        <v>214</v>
      </c>
      <c r="HA30" s="97">
        <v>146</v>
      </c>
      <c r="HB30" s="99">
        <v>1144</v>
      </c>
      <c r="HC30" s="100">
        <v>1861</v>
      </c>
      <c r="HD30" s="101">
        <v>7</v>
      </c>
      <c r="HE30" s="102">
        <v>9</v>
      </c>
      <c r="HF30" s="103">
        <v>16</v>
      </c>
      <c r="HG30" s="415">
        <v>0</v>
      </c>
      <c r="HH30" s="102">
        <v>6</v>
      </c>
      <c r="HI30" s="102">
        <v>2</v>
      </c>
      <c r="HJ30" s="102">
        <v>1</v>
      </c>
      <c r="HK30" s="102">
        <v>2</v>
      </c>
      <c r="HL30" s="102">
        <v>5</v>
      </c>
      <c r="HM30" s="103">
        <v>16</v>
      </c>
      <c r="HN30" s="104">
        <v>32</v>
      </c>
      <c r="HO30" s="101">
        <v>25</v>
      </c>
      <c r="HP30" s="102">
        <v>26</v>
      </c>
      <c r="HQ30" s="103">
        <v>51</v>
      </c>
      <c r="HR30" s="412">
        <v>0</v>
      </c>
      <c r="HS30" s="102">
        <v>25</v>
      </c>
      <c r="HT30" s="102">
        <v>24</v>
      </c>
      <c r="HU30" s="102">
        <v>11</v>
      </c>
      <c r="HV30" s="102">
        <v>11</v>
      </c>
      <c r="HW30" s="102">
        <v>2</v>
      </c>
      <c r="HX30" s="103">
        <v>73</v>
      </c>
      <c r="HY30" s="104">
        <v>124</v>
      </c>
      <c r="HZ30" s="101">
        <v>61</v>
      </c>
      <c r="IA30" s="102">
        <v>46</v>
      </c>
      <c r="IB30" s="103">
        <v>107</v>
      </c>
      <c r="IC30" s="412">
        <v>0</v>
      </c>
      <c r="ID30" s="102">
        <v>31</v>
      </c>
      <c r="IE30" s="102">
        <v>32</v>
      </c>
      <c r="IF30" s="102">
        <v>20</v>
      </c>
      <c r="IG30" s="102">
        <v>17</v>
      </c>
      <c r="IH30" s="102">
        <v>18</v>
      </c>
      <c r="II30" s="103">
        <v>118</v>
      </c>
      <c r="IJ30" s="104">
        <v>225</v>
      </c>
      <c r="IK30" s="101">
        <v>89</v>
      </c>
      <c r="IL30" s="102">
        <v>70</v>
      </c>
      <c r="IM30" s="103">
        <v>159</v>
      </c>
      <c r="IN30" s="412">
        <v>0</v>
      </c>
      <c r="IO30" s="102">
        <v>82</v>
      </c>
      <c r="IP30" s="102">
        <v>45</v>
      </c>
      <c r="IQ30" s="102">
        <v>42</v>
      </c>
      <c r="IR30" s="102">
        <v>44</v>
      </c>
      <c r="IS30" s="102">
        <v>25</v>
      </c>
      <c r="IT30" s="103">
        <v>238</v>
      </c>
      <c r="IU30" s="104">
        <v>397</v>
      </c>
      <c r="IV30" s="101">
        <v>120</v>
      </c>
      <c r="IW30" s="102">
        <v>116</v>
      </c>
      <c r="IX30" s="103">
        <v>236</v>
      </c>
      <c r="IY30" s="412">
        <v>0</v>
      </c>
      <c r="IZ30" s="102">
        <v>100</v>
      </c>
      <c r="JA30" s="102">
        <v>52</v>
      </c>
      <c r="JB30" s="102">
        <v>54</v>
      </c>
      <c r="JC30" s="102">
        <v>47</v>
      </c>
      <c r="JD30" s="102">
        <v>40</v>
      </c>
      <c r="JE30" s="103">
        <v>293</v>
      </c>
      <c r="JF30" s="104">
        <v>529</v>
      </c>
      <c r="JG30" s="101">
        <v>74</v>
      </c>
      <c r="JH30" s="102">
        <v>74</v>
      </c>
      <c r="JI30" s="103">
        <v>148</v>
      </c>
      <c r="JJ30" s="412">
        <v>0</v>
      </c>
      <c r="JK30" s="102">
        <v>103</v>
      </c>
      <c r="JL30" s="102">
        <v>74</v>
      </c>
      <c r="JM30" s="102">
        <v>80</v>
      </c>
      <c r="JN30" s="102">
        <v>93</v>
      </c>
      <c r="JO30" s="102">
        <v>56</v>
      </c>
      <c r="JP30" s="103">
        <v>406</v>
      </c>
      <c r="JQ30" s="104">
        <v>554</v>
      </c>
      <c r="JR30" s="101">
        <v>8</v>
      </c>
      <c r="JS30" s="102">
        <v>7</v>
      </c>
      <c r="JT30" s="103">
        <v>15</v>
      </c>
      <c r="JU30" s="412">
        <v>0</v>
      </c>
      <c r="JV30" s="102">
        <v>7</v>
      </c>
      <c r="JW30" s="102">
        <v>7</v>
      </c>
      <c r="JX30" s="102">
        <v>8</v>
      </c>
      <c r="JY30" s="102">
        <v>5</v>
      </c>
      <c r="JZ30" s="102">
        <v>4</v>
      </c>
      <c r="KA30" s="103">
        <v>31</v>
      </c>
      <c r="KB30" s="104">
        <v>46</v>
      </c>
      <c r="KC30" s="101">
        <v>384</v>
      </c>
      <c r="KD30" s="102">
        <v>348</v>
      </c>
      <c r="KE30" s="103">
        <v>732</v>
      </c>
      <c r="KF30" s="412">
        <v>0</v>
      </c>
      <c r="KG30" s="102">
        <v>354</v>
      </c>
      <c r="KH30" s="102">
        <v>236</v>
      </c>
      <c r="KI30" s="102">
        <v>216</v>
      </c>
      <c r="KJ30" s="102">
        <v>219</v>
      </c>
      <c r="KK30" s="102">
        <v>150</v>
      </c>
      <c r="KL30" s="103">
        <v>1175</v>
      </c>
      <c r="KM30" s="104">
        <v>1907</v>
      </c>
    </row>
    <row r="31" spans="2:299" s="70" customFormat="1" ht="21" customHeight="1" x14ac:dyDescent="0.2">
      <c r="B31" s="106" t="s">
        <v>28</v>
      </c>
      <c r="C31" s="96">
        <v>6</v>
      </c>
      <c r="D31" s="97">
        <v>19</v>
      </c>
      <c r="E31" s="98">
        <v>25</v>
      </c>
      <c r="F31" s="412">
        <v>0</v>
      </c>
      <c r="G31" s="97">
        <v>58</v>
      </c>
      <c r="H31" s="97">
        <v>42</v>
      </c>
      <c r="I31" s="97">
        <v>27</v>
      </c>
      <c r="J31" s="97">
        <v>21</v>
      </c>
      <c r="K31" s="97">
        <v>13</v>
      </c>
      <c r="L31" s="99">
        <v>161</v>
      </c>
      <c r="M31" s="100">
        <v>186</v>
      </c>
      <c r="N31" s="101">
        <v>0</v>
      </c>
      <c r="O31" s="102">
        <v>3</v>
      </c>
      <c r="P31" s="103">
        <v>3</v>
      </c>
      <c r="Q31" s="412">
        <v>0</v>
      </c>
      <c r="R31" s="102">
        <v>5</v>
      </c>
      <c r="S31" s="102">
        <v>0</v>
      </c>
      <c r="T31" s="102">
        <v>3</v>
      </c>
      <c r="U31" s="102">
        <v>2</v>
      </c>
      <c r="V31" s="102">
        <v>1</v>
      </c>
      <c r="W31" s="103">
        <v>11</v>
      </c>
      <c r="X31" s="104">
        <v>14</v>
      </c>
      <c r="Y31" s="101">
        <v>1</v>
      </c>
      <c r="Z31" s="102">
        <v>6</v>
      </c>
      <c r="AA31" s="103">
        <v>7</v>
      </c>
      <c r="AB31" s="412">
        <v>0</v>
      </c>
      <c r="AC31" s="102">
        <v>9</v>
      </c>
      <c r="AD31" s="102">
        <v>7</v>
      </c>
      <c r="AE31" s="102">
        <v>1</v>
      </c>
      <c r="AF31" s="102">
        <v>2</v>
      </c>
      <c r="AG31" s="102">
        <v>2</v>
      </c>
      <c r="AH31" s="103">
        <v>21</v>
      </c>
      <c r="AI31" s="104">
        <v>28</v>
      </c>
      <c r="AJ31" s="101">
        <v>0</v>
      </c>
      <c r="AK31" s="102">
        <v>2</v>
      </c>
      <c r="AL31" s="103">
        <v>2</v>
      </c>
      <c r="AM31" s="412">
        <v>0</v>
      </c>
      <c r="AN31" s="102">
        <v>10</v>
      </c>
      <c r="AO31" s="102">
        <v>7</v>
      </c>
      <c r="AP31" s="102">
        <v>6</v>
      </c>
      <c r="AQ31" s="102">
        <v>2</v>
      </c>
      <c r="AR31" s="102">
        <v>3</v>
      </c>
      <c r="AS31" s="103">
        <v>28</v>
      </c>
      <c r="AT31" s="104">
        <v>30</v>
      </c>
      <c r="AU31" s="101">
        <v>3</v>
      </c>
      <c r="AV31" s="102">
        <v>3</v>
      </c>
      <c r="AW31" s="103">
        <v>6</v>
      </c>
      <c r="AX31" s="412">
        <v>0</v>
      </c>
      <c r="AY31" s="102">
        <v>13</v>
      </c>
      <c r="AZ31" s="102">
        <v>10</v>
      </c>
      <c r="BA31" s="102">
        <v>3</v>
      </c>
      <c r="BB31" s="102">
        <v>9</v>
      </c>
      <c r="BC31" s="102">
        <v>1</v>
      </c>
      <c r="BD31" s="103">
        <v>36</v>
      </c>
      <c r="BE31" s="104">
        <v>42</v>
      </c>
      <c r="BF31" s="101">
        <v>1</v>
      </c>
      <c r="BG31" s="102">
        <v>3</v>
      </c>
      <c r="BH31" s="103">
        <v>4</v>
      </c>
      <c r="BI31" s="412">
        <v>0</v>
      </c>
      <c r="BJ31" s="102">
        <v>14</v>
      </c>
      <c r="BK31" s="102">
        <v>10</v>
      </c>
      <c r="BL31" s="102">
        <v>6</v>
      </c>
      <c r="BM31" s="102">
        <v>1</v>
      </c>
      <c r="BN31" s="102">
        <v>2</v>
      </c>
      <c r="BO31" s="103">
        <v>33</v>
      </c>
      <c r="BP31" s="104">
        <v>37</v>
      </c>
      <c r="BQ31" s="101">
        <v>1</v>
      </c>
      <c r="BR31" s="102">
        <v>2</v>
      </c>
      <c r="BS31" s="103">
        <v>3</v>
      </c>
      <c r="BT31" s="412">
        <v>0</v>
      </c>
      <c r="BU31" s="102">
        <v>7</v>
      </c>
      <c r="BV31" s="102">
        <v>8</v>
      </c>
      <c r="BW31" s="102">
        <v>8</v>
      </c>
      <c r="BX31" s="102">
        <v>5</v>
      </c>
      <c r="BY31" s="102">
        <v>4</v>
      </c>
      <c r="BZ31" s="103">
        <v>32</v>
      </c>
      <c r="CA31" s="104">
        <v>35</v>
      </c>
      <c r="CB31" s="101">
        <v>0</v>
      </c>
      <c r="CC31" s="102">
        <v>1</v>
      </c>
      <c r="CD31" s="103">
        <v>1</v>
      </c>
      <c r="CE31" s="412">
        <v>0</v>
      </c>
      <c r="CF31" s="102">
        <v>0</v>
      </c>
      <c r="CG31" s="102">
        <v>1</v>
      </c>
      <c r="CH31" s="102">
        <v>1</v>
      </c>
      <c r="CI31" s="102">
        <v>0</v>
      </c>
      <c r="CJ31" s="102">
        <v>2</v>
      </c>
      <c r="CK31" s="103">
        <v>4</v>
      </c>
      <c r="CL31" s="104">
        <v>5</v>
      </c>
      <c r="CM31" s="101">
        <v>6</v>
      </c>
      <c r="CN31" s="102">
        <v>20</v>
      </c>
      <c r="CO31" s="103">
        <v>26</v>
      </c>
      <c r="CP31" s="412">
        <v>0</v>
      </c>
      <c r="CQ31" s="102">
        <v>58</v>
      </c>
      <c r="CR31" s="102">
        <v>43</v>
      </c>
      <c r="CS31" s="102">
        <v>28</v>
      </c>
      <c r="CT31" s="102">
        <v>21</v>
      </c>
      <c r="CU31" s="102">
        <v>15</v>
      </c>
      <c r="CV31" s="103">
        <v>165</v>
      </c>
      <c r="CW31" s="104">
        <v>191</v>
      </c>
      <c r="CX31" s="105">
        <v>17</v>
      </c>
      <c r="CY31" s="97">
        <v>39</v>
      </c>
      <c r="CZ31" s="98">
        <v>56</v>
      </c>
      <c r="DA31" s="412">
        <v>0</v>
      </c>
      <c r="DB31" s="97">
        <v>53</v>
      </c>
      <c r="DC31" s="97">
        <v>81</v>
      </c>
      <c r="DD31" s="97">
        <v>49</v>
      </c>
      <c r="DE31" s="97">
        <v>51</v>
      </c>
      <c r="DF31" s="97">
        <v>40</v>
      </c>
      <c r="DG31" s="99">
        <v>274</v>
      </c>
      <c r="DH31" s="100">
        <v>330</v>
      </c>
      <c r="DI31" s="101">
        <v>1</v>
      </c>
      <c r="DJ31" s="102">
        <v>0</v>
      </c>
      <c r="DK31" s="103">
        <v>1</v>
      </c>
      <c r="DL31" s="412">
        <v>0</v>
      </c>
      <c r="DM31" s="102">
        <v>2</v>
      </c>
      <c r="DN31" s="102">
        <v>3</v>
      </c>
      <c r="DO31" s="102">
        <v>0</v>
      </c>
      <c r="DP31" s="102">
        <v>0</v>
      </c>
      <c r="DQ31" s="102">
        <v>0</v>
      </c>
      <c r="DR31" s="103">
        <v>5</v>
      </c>
      <c r="DS31" s="104">
        <v>6</v>
      </c>
      <c r="DT31" s="101">
        <v>0</v>
      </c>
      <c r="DU31" s="102">
        <v>5</v>
      </c>
      <c r="DV31" s="103">
        <v>5</v>
      </c>
      <c r="DW31" s="412">
        <v>0</v>
      </c>
      <c r="DX31" s="102">
        <v>1</v>
      </c>
      <c r="DY31" s="102">
        <v>6</v>
      </c>
      <c r="DZ31" s="102">
        <v>3</v>
      </c>
      <c r="EA31" s="102">
        <v>2</v>
      </c>
      <c r="EB31" s="102">
        <v>1</v>
      </c>
      <c r="EC31" s="103">
        <v>13</v>
      </c>
      <c r="ED31" s="104">
        <v>18</v>
      </c>
      <c r="EE31" s="101">
        <v>2</v>
      </c>
      <c r="EF31" s="102">
        <v>8</v>
      </c>
      <c r="EG31" s="103">
        <v>10</v>
      </c>
      <c r="EH31" s="412">
        <v>0</v>
      </c>
      <c r="EI31" s="102">
        <v>7</v>
      </c>
      <c r="EJ31" s="102">
        <v>11</v>
      </c>
      <c r="EK31" s="102">
        <v>5</v>
      </c>
      <c r="EL31" s="102">
        <v>4</v>
      </c>
      <c r="EM31" s="102">
        <v>6</v>
      </c>
      <c r="EN31" s="103">
        <v>33</v>
      </c>
      <c r="EO31" s="104">
        <v>43</v>
      </c>
      <c r="EP31" s="101">
        <v>10</v>
      </c>
      <c r="EQ31" s="102">
        <v>10</v>
      </c>
      <c r="ER31" s="103">
        <v>20</v>
      </c>
      <c r="ES31" s="412">
        <v>0</v>
      </c>
      <c r="ET31" s="102">
        <v>14</v>
      </c>
      <c r="EU31" s="102">
        <v>11</v>
      </c>
      <c r="EV31" s="102">
        <v>16</v>
      </c>
      <c r="EW31" s="102">
        <v>9</v>
      </c>
      <c r="EX31" s="102">
        <v>8</v>
      </c>
      <c r="EY31" s="103">
        <v>58</v>
      </c>
      <c r="EZ31" s="104">
        <v>78</v>
      </c>
      <c r="FA31" s="101">
        <v>3</v>
      </c>
      <c r="FB31" s="102">
        <v>13</v>
      </c>
      <c r="FC31" s="103">
        <v>16</v>
      </c>
      <c r="FD31" s="412">
        <v>0</v>
      </c>
      <c r="FE31" s="102">
        <v>16</v>
      </c>
      <c r="FF31" s="102">
        <v>30</v>
      </c>
      <c r="FG31" s="102">
        <v>10</v>
      </c>
      <c r="FH31" s="102">
        <v>12</v>
      </c>
      <c r="FI31" s="102">
        <v>11</v>
      </c>
      <c r="FJ31" s="103">
        <v>79</v>
      </c>
      <c r="FK31" s="104">
        <v>95</v>
      </c>
      <c r="FL31" s="101">
        <v>1</v>
      </c>
      <c r="FM31" s="102">
        <v>3</v>
      </c>
      <c r="FN31" s="103">
        <v>4</v>
      </c>
      <c r="FO31" s="412">
        <v>0</v>
      </c>
      <c r="FP31" s="102">
        <v>13</v>
      </c>
      <c r="FQ31" s="102">
        <v>20</v>
      </c>
      <c r="FR31" s="102">
        <v>15</v>
      </c>
      <c r="FS31" s="102">
        <v>24</v>
      </c>
      <c r="FT31" s="102">
        <v>14</v>
      </c>
      <c r="FU31" s="103">
        <v>86</v>
      </c>
      <c r="FV31" s="104">
        <v>90</v>
      </c>
      <c r="FW31" s="101">
        <v>2</v>
      </c>
      <c r="FX31" s="102">
        <v>1</v>
      </c>
      <c r="FY31" s="103">
        <v>3</v>
      </c>
      <c r="FZ31" s="412">
        <v>0</v>
      </c>
      <c r="GA31" s="102">
        <v>0</v>
      </c>
      <c r="GB31" s="102">
        <v>2</v>
      </c>
      <c r="GC31" s="102">
        <v>0</v>
      </c>
      <c r="GD31" s="102">
        <v>0</v>
      </c>
      <c r="GE31" s="102">
        <v>2</v>
      </c>
      <c r="GF31" s="103">
        <v>4</v>
      </c>
      <c r="GG31" s="104">
        <v>7</v>
      </c>
      <c r="GH31" s="101">
        <v>19</v>
      </c>
      <c r="GI31" s="102">
        <v>40</v>
      </c>
      <c r="GJ31" s="103">
        <v>59</v>
      </c>
      <c r="GK31" s="412">
        <v>0</v>
      </c>
      <c r="GL31" s="102">
        <v>53</v>
      </c>
      <c r="GM31" s="102">
        <v>83</v>
      </c>
      <c r="GN31" s="102">
        <v>49</v>
      </c>
      <c r="GO31" s="102">
        <v>51</v>
      </c>
      <c r="GP31" s="102">
        <v>42</v>
      </c>
      <c r="GQ31" s="103">
        <v>278</v>
      </c>
      <c r="GR31" s="104">
        <v>337</v>
      </c>
      <c r="GS31" s="105">
        <v>23</v>
      </c>
      <c r="GT31" s="97">
        <v>58</v>
      </c>
      <c r="GU31" s="98">
        <v>81</v>
      </c>
      <c r="GV31" s="412">
        <v>0</v>
      </c>
      <c r="GW31" s="97">
        <v>111</v>
      </c>
      <c r="GX31" s="97">
        <v>123</v>
      </c>
      <c r="GY31" s="97">
        <v>76</v>
      </c>
      <c r="GZ31" s="97">
        <v>72</v>
      </c>
      <c r="HA31" s="97">
        <v>53</v>
      </c>
      <c r="HB31" s="99">
        <v>435</v>
      </c>
      <c r="HC31" s="100">
        <v>516</v>
      </c>
      <c r="HD31" s="101">
        <v>1</v>
      </c>
      <c r="HE31" s="102">
        <v>3</v>
      </c>
      <c r="HF31" s="103">
        <v>4</v>
      </c>
      <c r="HG31" s="415">
        <v>0</v>
      </c>
      <c r="HH31" s="102">
        <v>7</v>
      </c>
      <c r="HI31" s="102">
        <v>3</v>
      </c>
      <c r="HJ31" s="102">
        <v>3</v>
      </c>
      <c r="HK31" s="102">
        <v>2</v>
      </c>
      <c r="HL31" s="102">
        <v>1</v>
      </c>
      <c r="HM31" s="103">
        <v>16</v>
      </c>
      <c r="HN31" s="104">
        <v>20</v>
      </c>
      <c r="HO31" s="101">
        <v>1</v>
      </c>
      <c r="HP31" s="102">
        <v>11</v>
      </c>
      <c r="HQ31" s="103">
        <v>12</v>
      </c>
      <c r="HR31" s="412">
        <v>0</v>
      </c>
      <c r="HS31" s="102">
        <v>10</v>
      </c>
      <c r="HT31" s="102">
        <v>13</v>
      </c>
      <c r="HU31" s="102">
        <v>4</v>
      </c>
      <c r="HV31" s="102">
        <v>4</v>
      </c>
      <c r="HW31" s="102">
        <v>3</v>
      </c>
      <c r="HX31" s="103">
        <v>34</v>
      </c>
      <c r="HY31" s="104">
        <v>46</v>
      </c>
      <c r="HZ31" s="101">
        <v>2</v>
      </c>
      <c r="IA31" s="102">
        <v>10</v>
      </c>
      <c r="IB31" s="103">
        <v>12</v>
      </c>
      <c r="IC31" s="412">
        <v>0</v>
      </c>
      <c r="ID31" s="102">
        <v>17</v>
      </c>
      <c r="IE31" s="102">
        <v>18</v>
      </c>
      <c r="IF31" s="102">
        <v>11</v>
      </c>
      <c r="IG31" s="102">
        <v>6</v>
      </c>
      <c r="IH31" s="102">
        <v>9</v>
      </c>
      <c r="II31" s="103">
        <v>61</v>
      </c>
      <c r="IJ31" s="104">
        <v>73</v>
      </c>
      <c r="IK31" s="101">
        <v>13</v>
      </c>
      <c r="IL31" s="102">
        <v>13</v>
      </c>
      <c r="IM31" s="103">
        <v>26</v>
      </c>
      <c r="IN31" s="412">
        <v>0</v>
      </c>
      <c r="IO31" s="102">
        <v>27</v>
      </c>
      <c r="IP31" s="102">
        <v>21</v>
      </c>
      <c r="IQ31" s="102">
        <v>19</v>
      </c>
      <c r="IR31" s="102">
        <v>18</v>
      </c>
      <c r="IS31" s="102">
        <v>9</v>
      </c>
      <c r="IT31" s="103">
        <v>94</v>
      </c>
      <c r="IU31" s="104">
        <v>120</v>
      </c>
      <c r="IV31" s="101">
        <v>4</v>
      </c>
      <c r="IW31" s="102">
        <v>16</v>
      </c>
      <c r="IX31" s="103">
        <v>20</v>
      </c>
      <c r="IY31" s="412">
        <v>0</v>
      </c>
      <c r="IZ31" s="102">
        <v>30</v>
      </c>
      <c r="JA31" s="102">
        <v>40</v>
      </c>
      <c r="JB31" s="102">
        <v>16</v>
      </c>
      <c r="JC31" s="102">
        <v>13</v>
      </c>
      <c r="JD31" s="102">
        <v>13</v>
      </c>
      <c r="JE31" s="103">
        <v>112</v>
      </c>
      <c r="JF31" s="104">
        <v>132</v>
      </c>
      <c r="JG31" s="101">
        <v>2</v>
      </c>
      <c r="JH31" s="102">
        <v>5</v>
      </c>
      <c r="JI31" s="103">
        <v>7</v>
      </c>
      <c r="JJ31" s="412">
        <v>0</v>
      </c>
      <c r="JK31" s="102">
        <v>20</v>
      </c>
      <c r="JL31" s="102">
        <v>28</v>
      </c>
      <c r="JM31" s="102">
        <v>23</v>
      </c>
      <c r="JN31" s="102">
        <v>29</v>
      </c>
      <c r="JO31" s="102">
        <v>18</v>
      </c>
      <c r="JP31" s="103">
        <v>118</v>
      </c>
      <c r="JQ31" s="104">
        <v>125</v>
      </c>
      <c r="JR31" s="101">
        <v>2</v>
      </c>
      <c r="JS31" s="102">
        <v>2</v>
      </c>
      <c r="JT31" s="103">
        <v>4</v>
      </c>
      <c r="JU31" s="412">
        <v>0</v>
      </c>
      <c r="JV31" s="102">
        <v>0</v>
      </c>
      <c r="JW31" s="102">
        <v>3</v>
      </c>
      <c r="JX31" s="102">
        <v>1</v>
      </c>
      <c r="JY31" s="102">
        <v>0</v>
      </c>
      <c r="JZ31" s="102">
        <v>4</v>
      </c>
      <c r="KA31" s="103">
        <v>8</v>
      </c>
      <c r="KB31" s="104">
        <v>12</v>
      </c>
      <c r="KC31" s="101">
        <v>25</v>
      </c>
      <c r="KD31" s="102">
        <v>60</v>
      </c>
      <c r="KE31" s="103">
        <v>85</v>
      </c>
      <c r="KF31" s="412">
        <v>0</v>
      </c>
      <c r="KG31" s="102">
        <v>111</v>
      </c>
      <c r="KH31" s="102">
        <v>126</v>
      </c>
      <c r="KI31" s="102">
        <v>77</v>
      </c>
      <c r="KJ31" s="102">
        <v>72</v>
      </c>
      <c r="KK31" s="102">
        <v>57</v>
      </c>
      <c r="KL31" s="103">
        <v>443</v>
      </c>
      <c r="KM31" s="104">
        <v>528</v>
      </c>
    </row>
    <row r="32" spans="2:299" s="70" customFormat="1" ht="21" customHeight="1" x14ac:dyDescent="0.2">
      <c r="B32" s="106" t="s">
        <v>29</v>
      </c>
      <c r="C32" s="96">
        <v>25</v>
      </c>
      <c r="D32" s="97">
        <v>19</v>
      </c>
      <c r="E32" s="98">
        <v>44</v>
      </c>
      <c r="F32" s="412">
        <v>0</v>
      </c>
      <c r="G32" s="97">
        <v>41</v>
      </c>
      <c r="H32" s="97">
        <v>50</v>
      </c>
      <c r="I32" s="97">
        <v>45</v>
      </c>
      <c r="J32" s="97">
        <v>27</v>
      </c>
      <c r="K32" s="97">
        <v>18</v>
      </c>
      <c r="L32" s="99">
        <v>181</v>
      </c>
      <c r="M32" s="100">
        <v>225</v>
      </c>
      <c r="N32" s="101">
        <v>4</v>
      </c>
      <c r="O32" s="102">
        <v>0</v>
      </c>
      <c r="P32" s="103">
        <v>4</v>
      </c>
      <c r="Q32" s="412">
        <v>0</v>
      </c>
      <c r="R32" s="102">
        <v>3</v>
      </c>
      <c r="S32" s="102">
        <v>3</v>
      </c>
      <c r="T32" s="102">
        <v>3</v>
      </c>
      <c r="U32" s="102">
        <v>1</v>
      </c>
      <c r="V32" s="102">
        <v>2</v>
      </c>
      <c r="W32" s="103">
        <v>12</v>
      </c>
      <c r="X32" s="104">
        <v>16</v>
      </c>
      <c r="Y32" s="101">
        <v>1</v>
      </c>
      <c r="Z32" s="102">
        <v>3</v>
      </c>
      <c r="AA32" s="103">
        <v>4</v>
      </c>
      <c r="AB32" s="412">
        <v>0</v>
      </c>
      <c r="AC32" s="102">
        <v>5</v>
      </c>
      <c r="AD32" s="102">
        <v>3</v>
      </c>
      <c r="AE32" s="102">
        <v>7</v>
      </c>
      <c r="AF32" s="102">
        <v>2</v>
      </c>
      <c r="AG32" s="102">
        <v>1</v>
      </c>
      <c r="AH32" s="103">
        <v>18</v>
      </c>
      <c r="AI32" s="104">
        <v>22</v>
      </c>
      <c r="AJ32" s="101">
        <v>1</v>
      </c>
      <c r="AK32" s="102">
        <v>1</v>
      </c>
      <c r="AL32" s="103">
        <v>2</v>
      </c>
      <c r="AM32" s="412">
        <v>0</v>
      </c>
      <c r="AN32" s="102">
        <v>13</v>
      </c>
      <c r="AO32" s="102">
        <v>8</v>
      </c>
      <c r="AP32" s="102">
        <v>6</v>
      </c>
      <c r="AQ32" s="102">
        <v>7</v>
      </c>
      <c r="AR32" s="102">
        <v>2</v>
      </c>
      <c r="AS32" s="103">
        <v>36</v>
      </c>
      <c r="AT32" s="104">
        <v>38</v>
      </c>
      <c r="AU32" s="101">
        <v>10</v>
      </c>
      <c r="AV32" s="102">
        <v>8</v>
      </c>
      <c r="AW32" s="103">
        <v>18</v>
      </c>
      <c r="AX32" s="412">
        <v>0</v>
      </c>
      <c r="AY32" s="102">
        <v>10</v>
      </c>
      <c r="AZ32" s="102">
        <v>10</v>
      </c>
      <c r="BA32" s="102">
        <v>8</v>
      </c>
      <c r="BB32" s="102">
        <v>8</v>
      </c>
      <c r="BC32" s="102">
        <v>2</v>
      </c>
      <c r="BD32" s="103">
        <v>38</v>
      </c>
      <c r="BE32" s="104">
        <v>56</v>
      </c>
      <c r="BF32" s="101">
        <v>8</v>
      </c>
      <c r="BG32" s="102">
        <v>4</v>
      </c>
      <c r="BH32" s="103">
        <v>12</v>
      </c>
      <c r="BI32" s="412">
        <v>0</v>
      </c>
      <c r="BJ32" s="102">
        <v>7</v>
      </c>
      <c r="BK32" s="102">
        <v>8</v>
      </c>
      <c r="BL32" s="102">
        <v>16</v>
      </c>
      <c r="BM32" s="102">
        <v>4</v>
      </c>
      <c r="BN32" s="102">
        <v>3</v>
      </c>
      <c r="BO32" s="103">
        <v>38</v>
      </c>
      <c r="BP32" s="104">
        <v>50</v>
      </c>
      <c r="BQ32" s="101">
        <v>1</v>
      </c>
      <c r="BR32" s="102">
        <v>3</v>
      </c>
      <c r="BS32" s="103">
        <v>4</v>
      </c>
      <c r="BT32" s="412">
        <v>0</v>
      </c>
      <c r="BU32" s="102">
        <v>3</v>
      </c>
      <c r="BV32" s="102">
        <v>18</v>
      </c>
      <c r="BW32" s="102">
        <v>5</v>
      </c>
      <c r="BX32" s="102">
        <v>5</v>
      </c>
      <c r="BY32" s="102">
        <v>8</v>
      </c>
      <c r="BZ32" s="103">
        <v>39</v>
      </c>
      <c r="CA32" s="104">
        <v>43</v>
      </c>
      <c r="CB32" s="101">
        <v>2</v>
      </c>
      <c r="CC32" s="102">
        <v>1</v>
      </c>
      <c r="CD32" s="103">
        <v>3</v>
      </c>
      <c r="CE32" s="412">
        <v>0</v>
      </c>
      <c r="CF32" s="102">
        <v>3</v>
      </c>
      <c r="CG32" s="102">
        <v>1</v>
      </c>
      <c r="CH32" s="102">
        <v>1</v>
      </c>
      <c r="CI32" s="102">
        <v>0</v>
      </c>
      <c r="CJ32" s="102">
        <v>3</v>
      </c>
      <c r="CK32" s="103">
        <v>8</v>
      </c>
      <c r="CL32" s="104">
        <v>11</v>
      </c>
      <c r="CM32" s="101">
        <v>27</v>
      </c>
      <c r="CN32" s="102">
        <v>20</v>
      </c>
      <c r="CO32" s="103">
        <v>47</v>
      </c>
      <c r="CP32" s="412">
        <v>0</v>
      </c>
      <c r="CQ32" s="102">
        <v>44</v>
      </c>
      <c r="CR32" s="102">
        <v>51</v>
      </c>
      <c r="CS32" s="102">
        <v>46</v>
      </c>
      <c r="CT32" s="102">
        <v>27</v>
      </c>
      <c r="CU32" s="102">
        <v>21</v>
      </c>
      <c r="CV32" s="103">
        <v>189</v>
      </c>
      <c r="CW32" s="104">
        <v>236</v>
      </c>
      <c r="CX32" s="105">
        <v>49</v>
      </c>
      <c r="CY32" s="97">
        <v>52</v>
      </c>
      <c r="CZ32" s="98">
        <v>101</v>
      </c>
      <c r="DA32" s="412">
        <v>0</v>
      </c>
      <c r="DB32" s="97">
        <v>90</v>
      </c>
      <c r="DC32" s="97">
        <v>92</v>
      </c>
      <c r="DD32" s="97">
        <v>78</v>
      </c>
      <c r="DE32" s="97">
        <v>82</v>
      </c>
      <c r="DF32" s="97">
        <v>52</v>
      </c>
      <c r="DG32" s="99">
        <v>394</v>
      </c>
      <c r="DH32" s="100">
        <v>495</v>
      </c>
      <c r="DI32" s="101">
        <v>3</v>
      </c>
      <c r="DJ32" s="102">
        <v>2</v>
      </c>
      <c r="DK32" s="103">
        <v>5</v>
      </c>
      <c r="DL32" s="412">
        <v>0</v>
      </c>
      <c r="DM32" s="102">
        <v>3</v>
      </c>
      <c r="DN32" s="102">
        <v>4</v>
      </c>
      <c r="DO32" s="102">
        <v>2</v>
      </c>
      <c r="DP32" s="102">
        <v>3</v>
      </c>
      <c r="DQ32" s="102">
        <v>2</v>
      </c>
      <c r="DR32" s="103">
        <v>14</v>
      </c>
      <c r="DS32" s="104">
        <v>19</v>
      </c>
      <c r="DT32" s="101">
        <v>3</v>
      </c>
      <c r="DU32" s="102">
        <v>6</v>
      </c>
      <c r="DV32" s="103">
        <v>9</v>
      </c>
      <c r="DW32" s="412">
        <v>0</v>
      </c>
      <c r="DX32" s="102">
        <v>3</v>
      </c>
      <c r="DY32" s="102">
        <v>7</v>
      </c>
      <c r="DZ32" s="102">
        <v>4</v>
      </c>
      <c r="EA32" s="102">
        <v>2</v>
      </c>
      <c r="EB32" s="102">
        <v>3</v>
      </c>
      <c r="EC32" s="103">
        <v>19</v>
      </c>
      <c r="ED32" s="104">
        <v>28</v>
      </c>
      <c r="EE32" s="101">
        <v>7</v>
      </c>
      <c r="EF32" s="102">
        <v>6</v>
      </c>
      <c r="EG32" s="103">
        <v>13</v>
      </c>
      <c r="EH32" s="412">
        <v>0</v>
      </c>
      <c r="EI32" s="102">
        <v>8</v>
      </c>
      <c r="EJ32" s="102">
        <v>11</v>
      </c>
      <c r="EK32" s="102">
        <v>7</v>
      </c>
      <c r="EL32" s="102">
        <v>8</v>
      </c>
      <c r="EM32" s="102">
        <v>4</v>
      </c>
      <c r="EN32" s="103">
        <v>38</v>
      </c>
      <c r="EO32" s="104">
        <v>51</v>
      </c>
      <c r="EP32" s="101">
        <v>18</v>
      </c>
      <c r="EQ32" s="102">
        <v>13</v>
      </c>
      <c r="ER32" s="103">
        <v>31</v>
      </c>
      <c r="ES32" s="412">
        <v>0</v>
      </c>
      <c r="ET32" s="102">
        <v>24</v>
      </c>
      <c r="EU32" s="102">
        <v>18</v>
      </c>
      <c r="EV32" s="102">
        <v>23</v>
      </c>
      <c r="EW32" s="102">
        <v>14</v>
      </c>
      <c r="EX32" s="102">
        <v>11</v>
      </c>
      <c r="EY32" s="103">
        <v>90</v>
      </c>
      <c r="EZ32" s="104">
        <v>121</v>
      </c>
      <c r="FA32" s="101">
        <v>14</v>
      </c>
      <c r="FB32" s="102">
        <v>12</v>
      </c>
      <c r="FC32" s="103">
        <v>26</v>
      </c>
      <c r="FD32" s="412">
        <v>0</v>
      </c>
      <c r="FE32" s="102">
        <v>26</v>
      </c>
      <c r="FF32" s="102">
        <v>30</v>
      </c>
      <c r="FG32" s="102">
        <v>18</v>
      </c>
      <c r="FH32" s="102">
        <v>22</v>
      </c>
      <c r="FI32" s="102">
        <v>10</v>
      </c>
      <c r="FJ32" s="103">
        <v>106</v>
      </c>
      <c r="FK32" s="104">
        <v>132</v>
      </c>
      <c r="FL32" s="101">
        <v>4</v>
      </c>
      <c r="FM32" s="102">
        <v>13</v>
      </c>
      <c r="FN32" s="103">
        <v>17</v>
      </c>
      <c r="FO32" s="412">
        <v>0</v>
      </c>
      <c r="FP32" s="102">
        <v>26</v>
      </c>
      <c r="FQ32" s="102">
        <v>22</v>
      </c>
      <c r="FR32" s="102">
        <v>24</v>
      </c>
      <c r="FS32" s="102">
        <v>33</v>
      </c>
      <c r="FT32" s="102">
        <v>22</v>
      </c>
      <c r="FU32" s="103">
        <v>127</v>
      </c>
      <c r="FV32" s="104">
        <v>144</v>
      </c>
      <c r="FW32" s="101">
        <v>0</v>
      </c>
      <c r="FX32" s="102">
        <v>3</v>
      </c>
      <c r="FY32" s="103">
        <v>3</v>
      </c>
      <c r="FZ32" s="412">
        <v>0</v>
      </c>
      <c r="GA32" s="102">
        <v>1</v>
      </c>
      <c r="GB32" s="102">
        <v>1</v>
      </c>
      <c r="GC32" s="102">
        <v>2</v>
      </c>
      <c r="GD32" s="102">
        <v>0</v>
      </c>
      <c r="GE32" s="102">
        <v>1</v>
      </c>
      <c r="GF32" s="103">
        <v>5</v>
      </c>
      <c r="GG32" s="104">
        <v>8</v>
      </c>
      <c r="GH32" s="101">
        <v>49</v>
      </c>
      <c r="GI32" s="102">
        <v>55</v>
      </c>
      <c r="GJ32" s="103">
        <v>104</v>
      </c>
      <c r="GK32" s="412">
        <v>0</v>
      </c>
      <c r="GL32" s="102">
        <v>91</v>
      </c>
      <c r="GM32" s="102">
        <v>93</v>
      </c>
      <c r="GN32" s="102">
        <v>80</v>
      </c>
      <c r="GO32" s="102">
        <v>82</v>
      </c>
      <c r="GP32" s="102">
        <v>53</v>
      </c>
      <c r="GQ32" s="103">
        <v>399</v>
      </c>
      <c r="GR32" s="104">
        <v>503</v>
      </c>
      <c r="GS32" s="105">
        <v>74</v>
      </c>
      <c r="GT32" s="97">
        <v>71</v>
      </c>
      <c r="GU32" s="98">
        <v>145</v>
      </c>
      <c r="GV32" s="412">
        <v>0</v>
      </c>
      <c r="GW32" s="97">
        <v>131</v>
      </c>
      <c r="GX32" s="97">
        <v>142</v>
      </c>
      <c r="GY32" s="97">
        <v>123</v>
      </c>
      <c r="GZ32" s="97">
        <v>109</v>
      </c>
      <c r="HA32" s="97">
        <v>70</v>
      </c>
      <c r="HB32" s="99">
        <v>575</v>
      </c>
      <c r="HC32" s="100">
        <v>720</v>
      </c>
      <c r="HD32" s="101">
        <v>7</v>
      </c>
      <c r="HE32" s="102">
        <v>2</v>
      </c>
      <c r="HF32" s="103">
        <v>9</v>
      </c>
      <c r="HG32" s="415">
        <v>0</v>
      </c>
      <c r="HH32" s="102">
        <v>6</v>
      </c>
      <c r="HI32" s="102">
        <v>7</v>
      </c>
      <c r="HJ32" s="102">
        <v>5</v>
      </c>
      <c r="HK32" s="102">
        <v>4</v>
      </c>
      <c r="HL32" s="102">
        <v>4</v>
      </c>
      <c r="HM32" s="103">
        <v>26</v>
      </c>
      <c r="HN32" s="104">
        <v>35</v>
      </c>
      <c r="HO32" s="101">
        <v>4</v>
      </c>
      <c r="HP32" s="102">
        <v>9</v>
      </c>
      <c r="HQ32" s="103">
        <v>13</v>
      </c>
      <c r="HR32" s="412">
        <v>0</v>
      </c>
      <c r="HS32" s="102">
        <v>8</v>
      </c>
      <c r="HT32" s="102">
        <v>10</v>
      </c>
      <c r="HU32" s="102">
        <v>11</v>
      </c>
      <c r="HV32" s="102">
        <v>4</v>
      </c>
      <c r="HW32" s="102">
        <v>4</v>
      </c>
      <c r="HX32" s="103">
        <v>37</v>
      </c>
      <c r="HY32" s="104">
        <v>50</v>
      </c>
      <c r="HZ32" s="101">
        <v>8</v>
      </c>
      <c r="IA32" s="102">
        <v>7</v>
      </c>
      <c r="IB32" s="103">
        <v>15</v>
      </c>
      <c r="IC32" s="412">
        <v>0</v>
      </c>
      <c r="ID32" s="102">
        <v>21</v>
      </c>
      <c r="IE32" s="102">
        <v>19</v>
      </c>
      <c r="IF32" s="102">
        <v>13</v>
      </c>
      <c r="IG32" s="102">
        <v>15</v>
      </c>
      <c r="IH32" s="102">
        <v>6</v>
      </c>
      <c r="II32" s="103">
        <v>74</v>
      </c>
      <c r="IJ32" s="104">
        <v>89</v>
      </c>
      <c r="IK32" s="101">
        <v>28</v>
      </c>
      <c r="IL32" s="102">
        <v>21</v>
      </c>
      <c r="IM32" s="103">
        <v>49</v>
      </c>
      <c r="IN32" s="412">
        <v>0</v>
      </c>
      <c r="IO32" s="102">
        <v>34</v>
      </c>
      <c r="IP32" s="102">
        <v>28</v>
      </c>
      <c r="IQ32" s="102">
        <v>31</v>
      </c>
      <c r="IR32" s="102">
        <v>22</v>
      </c>
      <c r="IS32" s="102">
        <v>13</v>
      </c>
      <c r="IT32" s="103">
        <v>128</v>
      </c>
      <c r="IU32" s="104">
        <v>177</v>
      </c>
      <c r="IV32" s="101">
        <v>22</v>
      </c>
      <c r="IW32" s="102">
        <v>16</v>
      </c>
      <c r="IX32" s="103">
        <v>38</v>
      </c>
      <c r="IY32" s="412">
        <v>0</v>
      </c>
      <c r="IZ32" s="102">
        <v>33</v>
      </c>
      <c r="JA32" s="102">
        <v>38</v>
      </c>
      <c r="JB32" s="102">
        <v>34</v>
      </c>
      <c r="JC32" s="102">
        <v>26</v>
      </c>
      <c r="JD32" s="102">
        <v>13</v>
      </c>
      <c r="JE32" s="103">
        <v>144</v>
      </c>
      <c r="JF32" s="104">
        <v>182</v>
      </c>
      <c r="JG32" s="101">
        <v>5</v>
      </c>
      <c r="JH32" s="102">
        <v>16</v>
      </c>
      <c r="JI32" s="103">
        <v>21</v>
      </c>
      <c r="JJ32" s="412">
        <v>0</v>
      </c>
      <c r="JK32" s="102">
        <v>29</v>
      </c>
      <c r="JL32" s="102">
        <v>40</v>
      </c>
      <c r="JM32" s="102">
        <v>29</v>
      </c>
      <c r="JN32" s="102">
        <v>38</v>
      </c>
      <c r="JO32" s="102">
        <v>30</v>
      </c>
      <c r="JP32" s="103">
        <v>166</v>
      </c>
      <c r="JQ32" s="104">
        <v>187</v>
      </c>
      <c r="JR32" s="101">
        <v>2</v>
      </c>
      <c r="JS32" s="102">
        <v>4</v>
      </c>
      <c r="JT32" s="103">
        <v>6</v>
      </c>
      <c r="JU32" s="412">
        <v>0</v>
      </c>
      <c r="JV32" s="102">
        <v>4</v>
      </c>
      <c r="JW32" s="102">
        <v>2</v>
      </c>
      <c r="JX32" s="102">
        <v>3</v>
      </c>
      <c r="JY32" s="102">
        <v>0</v>
      </c>
      <c r="JZ32" s="102">
        <v>4</v>
      </c>
      <c r="KA32" s="103">
        <v>13</v>
      </c>
      <c r="KB32" s="104">
        <v>19</v>
      </c>
      <c r="KC32" s="101">
        <v>76</v>
      </c>
      <c r="KD32" s="102">
        <v>75</v>
      </c>
      <c r="KE32" s="103">
        <v>151</v>
      </c>
      <c r="KF32" s="412">
        <v>0</v>
      </c>
      <c r="KG32" s="102">
        <v>135</v>
      </c>
      <c r="KH32" s="102">
        <v>144</v>
      </c>
      <c r="KI32" s="102">
        <v>126</v>
      </c>
      <c r="KJ32" s="102">
        <v>109</v>
      </c>
      <c r="KK32" s="102">
        <v>74</v>
      </c>
      <c r="KL32" s="103">
        <v>588</v>
      </c>
      <c r="KM32" s="104">
        <v>739</v>
      </c>
    </row>
    <row r="33" spans="2:299" s="70" customFormat="1" ht="21" customHeight="1" x14ac:dyDescent="0.2">
      <c r="B33" s="106" t="s">
        <v>30</v>
      </c>
      <c r="C33" s="96">
        <v>26</v>
      </c>
      <c r="D33" s="97">
        <v>11</v>
      </c>
      <c r="E33" s="98">
        <v>37</v>
      </c>
      <c r="F33" s="412">
        <v>0</v>
      </c>
      <c r="G33" s="97">
        <v>35</v>
      </c>
      <c r="H33" s="97">
        <v>26</v>
      </c>
      <c r="I33" s="97">
        <v>25</v>
      </c>
      <c r="J33" s="97">
        <v>28</v>
      </c>
      <c r="K33" s="97">
        <v>14</v>
      </c>
      <c r="L33" s="99">
        <v>128</v>
      </c>
      <c r="M33" s="100">
        <v>165</v>
      </c>
      <c r="N33" s="101">
        <v>2</v>
      </c>
      <c r="O33" s="102">
        <v>2</v>
      </c>
      <c r="P33" s="103">
        <v>4</v>
      </c>
      <c r="Q33" s="412">
        <v>0</v>
      </c>
      <c r="R33" s="102">
        <v>1</v>
      </c>
      <c r="S33" s="102">
        <v>1</v>
      </c>
      <c r="T33" s="102">
        <v>0</v>
      </c>
      <c r="U33" s="102">
        <v>3</v>
      </c>
      <c r="V33" s="102">
        <v>2</v>
      </c>
      <c r="W33" s="103">
        <v>7</v>
      </c>
      <c r="X33" s="104">
        <v>11</v>
      </c>
      <c r="Y33" s="101">
        <v>7</v>
      </c>
      <c r="Z33" s="102">
        <v>1</v>
      </c>
      <c r="AA33" s="103">
        <v>8</v>
      </c>
      <c r="AB33" s="412">
        <v>0</v>
      </c>
      <c r="AC33" s="102">
        <v>3</v>
      </c>
      <c r="AD33" s="102">
        <v>6</v>
      </c>
      <c r="AE33" s="102">
        <v>4</v>
      </c>
      <c r="AF33" s="102">
        <v>2</v>
      </c>
      <c r="AG33" s="102">
        <v>2</v>
      </c>
      <c r="AH33" s="103">
        <v>17</v>
      </c>
      <c r="AI33" s="104">
        <v>25</v>
      </c>
      <c r="AJ33" s="101">
        <v>3</v>
      </c>
      <c r="AK33" s="102">
        <v>2</v>
      </c>
      <c r="AL33" s="103">
        <v>5</v>
      </c>
      <c r="AM33" s="412">
        <v>0</v>
      </c>
      <c r="AN33" s="102">
        <v>4</v>
      </c>
      <c r="AO33" s="102">
        <v>3</v>
      </c>
      <c r="AP33" s="102">
        <v>3</v>
      </c>
      <c r="AQ33" s="102">
        <v>7</v>
      </c>
      <c r="AR33" s="102">
        <v>2</v>
      </c>
      <c r="AS33" s="103">
        <v>19</v>
      </c>
      <c r="AT33" s="104">
        <v>24</v>
      </c>
      <c r="AU33" s="101">
        <v>8</v>
      </c>
      <c r="AV33" s="102">
        <v>1</v>
      </c>
      <c r="AW33" s="103">
        <v>9</v>
      </c>
      <c r="AX33" s="412">
        <v>0</v>
      </c>
      <c r="AY33" s="102">
        <v>12</v>
      </c>
      <c r="AZ33" s="102">
        <v>4</v>
      </c>
      <c r="BA33" s="102">
        <v>6</v>
      </c>
      <c r="BB33" s="102">
        <v>4</v>
      </c>
      <c r="BC33" s="102">
        <v>2</v>
      </c>
      <c r="BD33" s="103">
        <v>28</v>
      </c>
      <c r="BE33" s="104">
        <v>37</v>
      </c>
      <c r="BF33" s="101">
        <v>2</v>
      </c>
      <c r="BG33" s="102">
        <v>2</v>
      </c>
      <c r="BH33" s="103">
        <v>4</v>
      </c>
      <c r="BI33" s="412">
        <v>0</v>
      </c>
      <c r="BJ33" s="102">
        <v>9</v>
      </c>
      <c r="BK33" s="102">
        <v>8</v>
      </c>
      <c r="BL33" s="102">
        <v>6</v>
      </c>
      <c r="BM33" s="102">
        <v>5</v>
      </c>
      <c r="BN33" s="102">
        <v>1</v>
      </c>
      <c r="BO33" s="103">
        <v>29</v>
      </c>
      <c r="BP33" s="104">
        <v>33</v>
      </c>
      <c r="BQ33" s="101">
        <v>4</v>
      </c>
      <c r="BR33" s="102">
        <v>3</v>
      </c>
      <c r="BS33" s="103">
        <v>7</v>
      </c>
      <c r="BT33" s="412">
        <v>0</v>
      </c>
      <c r="BU33" s="102">
        <v>6</v>
      </c>
      <c r="BV33" s="102">
        <v>4</v>
      </c>
      <c r="BW33" s="102">
        <v>6</v>
      </c>
      <c r="BX33" s="102">
        <v>7</v>
      </c>
      <c r="BY33" s="102">
        <v>5</v>
      </c>
      <c r="BZ33" s="103">
        <v>28</v>
      </c>
      <c r="CA33" s="104">
        <v>35</v>
      </c>
      <c r="CB33" s="101">
        <v>1</v>
      </c>
      <c r="CC33" s="102">
        <v>0</v>
      </c>
      <c r="CD33" s="103">
        <v>1</v>
      </c>
      <c r="CE33" s="412">
        <v>0</v>
      </c>
      <c r="CF33" s="102">
        <v>2</v>
      </c>
      <c r="CG33" s="102">
        <v>3</v>
      </c>
      <c r="CH33" s="102">
        <v>0</v>
      </c>
      <c r="CI33" s="102">
        <v>1</v>
      </c>
      <c r="CJ33" s="102">
        <v>0</v>
      </c>
      <c r="CK33" s="103">
        <v>6</v>
      </c>
      <c r="CL33" s="104">
        <v>7</v>
      </c>
      <c r="CM33" s="101">
        <v>27</v>
      </c>
      <c r="CN33" s="102">
        <v>11</v>
      </c>
      <c r="CO33" s="103">
        <v>38</v>
      </c>
      <c r="CP33" s="412">
        <v>0</v>
      </c>
      <c r="CQ33" s="102">
        <v>37</v>
      </c>
      <c r="CR33" s="102">
        <v>29</v>
      </c>
      <c r="CS33" s="102">
        <v>25</v>
      </c>
      <c r="CT33" s="102">
        <v>29</v>
      </c>
      <c r="CU33" s="102">
        <v>14</v>
      </c>
      <c r="CV33" s="103">
        <v>134</v>
      </c>
      <c r="CW33" s="104">
        <v>172</v>
      </c>
      <c r="CX33" s="105">
        <v>36</v>
      </c>
      <c r="CY33" s="97">
        <v>34</v>
      </c>
      <c r="CZ33" s="98">
        <v>70</v>
      </c>
      <c r="DA33" s="412">
        <v>0</v>
      </c>
      <c r="DB33" s="97">
        <v>96</v>
      </c>
      <c r="DC33" s="97">
        <v>65</v>
      </c>
      <c r="DD33" s="97">
        <v>67</v>
      </c>
      <c r="DE33" s="97">
        <v>66</v>
      </c>
      <c r="DF33" s="97">
        <v>39</v>
      </c>
      <c r="DG33" s="99">
        <v>333</v>
      </c>
      <c r="DH33" s="100">
        <v>403</v>
      </c>
      <c r="DI33" s="101">
        <v>2</v>
      </c>
      <c r="DJ33" s="102">
        <v>0</v>
      </c>
      <c r="DK33" s="103">
        <v>2</v>
      </c>
      <c r="DL33" s="412">
        <v>0</v>
      </c>
      <c r="DM33" s="102">
        <v>1</v>
      </c>
      <c r="DN33" s="102">
        <v>0</v>
      </c>
      <c r="DO33" s="102">
        <v>1</v>
      </c>
      <c r="DP33" s="102">
        <v>0</v>
      </c>
      <c r="DQ33" s="102">
        <v>1</v>
      </c>
      <c r="DR33" s="103">
        <v>3</v>
      </c>
      <c r="DS33" s="104">
        <v>5</v>
      </c>
      <c r="DT33" s="101">
        <v>4</v>
      </c>
      <c r="DU33" s="102">
        <v>1</v>
      </c>
      <c r="DV33" s="103">
        <v>5</v>
      </c>
      <c r="DW33" s="412">
        <v>0</v>
      </c>
      <c r="DX33" s="102">
        <v>1</v>
      </c>
      <c r="DY33" s="102">
        <v>2</v>
      </c>
      <c r="DZ33" s="102">
        <v>2</v>
      </c>
      <c r="EA33" s="102">
        <v>3</v>
      </c>
      <c r="EB33" s="102">
        <v>2</v>
      </c>
      <c r="EC33" s="103">
        <v>10</v>
      </c>
      <c r="ED33" s="104">
        <v>15</v>
      </c>
      <c r="EE33" s="101">
        <v>6</v>
      </c>
      <c r="EF33" s="102">
        <v>4</v>
      </c>
      <c r="EG33" s="103">
        <v>10</v>
      </c>
      <c r="EH33" s="412">
        <v>0</v>
      </c>
      <c r="EI33" s="102">
        <v>7</v>
      </c>
      <c r="EJ33" s="102">
        <v>8</v>
      </c>
      <c r="EK33" s="102">
        <v>10</v>
      </c>
      <c r="EL33" s="102">
        <v>3</v>
      </c>
      <c r="EM33" s="102">
        <v>2</v>
      </c>
      <c r="EN33" s="103">
        <v>30</v>
      </c>
      <c r="EO33" s="104">
        <v>40</v>
      </c>
      <c r="EP33" s="101">
        <v>11</v>
      </c>
      <c r="EQ33" s="102">
        <v>10</v>
      </c>
      <c r="ER33" s="103">
        <v>21</v>
      </c>
      <c r="ES33" s="412">
        <v>0</v>
      </c>
      <c r="ET33" s="102">
        <v>29</v>
      </c>
      <c r="EU33" s="102">
        <v>14</v>
      </c>
      <c r="EV33" s="102">
        <v>9</v>
      </c>
      <c r="EW33" s="102">
        <v>9</v>
      </c>
      <c r="EX33" s="102">
        <v>8</v>
      </c>
      <c r="EY33" s="103">
        <v>69</v>
      </c>
      <c r="EZ33" s="104">
        <v>90</v>
      </c>
      <c r="FA33" s="101">
        <v>8</v>
      </c>
      <c r="FB33" s="102">
        <v>9</v>
      </c>
      <c r="FC33" s="103">
        <v>17</v>
      </c>
      <c r="FD33" s="412">
        <v>0</v>
      </c>
      <c r="FE33" s="102">
        <v>24</v>
      </c>
      <c r="FF33" s="102">
        <v>17</v>
      </c>
      <c r="FG33" s="102">
        <v>12</v>
      </c>
      <c r="FH33" s="102">
        <v>17</v>
      </c>
      <c r="FI33" s="102">
        <v>9</v>
      </c>
      <c r="FJ33" s="103">
        <v>79</v>
      </c>
      <c r="FK33" s="104">
        <v>96</v>
      </c>
      <c r="FL33" s="101">
        <v>5</v>
      </c>
      <c r="FM33" s="102">
        <v>10</v>
      </c>
      <c r="FN33" s="103">
        <v>15</v>
      </c>
      <c r="FO33" s="412">
        <v>0</v>
      </c>
      <c r="FP33" s="102">
        <v>34</v>
      </c>
      <c r="FQ33" s="102">
        <v>24</v>
      </c>
      <c r="FR33" s="102">
        <v>33</v>
      </c>
      <c r="FS33" s="102">
        <v>34</v>
      </c>
      <c r="FT33" s="102">
        <v>17</v>
      </c>
      <c r="FU33" s="103">
        <v>142</v>
      </c>
      <c r="FV33" s="104">
        <v>157</v>
      </c>
      <c r="FW33" s="101">
        <v>0</v>
      </c>
      <c r="FX33" s="102">
        <v>2</v>
      </c>
      <c r="FY33" s="103">
        <v>2</v>
      </c>
      <c r="FZ33" s="412">
        <v>0</v>
      </c>
      <c r="GA33" s="102">
        <v>1</v>
      </c>
      <c r="GB33" s="102">
        <v>0</v>
      </c>
      <c r="GC33" s="102">
        <v>1</v>
      </c>
      <c r="GD33" s="102">
        <v>2</v>
      </c>
      <c r="GE33" s="102">
        <v>0</v>
      </c>
      <c r="GF33" s="103">
        <v>4</v>
      </c>
      <c r="GG33" s="104">
        <v>6</v>
      </c>
      <c r="GH33" s="101">
        <v>36</v>
      </c>
      <c r="GI33" s="102">
        <v>36</v>
      </c>
      <c r="GJ33" s="103">
        <v>72</v>
      </c>
      <c r="GK33" s="412">
        <v>0</v>
      </c>
      <c r="GL33" s="102">
        <v>97</v>
      </c>
      <c r="GM33" s="102">
        <v>65</v>
      </c>
      <c r="GN33" s="102">
        <v>68</v>
      </c>
      <c r="GO33" s="102">
        <v>68</v>
      </c>
      <c r="GP33" s="102">
        <v>39</v>
      </c>
      <c r="GQ33" s="103">
        <v>337</v>
      </c>
      <c r="GR33" s="104">
        <v>409</v>
      </c>
      <c r="GS33" s="105">
        <v>62</v>
      </c>
      <c r="GT33" s="97">
        <v>45</v>
      </c>
      <c r="GU33" s="98">
        <v>107</v>
      </c>
      <c r="GV33" s="412">
        <v>0</v>
      </c>
      <c r="GW33" s="97">
        <v>131</v>
      </c>
      <c r="GX33" s="97">
        <v>91</v>
      </c>
      <c r="GY33" s="97">
        <v>92</v>
      </c>
      <c r="GZ33" s="97">
        <v>94</v>
      </c>
      <c r="HA33" s="97">
        <v>53</v>
      </c>
      <c r="HB33" s="99">
        <v>461</v>
      </c>
      <c r="HC33" s="100">
        <v>568</v>
      </c>
      <c r="HD33" s="101">
        <v>4</v>
      </c>
      <c r="HE33" s="102">
        <v>2</v>
      </c>
      <c r="HF33" s="103">
        <v>6</v>
      </c>
      <c r="HG33" s="415">
        <v>0</v>
      </c>
      <c r="HH33" s="102">
        <v>2</v>
      </c>
      <c r="HI33" s="102">
        <v>1</v>
      </c>
      <c r="HJ33" s="102">
        <v>1</v>
      </c>
      <c r="HK33" s="102">
        <v>3</v>
      </c>
      <c r="HL33" s="102">
        <v>3</v>
      </c>
      <c r="HM33" s="103">
        <v>10</v>
      </c>
      <c r="HN33" s="104">
        <v>16</v>
      </c>
      <c r="HO33" s="101">
        <v>11</v>
      </c>
      <c r="HP33" s="102">
        <v>2</v>
      </c>
      <c r="HQ33" s="103">
        <v>13</v>
      </c>
      <c r="HR33" s="412">
        <v>0</v>
      </c>
      <c r="HS33" s="102">
        <v>4</v>
      </c>
      <c r="HT33" s="102">
        <v>8</v>
      </c>
      <c r="HU33" s="102">
        <v>6</v>
      </c>
      <c r="HV33" s="102">
        <v>5</v>
      </c>
      <c r="HW33" s="102">
        <v>4</v>
      </c>
      <c r="HX33" s="103">
        <v>27</v>
      </c>
      <c r="HY33" s="104">
        <v>40</v>
      </c>
      <c r="HZ33" s="101">
        <v>9</v>
      </c>
      <c r="IA33" s="102">
        <v>6</v>
      </c>
      <c r="IB33" s="103">
        <v>15</v>
      </c>
      <c r="IC33" s="412">
        <v>0</v>
      </c>
      <c r="ID33" s="102">
        <v>11</v>
      </c>
      <c r="IE33" s="102">
        <v>11</v>
      </c>
      <c r="IF33" s="102">
        <v>13</v>
      </c>
      <c r="IG33" s="102">
        <v>10</v>
      </c>
      <c r="IH33" s="102">
        <v>4</v>
      </c>
      <c r="II33" s="103">
        <v>49</v>
      </c>
      <c r="IJ33" s="104">
        <v>64</v>
      </c>
      <c r="IK33" s="101">
        <v>19</v>
      </c>
      <c r="IL33" s="102">
        <v>11</v>
      </c>
      <c r="IM33" s="103">
        <v>30</v>
      </c>
      <c r="IN33" s="412">
        <v>0</v>
      </c>
      <c r="IO33" s="102">
        <v>41</v>
      </c>
      <c r="IP33" s="102">
        <v>18</v>
      </c>
      <c r="IQ33" s="102">
        <v>15</v>
      </c>
      <c r="IR33" s="102">
        <v>13</v>
      </c>
      <c r="IS33" s="102">
        <v>10</v>
      </c>
      <c r="IT33" s="103">
        <v>97</v>
      </c>
      <c r="IU33" s="104">
        <v>127</v>
      </c>
      <c r="IV33" s="101">
        <v>10</v>
      </c>
      <c r="IW33" s="102">
        <v>11</v>
      </c>
      <c r="IX33" s="103">
        <v>21</v>
      </c>
      <c r="IY33" s="412">
        <v>0</v>
      </c>
      <c r="IZ33" s="102">
        <v>33</v>
      </c>
      <c r="JA33" s="102">
        <v>25</v>
      </c>
      <c r="JB33" s="102">
        <v>18</v>
      </c>
      <c r="JC33" s="102">
        <v>22</v>
      </c>
      <c r="JD33" s="102">
        <v>10</v>
      </c>
      <c r="JE33" s="103">
        <v>108</v>
      </c>
      <c r="JF33" s="104">
        <v>129</v>
      </c>
      <c r="JG33" s="101">
        <v>9</v>
      </c>
      <c r="JH33" s="102">
        <v>13</v>
      </c>
      <c r="JI33" s="103">
        <v>22</v>
      </c>
      <c r="JJ33" s="412">
        <v>0</v>
      </c>
      <c r="JK33" s="102">
        <v>40</v>
      </c>
      <c r="JL33" s="102">
        <v>28</v>
      </c>
      <c r="JM33" s="102">
        <v>39</v>
      </c>
      <c r="JN33" s="102">
        <v>41</v>
      </c>
      <c r="JO33" s="102">
        <v>22</v>
      </c>
      <c r="JP33" s="103">
        <v>170</v>
      </c>
      <c r="JQ33" s="104">
        <v>192</v>
      </c>
      <c r="JR33" s="101">
        <v>1</v>
      </c>
      <c r="JS33" s="102">
        <v>2</v>
      </c>
      <c r="JT33" s="103">
        <v>3</v>
      </c>
      <c r="JU33" s="412">
        <v>0</v>
      </c>
      <c r="JV33" s="102">
        <v>3</v>
      </c>
      <c r="JW33" s="102">
        <v>3</v>
      </c>
      <c r="JX33" s="102">
        <v>1</v>
      </c>
      <c r="JY33" s="102">
        <v>3</v>
      </c>
      <c r="JZ33" s="102">
        <v>0</v>
      </c>
      <c r="KA33" s="103">
        <v>10</v>
      </c>
      <c r="KB33" s="104">
        <v>13</v>
      </c>
      <c r="KC33" s="101">
        <v>63</v>
      </c>
      <c r="KD33" s="102">
        <v>47</v>
      </c>
      <c r="KE33" s="103">
        <v>110</v>
      </c>
      <c r="KF33" s="412">
        <v>0</v>
      </c>
      <c r="KG33" s="102">
        <v>134</v>
      </c>
      <c r="KH33" s="102">
        <v>94</v>
      </c>
      <c r="KI33" s="102">
        <v>93</v>
      </c>
      <c r="KJ33" s="102">
        <v>97</v>
      </c>
      <c r="KK33" s="102">
        <v>53</v>
      </c>
      <c r="KL33" s="103">
        <v>471</v>
      </c>
      <c r="KM33" s="104">
        <v>581</v>
      </c>
    </row>
    <row r="34" spans="2:299" s="70" customFormat="1" ht="21" customHeight="1" x14ac:dyDescent="0.2">
      <c r="B34" s="106" t="s">
        <v>31</v>
      </c>
      <c r="C34" s="96">
        <v>17</v>
      </c>
      <c r="D34" s="97">
        <v>43</v>
      </c>
      <c r="E34" s="98">
        <v>60</v>
      </c>
      <c r="F34" s="412">
        <v>0</v>
      </c>
      <c r="G34" s="97">
        <v>59</v>
      </c>
      <c r="H34" s="97">
        <v>41</v>
      </c>
      <c r="I34" s="97">
        <v>45</v>
      </c>
      <c r="J34" s="97">
        <v>31</v>
      </c>
      <c r="K34" s="97">
        <v>14</v>
      </c>
      <c r="L34" s="99">
        <v>190</v>
      </c>
      <c r="M34" s="100">
        <v>250</v>
      </c>
      <c r="N34" s="101">
        <v>0</v>
      </c>
      <c r="O34" s="102">
        <v>4</v>
      </c>
      <c r="P34" s="103">
        <v>4</v>
      </c>
      <c r="Q34" s="412">
        <v>0</v>
      </c>
      <c r="R34" s="102">
        <v>0</v>
      </c>
      <c r="S34" s="102">
        <v>3</v>
      </c>
      <c r="T34" s="102">
        <v>4</v>
      </c>
      <c r="U34" s="102">
        <v>2</v>
      </c>
      <c r="V34" s="102">
        <v>1</v>
      </c>
      <c r="W34" s="103">
        <v>10</v>
      </c>
      <c r="X34" s="104">
        <v>14</v>
      </c>
      <c r="Y34" s="101">
        <v>1</v>
      </c>
      <c r="Z34" s="102">
        <v>4</v>
      </c>
      <c r="AA34" s="103">
        <v>5</v>
      </c>
      <c r="AB34" s="412">
        <v>0</v>
      </c>
      <c r="AC34" s="102">
        <v>7</v>
      </c>
      <c r="AD34" s="102">
        <v>4</v>
      </c>
      <c r="AE34" s="102">
        <v>8</v>
      </c>
      <c r="AF34" s="102">
        <v>5</v>
      </c>
      <c r="AG34" s="102">
        <v>2</v>
      </c>
      <c r="AH34" s="103">
        <v>26</v>
      </c>
      <c r="AI34" s="104">
        <v>31</v>
      </c>
      <c r="AJ34" s="101">
        <v>2</v>
      </c>
      <c r="AK34" s="102">
        <v>7</v>
      </c>
      <c r="AL34" s="103">
        <v>9</v>
      </c>
      <c r="AM34" s="412">
        <v>0</v>
      </c>
      <c r="AN34" s="102">
        <v>8</v>
      </c>
      <c r="AO34" s="102">
        <v>10</v>
      </c>
      <c r="AP34" s="102">
        <v>7</v>
      </c>
      <c r="AQ34" s="102">
        <v>4</v>
      </c>
      <c r="AR34" s="102">
        <v>5</v>
      </c>
      <c r="AS34" s="103">
        <v>34</v>
      </c>
      <c r="AT34" s="104">
        <v>43</v>
      </c>
      <c r="AU34" s="101">
        <v>3</v>
      </c>
      <c r="AV34" s="102">
        <v>12</v>
      </c>
      <c r="AW34" s="103">
        <v>15</v>
      </c>
      <c r="AX34" s="412">
        <v>0</v>
      </c>
      <c r="AY34" s="102">
        <v>12</v>
      </c>
      <c r="AZ34" s="102">
        <v>8</v>
      </c>
      <c r="BA34" s="102">
        <v>6</v>
      </c>
      <c r="BB34" s="102">
        <v>5</v>
      </c>
      <c r="BC34" s="102">
        <v>0</v>
      </c>
      <c r="BD34" s="103">
        <v>31</v>
      </c>
      <c r="BE34" s="104">
        <v>46</v>
      </c>
      <c r="BF34" s="101">
        <v>6</v>
      </c>
      <c r="BG34" s="102">
        <v>8</v>
      </c>
      <c r="BH34" s="103">
        <v>14</v>
      </c>
      <c r="BI34" s="412">
        <v>0</v>
      </c>
      <c r="BJ34" s="102">
        <v>20</v>
      </c>
      <c r="BK34" s="102">
        <v>11</v>
      </c>
      <c r="BL34" s="102">
        <v>8</v>
      </c>
      <c r="BM34" s="102">
        <v>8</v>
      </c>
      <c r="BN34" s="102">
        <v>3</v>
      </c>
      <c r="BO34" s="103">
        <v>50</v>
      </c>
      <c r="BP34" s="104">
        <v>64</v>
      </c>
      <c r="BQ34" s="101">
        <v>5</v>
      </c>
      <c r="BR34" s="102">
        <v>8</v>
      </c>
      <c r="BS34" s="103">
        <v>13</v>
      </c>
      <c r="BT34" s="412">
        <v>0</v>
      </c>
      <c r="BU34" s="102">
        <v>12</v>
      </c>
      <c r="BV34" s="102">
        <v>5</v>
      </c>
      <c r="BW34" s="102">
        <v>12</v>
      </c>
      <c r="BX34" s="102">
        <v>7</v>
      </c>
      <c r="BY34" s="102">
        <v>3</v>
      </c>
      <c r="BZ34" s="103">
        <v>39</v>
      </c>
      <c r="CA34" s="104">
        <v>52</v>
      </c>
      <c r="CB34" s="101">
        <v>0</v>
      </c>
      <c r="CC34" s="102">
        <v>3</v>
      </c>
      <c r="CD34" s="103">
        <v>3</v>
      </c>
      <c r="CE34" s="412">
        <v>0</v>
      </c>
      <c r="CF34" s="102">
        <v>1</v>
      </c>
      <c r="CG34" s="102">
        <v>1</v>
      </c>
      <c r="CH34" s="102">
        <v>0</v>
      </c>
      <c r="CI34" s="102">
        <v>1</v>
      </c>
      <c r="CJ34" s="102">
        <v>0</v>
      </c>
      <c r="CK34" s="103">
        <v>3</v>
      </c>
      <c r="CL34" s="104">
        <v>6</v>
      </c>
      <c r="CM34" s="101">
        <v>17</v>
      </c>
      <c r="CN34" s="102">
        <v>46</v>
      </c>
      <c r="CO34" s="103">
        <v>63</v>
      </c>
      <c r="CP34" s="412">
        <v>0</v>
      </c>
      <c r="CQ34" s="102">
        <v>60</v>
      </c>
      <c r="CR34" s="102">
        <v>42</v>
      </c>
      <c r="CS34" s="102">
        <v>45</v>
      </c>
      <c r="CT34" s="102">
        <v>32</v>
      </c>
      <c r="CU34" s="102">
        <v>14</v>
      </c>
      <c r="CV34" s="103">
        <v>193</v>
      </c>
      <c r="CW34" s="104">
        <v>256</v>
      </c>
      <c r="CX34" s="105">
        <v>55</v>
      </c>
      <c r="CY34" s="97">
        <v>85</v>
      </c>
      <c r="CZ34" s="98">
        <v>140</v>
      </c>
      <c r="DA34" s="412">
        <v>0</v>
      </c>
      <c r="DB34" s="97">
        <v>112</v>
      </c>
      <c r="DC34" s="97">
        <v>88</v>
      </c>
      <c r="DD34" s="97">
        <v>74</v>
      </c>
      <c r="DE34" s="97">
        <v>58</v>
      </c>
      <c r="DF34" s="97">
        <v>43</v>
      </c>
      <c r="DG34" s="99">
        <v>375</v>
      </c>
      <c r="DH34" s="100">
        <v>515</v>
      </c>
      <c r="DI34" s="101">
        <v>1</v>
      </c>
      <c r="DJ34" s="102">
        <v>0</v>
      </c>
      <c r="DK34" s="103">
        <v>1</v>
      </c>
      <c r="DL34" s="412">
        <v>0</v>
      </c>
      <c r="DM34" s="102">
        <v>1</v>
      </c>
      <c r="DN34" s="102">
        <v>2</v>
      </c>
      <c r="DO34" s="102">
        <v>0</v>
      </c>
      <c r="DP34" s="102">
        <v>1</v>
      </c>
      <c r="DQ34" s="102">
        <v>2</v>
      </c>
      <c r="DR34" s="103">
        <v>6</v>
      </c>
      <c r="DS34" s="104">
        <v>7</v>
      </c>
      <c r="DT34" s="101">
        <v>1</v>
      </c>
      <c r="DU34" s="102">
        <v>4</v>
      </c>
      <c r="DV34" s="103">
        <v>5</v>
      </c>
      <c r="DW34" s="412">
        <v>0</v>
      </c>
      <c r="DX34" s="102">
        <v>10</v>
      </c>
      <c r="DY34" s="102">
        <v>6</v>
      </c>
      <c r="DZ34" s="102">
        <v>6</v>
      </c>
      <c r="EA34" s="102">
        <v>2</v>
      </c>
      <c r="EB34" s="102">
        <v>4</v>
      </c>
      <c r="EC34" s="103">
        <v>28</v>
      </c>
      <c r="ED34" s="104">
        <v>33</v>
      </c>
      <c r="EE34" s="101">
        <v>6</v>
      </c>
      <c r="EF34" s="102">
        <v>6</v>
      </c>
      <c r="EG34" s="103">
        <v>12</v>
      </c>
      <c r="EH34" s="412">
        <v>0</v>
      </c>
      <c r="EI34" s="102">
        <v>14</v>
      </c>
      <c r="EJ34" s="102">
        <v>7</v>
      </c>
      <c r="EK34" s="102">
        <v>5</v>
      </c>
      <c r="EL34" s="102">
        <v>5</v>
      </c>
      <c r="EM34" s="102">
        <v>2</v>
      </c>
      <c r="EN34" s="103">
        <v>33</v>
      </c>
      <c r="EO34" s="104">
        <v>45</v>
      </c>
      <c r="EP34" s="101">
        <v>16</v>
      </c>
      <c r="EQ34" s="102">
        <v>31</v>
      </c>
      <c r="ER34" s="103">
        <v>47</v>
      </c>
      <c r="ES34" s="412">
        <v>0</v>
      </c>
      <c r="ET34" s="102">
        <v>14</v>
      </c>
      <c r="EU34" s="102">
        <v>16</v>
      </c>
      <c r="EV34" s="102">
        <v>14</v>
      </c>
      <c r="EW34" s="102">
        <v>6</v>
      </c>
      <c r="EX34" s="102">
        <v>3</v>
      </c>
      <c r="EY34" s="103">
        <v>53</v>
      </c>
      <c r="EZ34" s="104">
        <v>100</v>
      </c>
      <c r="FA34" s="101">
        <v>21</v>
      </c>
      <c r="FB34" s="102">
        <v>21</v>
      </c>
      <c r="FC34" s="103">
        <v>42</v>
      </c>
      <c r="FD34" s="412">
        <v>0</v>
      </c>
      <c r="FE34" s="102">
        <v>33</v>
      </c>
      <c r="FF34" s="102">
        <v>24</v>
      </c>
      <c r="FG34" s="102">
        <v>23</v>
      </c>
      <c r="FH34" s="102">
        <v>10</v>
      </c>
      <c r="FI34" s="102">
        <v>13</v>
      </c>
      <c r="FJ34" s="103">
        <v>103</v>
      </c>
      <c r="FK34" s="104">
        <v>145</v>
      </c>
      <c r="FL34" s="101">
        <v>10</v>
      </c>
      <c r="FM34" s="102">
        <v>23</v>
      </c>
      <c r="FN34" s="103">
        <v>33</v>
      </c>
      <c r="FO34" s="412">
        <v>0</v>
      </c>
      <c r="FP34" s="102">
        <v>40</v>
      </c>
      <c r="FQ34" s="102">
        <v>33</v>
      </c>
      <c r="FR34" s="102">
        <v>26</v>
      </c>
      <c r="FS34" s="102">
        <v>34</v>
      </c>
      <c r="FT34" s="102">
        <v>19</v>
      </c>
      <c r="FU34" s="103">
        <v>152</v>
      </c>
      <c r="FV34" s="104">
        <v>185</v>
      </c>
      <c r="FW34" s="101">
        <v>0</v>
      </c>
      <c r="FX34" s="102">
        <v>0</v>
      </c>
      <c r="FY34" s="103">
        <v>0</v>
      </c>
      <c r="FZ34" s="412">
        <v>0</v>
      </c>
      <c r="GA34" s="102">
        <v>1</v>
      </c>
      <c r="GB34" s="102">
        <v>0</v>
      </c>
      <c r="GC34" s="102">
        <v>0</v>
      </c>
      <c r="GD34" s="102">
        <v>1</v>
      </c>
      <c r="GE34" s="102">
        <v>2</v>
      </c>
      <c r="GF34" s="103">
        <v>4</v>
      </c>
      <c r="GG34" s="104">
        <v>4</v>
      </c>
      <c r="GH34" s="101">
        <v>55</v>
      </c>
      <c r="GI34" s="102">
        <v>85</v>
      </c>
      <c r="GJ34" s="103">
        <v>140</v>
      </c>
      <c r="GK34" s="412">
        <v>0</v>
      </c>
      <c r="GL34" s="102">
        <v>113</v>
      </c>
      <c r="GM34" s="102">
        <v>88</v>
      </c>
      <c r="GN34" s="102">
        <v>74</v>
      </c>
      <c r="GO34" s="102">
        <v>59</v>
      </c>
      <c r="GP34" s="102">
        <v>45</v>
      </c>
      <c r="GQ34" s="103">
        <v>379</v>
      </c>
      <c r="GR34" s="104">
        <v>519</v>
      </c>
      <c r="GS34" s="105">
        <v>72</v>
      </c>
      <c r="GT34" s="97">
        <v>128</v>
      </c>
      <c r="GU34" s="98">
        <v>200</v>
      </c>
      <c r="GV34" s="412">
        <v>0</v>
      </c>
      <c r="GW34" s="97">
        <v>171</v>
      </c>
      <c r="GX34" s="97">
        <v>129</v>
      </c>
      <c r="GY34" s="97">
        <v>119</v>
      </c>
      <c r="GZ34" s="97">
        <v>89</v>
      </c>
      <c r="HA34" s="97">
        <v>57</v>
      </c>
      <c r="HB34" s="99">
        <v>565</v>
      </c>
      <c r="HC34" s="100">
        <v>765</v>
      </c>
      <c r="HD34" s="101">
        <v>1</v>
      </c>
      <c r="HE34" s="102">
        <v>4</v>
      </c>
      <c r="HF34" s="103">
        <v>5</v>
      </c>
      <c r="HG34" s="415">
        <v>0</v>
      </c>
      <c r="HH34" s="102">
        <v>1</v>
      </c>
      <c r="HI34" s="102">
        <v>5</v>
      </c>
      <c r="HJ34" s="102">
        <v>4</v>
      </c>
      <c r="HK34" s="102">
        <v>3</v>
      </c>
      <c r="HL34" s="102">
        <v>3</v>
      </c>
      <c r="HM34" s="103">
        <v>16</v>
      </c>
      <c r="HN34" s="104">
        <v>21</v>
      </c>
      <c r="HO34" s="101">
        <v>2</v>
      </c>
      <c r="HP34" s="102">
        <v>8</v>
      </c>
      <c r="HQ34" s="103">
        <v>10</v>
      </c>
      <c r="HR34" s="412">
        <v>0</v>
      </c>
      <c r="HS34" s="102">
        <v>17</v>
      </c>
      <c r="HT34" s="102">
        <v>10</v>
      </c>
      <c r="HU34" s="102">
        <v>14</v>
      </c>
      <c r="HV34" s="102">
        <v>7</v>
      </c>
      <c r="HW34" s="102">
        <v>6</v>
      </c>
      <c r="HX34" s="103">
        <v>54</v>
      </c>
      <c r="HY34" s="104">
        <v>64</v>
      </c>
      <c r="HZ34" s="101">
        <v>8</v>
      </c>
      <c r="IA34" s="102">
        <v>13</v>
      </c>
      <c r="IB34" s="103">
        <v>21</v>
      </c>
      <c r="IC34" s="412">
        <v>0</v>
      </c>
      <c r="ID34" s="102">
        <v>22</v>
      </c>
      <c r="IE34" s="102">
        <v>17</v>
      </c>
      <c r="IF34" s="102">
        <v>12</v>
      </c>
      <c r="IG34" s="102">
        <v>9</v>
      </c>
      <c r="IH34" s="102">
        <v>7</v>
      </c>
      <c r="II34" s="103">
        <v>67</v>
      </c>
      <c r="IJ34" s="104">
        <v>88</v>
      </c>
      <c r="IK34" s="101">
        <v>19</v>
      </c>
      <c r="IL34" s="102">
        <v>43</v>
      </c>
      <c r="IM34" s="103">
        <v>62</v>
      </c>
      <c r="IN34" s="412">
        <v>0</v>
      </c>
      <c r="IO34" s="102">
        <v>26</v>
      </c>
      <c r="IP34" s="102">
        <v>24</v>
      </c>
      <c r="IQ34" s="102">
        <v>20</v>
      </c>
      <c r="IR34" s="102">
        <v>11</v>
      </c>
      <c r="IS34" s="102">
        <v>3</v>
      </c>
      <c r="IT34" s="103">
        <v>84</v>
      </c>
      <c r="IU34" s="104">
        <v>146</v>
      </c>
      <c r="IV34" s="101">
        <v>27</v>
      </c>
      <c r="IW34" s="102">
        <v>29</v>
      </c>
      <c r="IX34" s="103">
        <v>56</v>
      </c>
      <c r="IY34" s="412">
        <v>0</v>
      </c>
      <c r="IZ34" s="102">
        <v>53</v>
      </c>
      <c r="JA34" s="102">
        <v>35</v>
      </c>
      <c r="JB34" s="102">
        <v>31</v>
      </c>
      <c r="JC34" s="102">
        <v>18</v>
      </c>
      <c r="JD34" s="102">
        <v>16</v>
      </c>
      <c r="JE34" s="103">
        <v>153</v>
      </c>
      <c r="JF34" s="104">
        <v>209</v>
      </c>
      <c r="JG34" s="101">
        <v>15</v>
      </c>
      <c r="JH34" s="102">
        <v>31</v>
      </c>
      <c r="JI34" s="103">
        <v>46</v>
      </c>
      <c r="JJ34" s="412">
        <v>0</v>
      </c>
      <c r="JK34" s="102">
        <v>52</v>
      </c>
      <c r="JL34" s="102">
        <v>38</v>
      </c>
      <c r="JM34" s="102">
        <v>38</v>
      </c>
      <c r="JN34" s="102">
        <v>41</v>
      </c>
      <c r="JO34" s="102">
        <v>22</v>
      </c>
      <c r="JP34" s="103">
        <v>191</v>
      </c>
      <c r="JQ34" s="104">
        <v>237</v>
      </c>
      <c r="JR34" s="101">
        <v>0</v>
      </c>
      <c r="JS34" s="102">
        <v>3</v>
      </c>
      <c r="JT34" s="103">
        <v>3</v>
      </c>
      <c r="JU34" s="412">
        <v>0</v>
      </c>
      <c r="JV34" s="102">
        <v>2</v>
      </c>
      <c r="JW34" s="102">
        <v>1</v>
      </c>
      <c r="JX34" s="102">
        <v>0</v>
      </c>
      <c r="JY34" s="102">
        <v>2</v>
      </c>
      <c r="JZ34" s="102">
        <v>2</v>
      </c>
      <c r="KA34" s="103">
        <v>7</v>
      </c>
      <c r="KB34" s="104">
        <v>10</v>
      </c>
      <c r="KC34" s="101">
        <v>72</v>
      </c>
      <c r="KD34" s="102">
        <v>131</v>
      </c>
      <c r="KE34" s="103">
        <v>203</v>
      </c>
      <c r="KF34" s="412">
        <v>0</v>
      </c>
      <c r="KG34" s="102">
        <v>173</v>
      </c>
      <c r="KH34" s="102">
        <v>130</v>
      </c>
      <c r="KI34" s="102">
        <v>119</v>
      </c>
      <c r="KJ34" s="102">
        <v>91</v>
      </c>
      <c r="KK34" s="102">
        <v>59</v>
      </c>
      <c r="KL34" s="103">
        <v>572</v>
      </c>
      <c r="KM34" s="104">
        <v>775</v>
      </c>
    </row>
    <row r="35" spans="2:299" s="70" customFormat="1" ht="21" customHeight="1" x14ac:dyDescent="0.2">
      <c r="B35" s="106" t="s">
        <v>32</v>
      </c>
      <c r="C35" s="96">
        <v>25</v>
      </c>
      <c r="D35" s="97">
        <v>32</v>
      </c>
      <c r="E35" s="98">
        <v>57</v>
      </c>
      <c r="F35" s="412">
        <v>0</v>
      </c>
      <c r="G35" s="97">
        <v>81</v>
      </c>
      <c r="H35" s="97">
        <v>55</v>
      </c>
      <c r="I35" s="97">
        <v>31</v>
      </c>
      <c r="J35" s="97">
        <v>36</v>
      </c>
      <c r="K35" s="97">
        <v>33</v>
      </c>
      <c r="L35" s="99">
        <v>236</v>
      </c>
      <c r="M35" s="100">
        <v>293</v>
      </c>
      <c r="N35" s="101">
        <v>4</v>
      </c>
      <c r="O35" s="102">
        <v>0</v>
      </c>
      <c r="P35" s="103">
        <v>4</v>
      </c>
      <c r="Q35" s="412">
        <v>0</v>
      </c>
      <c r="R35" s="102">
        <v>3</v>
      </c>
      <c r="S35" s="102">
        <v>2</v>
      </c>
      <c r="T35" s="102">
        <v>4</v>
      </c>
      <c r="U35" s="102">
        <v>3</v>
      </c>
      <c r="V35" s="102">
        <v>0</v>
      </c>
      <c r="W35" s="103">
        <v>12</v>
      </c>
      <c r="X35" s="104">
        <v>16</v>
      </c>
      <c r="Y35" s="101">
        <v>0</v>
      </c>
      <c r="Z35" s="102">
        <v>2</v>
      </c>
      <c r="AA35" s="103">
        <v>2</v>
      </c>
      <c r="AB35" s="412">
        <v>0</v>
      </c>
      <c r="AC35" s="102">
        <v>8</v>
      </c>
      <c r="AD35" s="102">
        <v>7</v>
      </c>
      <c r="AE35" s="102">
        <v>3</v>
      </c>
      <c r="AF35" s="102">
        <v>5</v>
      </c>
      <c r="AG35" s="102">
        <v>4</v>
      </c>
      <c r="AH35" s="103">
        <v>27</v>
      </c>
      <c r="AI35" s="104">
        <v>29</v>
      </c>
      <c r="AJ35" s="101">
        <v>4</v>
      </c>
      <c r="AK35" s="102">
        <v>1</v>
      </c>
      <c r="AL35" s="103">
        <v>5</v>
      </c>
      <c r="AM35" s="412">
        <v>0</v>
      </c>
      <c r="AN35" s="102">
        <v>12</v>
      </c>
      <c r="AO35" s="102">
        <v>8</v>
      </c>
      <c r="AP35" s="102">
        <v>3</v>
      </c>
      <c r="AQ35" s="102">
        <v>2</v>
      </c>
      <c r="AR35" s="102">
        <v>5</v>
      </c>
      <c r="AS35" s="103">
        <v>30</v>
      </c>
      <c r="AT35" s="104">
        <v>35</v>
      </c>
      <c r="AU35" s="101">
        <v>11</v>
      </c>
      <c r="AV35" s="102">
        <v>13</v>
      </c>
      <c r="AW35" s="103">
        <v>24</v>
      </c>
      <c r="AX35" s="412">
        <v>0</v>
      </c>
      <c r="AY35" s="102">
        <v>22</v>
      </c>
      <c r="AZ35" s="102">
        <v>14</v>
      </c>
      <c r="BA35" s="102">
        <v>9</v>
      </c>
      <c r="BB35" s="102">
        <v>9</v>
      </c>
      <c r="BC35" s="102">
        <v>11</v>
      </c>
      <c r="BD35" s="103">
        <v>65</v>
      </c>
      <c r="BE35" s="104">
        <v>89</v>
      </c>
      <c r="BF35" s="101">
        <v>1</v>
      </c>
      <c r="BG35" s="102">
        <v>11</v>
      </c>
      <c r="BH35" s="103">
        <v>12</v>
      </c>
      <c r="BI35" s="412">
        <v>0</v>
      </c>
      <c r="BJ35" s="102">
        <v>23</v>
      </c>
      <c r="BK35" s="102">
        <v>13</v>
      </c>
      <c r="BL35" s="102">
        <v>10</v>
      </c>
      <c r="BM35" s="102">
        <v>12</v>
      </c>
      <c r="BN35" s="102">
        <v>7</v>
      </c>
      <c r="BO35" s="103">
        <v>65</v>
      </c>
      <c r="BP35" s="104">
        <v>77</v>
      </c>
      <c r="BQ35" s="101">
        <v>5</v>
      </c>
      <c r="BR35" s="102">
        <v>5</v>
      </c>
      <c r="BS35" s="103">
        <v>10</v>
      </c>
      <c r="BT35" s="412">
        <v>0</v>
      </c>
      <c r="BU35" s="102">
        <v>13</v>
      </c>
      <c r="BV35" s="102">
        <v>11</v>
      </c>
      <c r="BW35" s="102">
        <v>2</v>
      </c>
      <c r="BX35" s="102">
        <v>5</v>
      </c>
      <c r="BY35" s="102">
        <v>6</v>
      </c>
      <c r="BZ35" s="103">
        <v>37</v>
      </c>
      <c r="CA35" s="104">
        <v>47</v>
      </c>
      <c r="CB35" s="101">
        <v>0</v>
      </c>
      <c r="CC35" s="102">
        <v>3</v>
      </c>
      <c r="CD35" s="103">
        <v>3</v>
      </c>
      <c r="CE35" s="412">
        <v>0</v>
      </c>
      <c r="CF35" s="102">
        <v>2</v>
      </c>
      <c r="CG35" s="102">
        <v>4</v>
      </c>
      <c r="CH35" s="102">
        <v>0</v>
      </c>
      <c r="CI35" s="102">
        <v>3</v>
      </c>
      <c r="CJ35" s="102">
        <v>5</v>
      </c>
      <c r="CK35" s="103">
        <v>14</v>
      </c>
      <c r="CL35" s="104">
        <v>17</v>
      </c>
      <c r="CM35" s="101">
        <v>25</v>
      </c>
      <c r="CN35" s="102">
        <v>35</v>
      </c>
      <c r="CO35" s="103">
        <v>60</v>
      </c>
      <c r="CP35" s="412">
        <v>0</v>
      </c>
      <c r="CQ35" s="102">
        <v>83</v>
      </c>
      <c r="CR35" s="102">
        <v>59</v>
      </c>
      <c r="CS35" s="102">
        <v>31</v>
      </c>
      <c r="CT35" s="102">
        <v>39</v>
      </c>
      <c r="CU35" s="102">
        <v>38</v>
      </c>
      <c r="CV35" s="103">
        <v>250</v>
      </c>
      <c r="CW35" s="104">
        <v>310</v>
      </c>
      <c r="CX35" s="105">
        <v>55</v>
      </c>
      <c r="CY35" s="97">
        <v>78</v>
      </c>
      <c r="CZ35" s="98">
        <v>133</v>
      </c>
      <c r="DA35" s="412">
        <v>0</v>
      </c>
      <c r="DB35" s="97">
        <v>137</v>
      </c>
      <c r="DC35" s="97">
        <v>84</v>
      </c>
      <c r="DD35" s="97">
        <v>72</v>
      </c>
      <c r="DE35" s="97">
        <v>83</v>
      </c>
      <c r="DF35" s="97">
        <v>47</v>
      </c>
      <c r="DG35" s="99">
        <v>423</v>
      </c>
      <c r="DH35" s="100">
        <v>556</v>
      </c>
      <c r="DI35" s="101">
        <v>1</v>
      </c>
      <c r="DJ35" s="102">
        <v>3</v>
      </c>
      <c r="DK35" s="103">
        <v>4</v>
      </c>
      <c r="DL35" s="412">
        <v>0</v>
      </c>
      <c r="DM35" s="102">
        <v>2</v>
      </c>
      <c r="DN35" s="102">
        <v>4</v>
      </c>
      <c r="DO35" s="102">
        <v>1</v>
      </c>
      <c r="DP35" s="102">
        <v>0</v>
      </c>
      <c r="DQ35" s="102">
        <v>1</v>
      </c>
      <c r="DR35" s="103">
        <v>8</v>
      </c>
      <c r="DS35" s="104">
        <v>12</v>
      </c>
      <c r="DT35" s="101">
        <v>5</v>
      </c>
      <c r="DU35" s="102">
        <v>3</v>
      </c>
      <c r="DV35" s="103">
        <v>8</v>
      </c>
      <c r="DW35" s="412">
        <v>0</v>
      </c>
      <c r="DX35" s="102">
        <v>4</v>
      </c>
      <c r="DY35" s="102">
        <v>4</v>
      </c>
      <c r="DZ35" s="102">
        <v>2</v>
      </c>
      <c r="EA35" s="102">
        <v>4</v>
      </c>
      <c r="EB35" s="102">
        <v>4</v>
      </c>
      <c r="EC35" s="103">
        <v>18</v>
      </c>
      <c r="ED35" s="104">
        <v>26</v>
      </c>
      <c r="EE35" s="101">
        <v>4</v>
      </c>
      <c r="EF35" s="102">
        <v>6</v>
      </c>
      <c r="EG35" s="103">
        <v>10</v>
      </c>
      <c r="EH35" s="412">
        <v>0</v>
      </c>
      <c r="EI35" s="102">
        <v>22</v>
      </c>
      <c r="EJ35" s="102">
        <v>5</v>
      </c>
      <c r="EK35" s="102">
        <v>7</v>
      </c>
      <c r="EL35" s="102">
        <v>4</v>
      </c>
      <c r="EM35" s="102">
        <v>4</v>
      </c>
      <c r="EN35" s="103">
        <v>42</v>
      </c>
      <c r="EO35" s="104">
        <v>52</v>
      </c>
      <c r="EP35" s="101">
        <v>24</v>
      </c>
      <c r="EQ35" s="102">
        <v>22</v>
      </c>
      <c r="ER35" s="103">
        <v>46</v>
      </c>
      <c r="ES35" s="412">
        <v>0</v>
      </c>
      <c r="ET35" s="102">
        <v>35</v>
      </c>
      <c r="EU35" s="102">
        <v>22</v>
      </c>
      <c r="EV35" s="102">
        <v>15</v>
      </c>
      <c r="EW35" s="102">
        <v>16</v>
      </c>
      <c r="EX35" s="102">
        <v>8</v>
      </c>
      <c r="EY35" s="103">
        <v>96</v>
      </c>
      <c r="EZ35" s="104">
        <v>142</v>
      </c>
      <c r="FA35" s="101">
        <v>12</v>
      </c>
      <c r="FB35" s="102">
        <v>19</v>
      </c>
      <c r="FC35" s="103">
        <v>31</v>
      </c>
      <c r="FD35" s="412">
        <v>0</v>
      </c>
      <c r="FE35" s="102">
        <v>33</v>
      </c>
      <c r="FF35" s="102">
        <v>22</v>
      </c>
      <c r="FG35" s="102">
        <v>19</v>
      </c>
      <c r="FH35" s="102">
        <v>21</v>
      </c>
      <c r="FI35" s="102">
        <v>12</v>
      </c>
      <c r="FJ35" s="103">
        <v>107</v>
      </c>
      <c r="FK35" s="104">
        <v>138</v>
      </c>
      <c r="FL35" s="101">
        <v>9</v>
      </c>
      <c r="FM35" s="102">
        <v>25</v>
      </c>
      <c r="FN35" s="103">
        <v>34</v>
      </c>
      <c r="FO35" s="412">
        <v>0</v>
      </c>
      <c r="FP35" s="102">
        <v>41</v>
      </c>
      <c r="FQ35" s="102">
        <v>27</v>
      </c>
      <c r="FR35" s="102">
        <v>28</v>
      </c>
      <c r="FS35" s="102">
        <v>38</v>
      </c>
      <c r="FT35" s="102">
        <v>18</v>
      </c>
      <c r="FU35" s="103">
        <v>152</v>
      </c>
      <c r="FV35" s="104">
        <v>186</v>
      </c>
      <c r="FW35" s="101">
        <v>0</v>
      </c>
      <c r="FX35" s="102">
        <v>2</v>
      </c>
      <c r="FY35" s="103">
        <v>2</v>
      </c>
      <c r="FZ35" s="412">
        <v>0</v>
      </c>
      <c r="GA35" s="102">
        <v>1</v>
      </c>
      <c r="GB35" s="102">
        <v>4</v>
      </c>
      <c r="GC35" s="102">
        <v>0</v>
      </c>
      <c r="GD35" s="102">
        <v>0</v>
      </c>
      <c r="GE35" s="102">
        <v>0</v>
      </c>
      <c r="GF35" s="103">
        <v>5</v>
      </c>
      <c r="GG35" s="104">
        <v>7</v>
      </c>
      <c r="GH35" s="101">
        <v>55</v>
      </c>
      <c r="GI35" s="102">
        <v>80</v>
      </c>
      <c r="GJ35" s="103">
        <v>135</v>
      </c>
      <c r="GK35" s="412">
        <v>0</v>
      </c>
      <c r="GL35" s="102">
        <v>138</v>
      </c>
      <c r="GM35" s="102">
        <v>88</v>
      </c>
      <c r="GN35" s="102">
        <v>72</v>
      </c>
      <c r="GO35" s="102">
        <v>83</v>
      </c>
      <c r="GP35" s="102">
        <v>47</v>
      </c>
      <c r="GQ35" s="103">
        <v>428</v>
      </c>
      <c r="GR35" s="104">
        <v>563</v>
      </c>
      <c r="GS35" s="105">
        <v>80</v>
      </c>
      <c r="GT35" s="97">
        <v>110</v>
      </c>
      <c r="GU35" s="98">
        <v>190</v>
      </c>
      <c r="GV35" s="412">
        <v>0</v>
      </c>
      <c r="GW35" s="97">
        <v>218</v>
      </c>
      <c r="GX35" s="97">
        <v>139</v>
      </c>
      <c r="GY35" s="97">
        <v>103</v>
      </c>
      <c r="GZ35" s="97">
        <v>119</v>
      </c>
      <c r="HA35" s="97">
        <v>80</v>
      </c>
      <c r="HB35" s="99">
        <v>659</v>
      </c>
      <c r="HC35" s="100">
        <v>849</v>
      </c>
      <c r="HD35" s="101">
        <v>5</v>
      </c>
      <c r="HE35" s="102">
        <v>3</v>
      </c>
      <c r="HF35" s="103">
        <v>8</v>
      </c>
      <c r="HG35" s="415">
        <v>0</v>
      </c>
      <c r="HH35" s="102">
        <v>5</v>
      </c>
      <c r="HI35" s="102">
        <v>6</v>
      </c>
      <c r="HJ35" s="102">
        <v>5</v>
      </c>
      <c r="HK35" s="102">
        <v>3</v>
      </c>
      <c r="HL35" s="102">
        <v>1</v>
      </c>
      <c r="HM35" s="103">
        <v>20</v>
      </c>
      <c r="HN35" s="104">
        <v>28</v>
      </c>
      <c r="HO35" s="101">
        <v>5</v>
      </c>
      <c r="HP35" s="102">
        <v>5</v>
      </c>
      <c r="HQ35" s="103">
        <v>10</v>
      </c>
      <c r="HR35" s="412">
        <v>0</v>
      </c>
      <c r="HS35" s="102">
        <v>12</v>
      </c>
      <c r="HT35" s="102">
        <v>11</v>
      </c>
      <c r="HU35" s="102">
        <v>5</v>
      </c>
      <c r="HV35" s="102">
        <v>9</v>
      </c>
      <c r="HW35" s="102">
        <v>8</v>
      </c>
      <c r="HX35" s="103">
        <v>45</v>
      </c>
      <c r="HY35" s="104">
        <v>55</v>
      </c>
      <c r="HZ35" s="101">
        <v>8</v>
      </c>
      <c r="IA35" s="102">
        <v>7</v>
      </c>
      <c r="IB35" s="103">
        <v>15</v>
      </c>
      <c r="IC35" s="412">
        <v>0</v>
      </c>
      <c r="ID35" s="102">
        <v>34</v>
      </c>
      <c r="IE35" s="102">
        <v>13</v>
      </c>
      <c r="IF35" s="102">
        <v>10</v>
      </c>
      <c r="IG35" s="102">
        <v>6</v>
      </c>
      <c r="IH35" s="102">
        <v>9</v>
      </c>
      <c r="II35" s="103">
        <v>72</v>
      </c>
      <c r="IJ35" s="104">
        <v>87</v>
      </c>
      <c r="IK35" s="101">
        <v>35</v>
      </c>
      <c r="IL35" s="102">
        <v>35</v>
      </c>
      <c r="IM35" s="103">
        <v>70</v>
      </c>
      <c r="IN35" s="412">
        <v>0</v>
      </c>
      <c r="IO35" s="102">
        <v>57</v>
      </c>
      <c r="IP35" s="102">
        <v>36</v>
      </c>
      <c r="IQ35" s="102">
        <v>24</v>
      </c>
      <c r="IR35" s="102">
        <v>25</v>
      </c>
      <c r="IS35" s="102">
        <v>19</v>
      </c>
      <c r="IT35" s="103">
        <v>161</v>
      </c>
      <c r="IU35" s="104">
        <v>231</v>
      </c>
      <c r="IV35" s="101">
        <v>13</v>
      </c>
      <c r="IW35" s="102">
        <v>30</v>
      </c>
      <c r="IX35" s="103">
        <v>43</v>
      </c>
      <c r="IY35" s="412">
        <v>0</v>
      </c>
      <c r="IZ35" s="102">
        <v>56</v>
      </c>
      <c r="JA35" s="102">
        <v>35</v>
      </c>
      <c r="JB35" s="102">
        <v>29</v>
      </c>
      <c r="JC35" s="102">
        <v>33</v>
      </c>
      <c r="JD35" s="102">
        <v>19</v>
      </c>
      <c r="JE35" s="103">
        <v>172</v>
      </c>
      <c r="JF35" s="104">
        <v>215</v>
      </c>
      <c r="JG35" s="101">
        <v>14</v>
      </c>
      <c r="JH35" s="102">
        <v>30</v>
      </c>
      <c r="JI35" s="103">
        <v>44</v>
      </c>
      <c r="JJ35" s="412">
        <v>0</v>
      </c>
      <c r="JK35" s="102">
        <v>54</v>
      </c>
      <c r="JL35" s="102">
        <v>38</v>
      </c>
      <c r="JM35" s="102">
        <v>30</v>
      </c>
      <c r="JN35" s="102">
        <v>43</v>
      </c>
      <c r="JO35" s="102">
        <v>24</v>
      </c>
      <c r="JP35" s="103">
        <v>189</v>
      </c>
      <c r="JQ35" s="104">
        <v>233</v>
      </c>
      <c r="JR35" s="101">
        <v>0</v>
      </c>
      <c r="JS35" s="102">
        <v>5</v>
      </c>
      <c r="JT35" s="103">
        <v>5</v>
      </c>
      <c r="JU35" s="412">
        <v>0</v>
      </c>
      <c r="JV35" s="102">
        <v>3</v>
      </c>
      <c r="JW35" s="102">
        <v>8</v>
      </c>
      <c r="JX35" s="102">
        <v>0</v>
      </c>
      <c r="JY35" s="102">
        <v>3</v>
      </c>
      <c r="JZ35" s="102">
        <v>5</v>
      </c>
      <c r="KA35" s="103">
        <v>19</v>
      </c>
      <c r="KB35" s="104">
        <v>24</v>
      </c>
      <c r="KC35" s="101">
        <v>80</v>
      </c>
      <c r="KD35" s="102">
        <v>115</v>
      </c>
      <c r="KE35" s="103">
        <v>195</v>
      </c>
      <c r="KF35" s="412">
        <v>0</v>
      </c>
      <c r="KG35" s="102">
        <v>221</v>
      </c>
      <c r="KH35" s="102">
        <v>147</v>
      </c>
      <c r="KI35" s="102">
        <v>103</v>
      </c>
      <c r="KJ35" s="102">
        <v>122</v>
      </c>
      <c r="KK35" s="102">
        <v>85</v>
      </c>
      <c r="KL35" s="103">
        <v>678</v>
      </c>
      <c r="KM35" s="104">
        <v>873</v>
      </c>
    </row>
    <row r="36" spans="2:299" s="70" customFormat="1" ht="21" customHeight="1" x14ac:dyDescent="0.2">
      <c r="B36" s="106" t="s">
        <v>33</v>
      </c>
      <c r="C36" s="96">
        <v>26</v>
      </c>
      <c r="D36" s="97">
        <v>33</v>
      </c>
      <c r="E36" s="98">
        <v>59</v>
      </c>
      <c r="F36" s="412">
        <v>0</v>
      </c>
      <c r="G36" s="97">
        <v>60</v>
      </c>
      <c r="H36" s="97">
        <v>39</v>
      </c>
      <c r="I36" s="97">
        <v>49</v>
      </c>
      <c r="J36" s="97">
        <v>25</v>
      </c>
      <c r="K36" s="97">
        <v>20</v>
      </c>
      <c r="L36" s="99">
        <v>193</v>
      </c>
      <c r="M36" s="100">
        <v>252</v>
      </c>
      <c r="N36" s="101">
        <v>2</v>
      </c>
      <c r="O36" s="102">
        <v>0</v>
      </c>
      <c r="P36" s="103">
        <v>2</v>
      </c>
      <c r="Q36" s="412">
        <v>0</v>
      </c>
      <c r="R36" s="102">
        <v>4</v>
      </c>
      <c r="S36" s="102">
        <v>2</v>
      </c>
      <c r="T36" s="102">
        <v>4</v>
      </c>
      <c r="U36" s="102">
        <v>1</v>
      </c>
      <c r="V36" s="102">
        <v>0</v>
      </c>
      <c r="W36" s="103">
        <v>11</v>
      </c>
      <c r="X36" s="104">
        <v>13</v>
      </c>
      <c r="Y36" s="101">
        <v>1</v>
      </c>
      <c r="Z36" s="102">
        <v>5</v>
      </c>
      <c r="AA36" s="103">
        <v>6</v>
      </c>
      <c r="AB36" s="412">
        <v>0</v>
      </c>
      <c r="AC36" s="102">
        <v>7</v>
      </c>
      <c r="AD36" s="102">
        <v>5</v>
      </c>
      <c r="AE36" s="102">
        <v>8</v>
      </c>
      <c r="AF36" s="102">
        <v>5</v>
      </c>
      <c r="AG36" s="102">
        <v>2</v>
      </c>
      <c r="AH36" s="103">
        <v>27</v>
      </c>
      <c r="AI36" s="104">
        <v>33</v>
      </c>
      <c r="AJ36" s="101">
        <v>5</v>
      </c>
      <c r="AK36" s="102">
        <v>4</v>
      </c>
      <c r="AL36" s="103">
        <v>9</v>
      </c>
      <c r="AM36" s="412">
        <v>0</v>
      </c>
      <c r="AN36" s="102">
        <v>10</v>
      </c>
      <c r="AO36" s="102">
        <v>8</v>
      </c>
      <c r="AP36" s="102">
        <v>10</v>
      </c>
      <c r="AQ36" s="102">
        <v>4</v>
      </c>
      <c r="AR36" s="102">
        <v>4</v>
      </c>
      <c r="AS36" s="103">
        <v>36</v>
      </c>
      <c r="AT36" s="104">
        <v>45</v>
      </c>
      <c r="AU36" s="101">
        <v>11</v>
      </c>
      <c r="AV36" s="102">
        <v>11</v>
      </c>
      <c r="AW36" s="103">
        <v>22</v>
      </c>
      <c r="AX36" s="412">
        <v>0</v>
      </c>
      <c r="AY36" s="102">
        <v>19</v>
      </c>
      <c r="AZ36" s="102">
        <v>7</v>
      </c>
      <c r="BA36" s="102">
        <v>11</v>
      </c>
      <c r="BB36" s="102">
        <v>8</v>
      </c>
      <c r="BC36" s="102">
        <v>6</v>
      </c>
      <c r="BD36" s="103">
        <v>51</v>
      </c>
      <c r="BE36" s="104">
        <v>73</v>
      </c>
      <c r="BF36" s="101">
        <v>3</v>
      </c>
      <c r="BG36" s="102">
        <v>9</v>
      </c>
      <c r="BH36" s="103">
        <v>12</v>
      </c>
      <c r="BI36" s="412">
        <v>0</v>
      </c>
      <c r="BJ36" s="102">
        <v>11</v>
      </c>
      <c r="BK36" s="102">
        <v>8</v>
      </c>
      <c r="BL36" s="102">
        <v>9</v>
      </c>
      <c r="BM36" s="102">
        <v>4</v>
      </c>
      <c r="BN36" s="102">
        <v>5</v>
      </c>
      <c r="BO36" s="103">
        <v>37</v>
      </c>
      <c r="BP36" s="104">
        <v>49</v>
      </c>
      <c r="BQ36" s="101">
        <v>4</v>
      </c>
      <c r="BR36" s="102">
        <v>4</v>
      </c>
      <c r="BS36" s="103">
        <v>8</v>
      </c>
      <c r="BT36" s="412">
        <v>0</v>
      </c>
      <c r="BU36" s="102">
        <v>9</v>
      </c>
      <c r="BV36" s="102">
        <v>9</v>
      </c>
      <c r="BW36" s="102">
        <v>7</v>
      </c>
      <c r="BX36" s="102">
        <v>3</v>
      </c>
      <c r="BY36" s="102">
        <v>3</v>
      </c>
      <c r="BZ36" s="103">
        <v>31</v>
      </c>
      <c r="CA36" s="104">
        <v>39</v>
      </c>
      <c r="CB36" s="101">
        <v>1</v>
      </c>
      <c r="CC36" s="102">
        <v>0</v>
      </c>
      <c r="CD36" s="103">
        <v>1</v>
      </c>
      <c r="CE36" s="412">
        <v>0</v>
      </c>
      <c r="CF36" s="102">
        <v>1</v>
      </c>
      <c r="CG36" s="102">
        <v>1</v>
      </c>
      <c r="CH36" s="102">
        <v>0</v>
      </c>
      <c r="CI36" s="102">
        <v>0</v>
      </c>
      <c r="CJ36" s="102">
        <v>0</v>
      </c>
      <c r="CK36" s="103">
        <v>2</v>
      </c>
      <c r="CL36" s="104">
        <v>3</v>
      </c>
      <c r="CM36" s="101">
        <v>27</v>
      </c>
      <c r="CN36" s="102">
        <v>33</v>
      </c>
      <c r="CO36" s="103">
        <v>60</v>
      </c>
      <c r="CP36" s="412">
        <v>0</v>
      </c>
      <c r="CQ36" s="102">
        <v>61</v>
      </c>
      <c r="CR36" s="102">
        <v>40</v>
      </c>
      <c r="CS36" s="102">
        <v>49</v>
      </c>
      <c r="CT36" s="102">
        <v>25</v>
      </c>
      <c r="CU36" s="102">
        <v>20</v>
      </c>
      <c r="CV36" s="103">
        <v>195</v>
      </c>
      <c r="CW36" s="104">
        <v>255</v>
      </c>
      <c r="CX36" s="105">
        <v>40</v>
      </c>
      <c r="CY36" s="97">
        <v>60</v>
      </c>
      <c r="CZ36" s="98">
        <v>100</v>
      </c>
      <c r="DA36" s="412">
        <v>0</v>
      </c>
      <c r="DB36" s="97">
        <v>142</v>
      </c>
      <c r="DC36" s="97">
        <v>79</v>
      </c>
      <c r="DD36" s="97">
        <v>82</v>
      </c>
      <c r="DE36" s="97">
        <v>77</v>
      </c>
      <c r="DF36" s="97">
        <v>61</v>
      </c>
      <c r="DG36" s="99">
        <v>441</v>
      </c>
      <c r="DH36" s="100">
        <v>541</v>
      </c>
      <c r="DI36" s="101">
        <v>0</v>
      </c>
      <c r="DJ36" s="102">
        <v>1</v>
      </c>
      <c r="DK36" s="103">
        <v>1</v>
      </c>
      <c r="DL36" s="412">
        <v>0</v>
      </c>
      <c r="DM36" s="102">
        <v>3</v>
      </c>
      <c r="DN36" s="102">
        <v>0</v>
      </c>
      <c r="DO36" s="102">
        <v>1</v>
      </c>
      <c r="DP36" s="102">
        <v>2</v>
      </c>
      <c r="DQ36" s="102">
        <v>2</v>
      </c>
      <c r="DR36" s="103">
        <v>8</v>
      </c>
      <c r="DS36" s="104">
        <v>9</v>
      </c>
      <c r="DT36" s="101">
        <v>4</v>
      </c>
      <c r="DU36" s="102">
        <v>6</v>
      </c>
      <c r="DV36" s="103">
        <v>10</v>
      </c>
      <c r="DW36" s="412">
        <v>0</v>
      </c>
      <c r="DX36" s="102">
        <v>3</v>
      </c>
      <c r="DY36" s="102">
        <v>3</v>
      </c>
      <c r="DZ36" s="102">
        <v>1</v>
      </c>
      <c r="EA36" s="102">
        <v>3</v>
      </c>
      <c r="EB36" s="102">
        <v>1</v>
      </c>
      <c r="EC36" s="103">
        <v>11</v>
      </c>
      <c r="ED36" s="104">
        <v>21</v>
      </c>
      <c r="EE36" s="101">
        <v>5</v>
      </c>
      <c r="EF36" s="102">
        <v>8</v>
      </c>
      <c r="EG36" s="103">
        <v>13</v>
      </c>
      <c r="EH36" s="412">
        <v>0</v>
      </c>
      <c r="EI36" s="102">
        <v>11</v>
      </c>
      <c r="EJ36" s="102">
        <v>7</v>
      </c>
      <c r="EK36" s="102">
        <v>8</v>
      </c>
      <c r="EL36" s="102">
        <v>9</v>
      </c>
      <c r="EM36" s="102">
        <v>6</v>
      </c>
      <c r="EN36" s="103">
        <v>41</v>
      </c>
      <c r="EO36" s="104">
        <v>54</v>
      </c>
      <c r="EP36" s="101">
        <v>7</v>
      </c>
      <c r="EQ36" s="102">
        <v>15</v>
      </c>
      <c r="ER36" s="103">
        <v>22</v>
      </c>
      <c r="ES36" s="412">
        <v>0</v>
      </c>
      <c r="ET36" s="102">
        <v>32</v>
      </c>
      <c r="EU36" s="102">
        <v>14</v>
      </c>
      <c r="EV36" s="102">
        <v>15</v>
      </c>
      <c r="EW36" s="102">
        <v>13</v>
      </c>
      <c r="EX36" s="102">
        <v>11</v>
      </c>
      <c r="EY36" s="103">
        <v>85</v>
      </c>
      <c r="EZ36" s="104">
        <v>107</v>
      </c>
      <c r="FA36" s="101">
        <v>17</v>
      </c>
      <c r="FB36" s="102">
        <v>15</v>
      </c>
      <c r="FC36" s="103">
        <v>32</v>
      </c>
      <c r="FD36" s="412">
        <v>0</v>
      </c>
      <c r="FE36" s="102">
        <v>48</v>
      </c>
      <c r="FF36" s="102">
        <v>20</v>
      </c>
      <c r="FG36" s="102">
        <v>21</v>
      </c>
      <c r="FH36" s="102">
        <v>18</v>
      </c>
      <c r="FI36" s="102">
        <v>14</v>
      </c>
      <c r="FJ36" s="103">
        <v>121</v>
      </c>
      <c r="FK36" s="104">
        <v>153</v>
      </c>
      <c r="FL36" s="101">
        <v>7</v>
      </c>
      <c r="FM36" s="102">
        <v>15</v>
      </c>
      <c r="FN36" s="103">
        <v>22</v>
      </c>
      <c r="FO36" s="412">
        <v>0</v>
      </c>
      <c r="FP36" s="102">
        <v>45</v>
      </c>
      <c r="FQ36" s="102">
        <v>35</v>
      </c>
      <c r="FR36" s="102">
        <v>36</v>
      </c>
      <c r="FS36" s="102">
        <v>32</v>
      </c>
      <c r="FT36" s="102">
        <v>27</v>
      </c>
      <c r="FU36" s="103">
        <v>175</v>
      </c>
      <c r="FV36" s="104">
        <v>197</v>
      </c>
      <c r="FW36" s="101">
        <v>0</v>
      </c>
      <c r="FX36" s="102">
        <v>0</v>
      </c>
      <c r="FY36" s="103">
        <v>0</v>
      </c>
      <c r="FZ36" s="412">
        <v>0</v>
      </c>
      <c r="GA36" s="102">
        <v>1</v>
      </c>
      <c r="GB36" s="102">
        <v>0</v>
      </c>
      <c r="GC36" s="102">
        <v>0</v>
      </c>
      <c r="GD36" s="102">
        <v>1</v>
      </c>
      <c r="GE36" s="102">
        <v>1</v>
      </c>
      <c r="GF36" s="103">
        <v>3</v>
      </c>
      <c r="GG36" s="104">
        <v>3</v>
      </c>
      <c r="GH36" s="101">
        <v>40</v>
      </c>
      <c r="GI36" s="102">
        <v>60</v>
      </c>
      <c r="GJ36" s="103">
        <v>100</v>
      </c>
      <c r="GK36" s="412">
        <v>0</v>
      </c>
      <c r="GL36" s="102">
        <v>143</v>
      </c>
      <c r="GM36" s="102">
        <v>79</v>
      </c>
      <c r="GN36" s="102">
        <v>82</v>
      </c>
      <c r="GO36" s="102">
        <v>78</v>
      </c>
      <c r="GP36" s="102">
        <v>62</v>
      </c>
      <c r="GQ36" s="103">
        <v>444</v>
      </c>
      <c r="GR36" s="104">
        <v>544</v>
      </c>
      <c r="GS36" s="105">
        <v>66</v>
      </c>
      <c r="GT36" s="97">
        <v>93</v>
      </c>
      <c r="GU36" s="98">
        <v>159</v>
      </c>
      <c r="GV36" s="412">
        <v>0</v>
      </c>
      <c r="GW36" s="97">
        <v>202</v>
      </c>
      <c r="GX36" s="97">
        <v>118</v>
      </c>
      <c r="GY36" s="97">
        <v>131</v>
      </c>
      <c r="GZ36" s="97">
        <v>102</v>
      </c>
      <c r="HA36" s="97">
        <v>81</v>
      </c>
      <c r="HB36" s="99">
        <v>634</v>
      </c>
      <c r="HC36" s="100">
        <v>793</v>
      </c>
      <c r="HD36" s="101">
        <v>2</v>
      </c>
      <c r="HE36" s="102">
        <v>1</v>
      </c>
      <c r="HF36" s="103">
        <v>3</v>
      </c>
      <c r="HG36" s="415">
        <v>0</v>
      </c>
      <c r="HH36" s="102">
        <v>7</v>
      </c>
      <c r="HI36" s="102">
        <v>2</v>
      </c>
      <c r="HJ36" s="102">
        <v>5</v>
      </c>
      <c r="HK36" s="102">
        <v>3</v>
      </c>
      <c r="HL36" s="102">
        <v>2</v>
      </c>
      <c r="HM36" s="103">
        <v>19</v>
      </c>
      <c r="HN36" s="104">
        <v>22</v>
      </c>
      <c r="HO36" s="101">
        <v>5</v>
      </c>
      <c r="HP36" s="102">
        <v>11</v>
      </c>
      <c r="HQ36" s="103">
        <v>16</v>
      </c>
      <c r="HR36" s="412">
        <v>0</v>
      </c>
      <c r="HS36" s="102">
        <v>10</v>
      </c>
      <c r="HT36" s="102">
        <v>8</v>
      </c>
      <c r="HU36" s="102">
        <v>9</v>
      </c>
      <c r="HV36" s="102">
        <v>8</v>
      </c>
      <c r="HW36" s="102">
        <v>3</v>
      </c>
      <c r="HX36" s="103">
        <v>38</v>
      </c>
      <c r="HY36" s="104">
        <v>54</v>
      </c>
      <c r="HZ36" s="101">
        <v>10</v>
      </c>
      <c r="IA36" s="102">
        <v>12</v>
      </c>
      <c r="IB36" s="103">
        <v>22</v>
      </c>
      <c r="IC36" s="412">
        <v>0</v>
      </c>
      <c r="ID36" s="102">
        <v>21</v>
      </c>
      <c r="IE36" s="102">
        <v>15</v>
      </c>
      <c r="IF36" s="102">
        <v>18</v>
      </c>
      <c r="IG36" s="102">
        <v>13</v>
      </c>
      <c r="IH36" s="102">
        <v>10</v>
      </c>
      <c r="II36" s="103">
        <v>77</v>
      </c>
      <c r="IJ36" s="104">
        <v>99</v>
      </c>
      <c r="IK36" s="101">
        <v>18</v>
      </c>
      <c r="IL36" s="102">
        <v>26</v>
      </c>
      <c r="IM36" s="103">
        <v>44</v>
      </c>
      <c r="IN36" s="412">
        <v>0</v>
      </c>
      <c r="IO36" s="102">
        <v>51</v>
      </c>
      <c r="IP36" s="102">
        <v>21</v>
      </c>
      <c r="IQ36" s="102">
        <v>26</v>
      </c>
      <c r="IR36" s="102">
        <v>21</v>
      </c>
      <c r="IS36" s="102">
        <v>17</v>
      </c>
      <c r="IT36" s="103">
        <v>136</v>
      </c>
      <c r="IU36" s="104">
        <v>180</v>
      </c>
      <c r="IV36" s="101">
        <v>20</v>
      </c>
      <c r="IW36" s="102">
        <v>24</v>
      </c>
      <c r="IX36" s="103">
        <v>44</v>
      </c>
      <c r="IY36" s="412">
        <v>0</v>
      </c>
      <c r="IZ36" s="102">
        <v>59</v>
      </c>
      <c r="JA36" s="102">
        <v>28</v>
      </c>
      <c r="JB36" s="102">
        <v>30</v>
      </c>
      <c r="JC36" s="102">
        <v>22</v>
      </c>
      <c r="JD36" s="102">
        <v>19</v>
      </c>
      <c r="JE36" s="103">
        <v>158</v>
      </c>
      <c r="JF36" s="104">
        <v>202</v>
      </c>
      <c r="JG36" s="101">
        <v>11</v>
      </c>
      <c r="JH36" s="102">
        <v>19</v>
      </c>
      <c r="JI36" s="103">
        <v>30</v>
      </c>
      <c r="JJ36" s="412">
        <v>0</v>
      </c>
      <c r="JK36" s="102">
        <v>54</v>
      </c>
      <c r="JL36" s="102">
        <v>44</v>
      </c>
      <c r="JM36" s="102">
        <v>43</v>
      </c>
      <c r="JN36" s="102">
        <v>35</v>
      </c>
      <c r="JO36" s="102">
        <v>30</v>
      </c>
      <c r="JP36" s="103">
        <v>206</v>
      </c>
      <c r="JQ36" s="104">
        <v>236</v>
      </c>
      <c r="JR36" s="101">
        <v>1</v>
      </c>
      <c r="JS36" s="102">
        <v>0</v>
      </c>
      <c r="JT36" s="103">
        <v>1</v>
      </c>
      <c r="JU36" s="412">
        <v>0</v>
      </c>
      <c r="JV36" s="102">
        <v>2</v>
      </c>
      <c r="JW36" s="102">
        <v>1</v>
      </c>
      <c r="JX36" s="102">
        <v>0</v>
      </c>
      <c r="JY36" s="102">
        <v>1</v>
      </c>
      <c r="JZ36" s="102">
        <v>1</v>
      </c>
      <c r="KA36" s="103">
        <v>5</v>
      </c>
      <c r="KB36" s="104">
        <v>6</v>
      </c>
      <c r="KC36" s="101">
        <v>67</v>
      </c>
      <c r="KD36" s="102">
        <v>93</v>
      </c>
      <c r="KE36" s="103">
        <v>160</v>
      </c>
      <c r="KF36" s="412">
        <v>0</v>
      </c>
      <c r="KG36" s="102">
        <v>204</v>
      </c>
      <c r="KH36" s="102">
        <v>119</v>
      </c>
      <c r="KI36" s="102">
        <v>131</v>
      </c>
      <c r="KJ36" s="102">
        <v>103</v>
      </c>
      <c r="KK36" s="102">
        <v>82</v>
      </c>
      <c r="KL36" s="103">
        <v>639</v>
      </c>
      <c r="KM36" s="104">
        <v>799</v>
      </c>
    </row>
    <row r="37" spans="2:299" s="70" customFormat="1" ht="21" customHeight="1" x14ac:dyDescent="0.2">
      <c r="B37" s="106" t="s">
        <v>34</v>
      </c>
      <c r="C37" s="96">
        <v>17</v>
      </c>
      <c r="D37" s="97">
        <v>18</v>
      </c>
      <c r="E37" s="98">
        <v>35</v>
      </c>
      <c r="F37" s="412">
        <v>0</v>
      </c>
      <c r="G37" s="97">
        <v>48</v>
      </c>
      <c r="H37" s="97">
        <v>38</v>
      </c>
      <c r="I37" s="97">
        <v>15</v>
      </c>
      <c r="J37" s="97">
        <v>24</v>
      </c>
      <c r="K37" s="97">
        <v>12</v>
      </c>
      <c r="L37" s="99">
        <v>137</v>
      </c>
      <c r="M37" s="100">
        <v>172</v>
      </c>
      <c r="N37" s="101">
        <v>0</v>
      </c>
      <c r="O37" s="102">
        <v>1</v>
      </c>
      <c r="P37" s="103">
        <v>1</v>
      </c>
      <c r="Q37" s="412">
        <v>0</v>
      </c>
      <c r="R37" s="102">
        <v>3</v>
      </c>
      <c r="S37" s="102">
        <v>0</v>
      </c>
      <c r="T37" s="102">
        <v>2</v>
      </c>
      <c r="U37" s="102">
        <v>1</v>
      </c>
      <c r="V37" s="102">
        <v>1</v>
      </c>
      <c r="W37" s="103">
        <v>7</v>
      </c>
      <c r="X37" s="104">
        <v>8</v>
      </c>
      <c r="Y37" s="101">
        <v>2</v>
      </c>
      <c r="Z37" s="102">
        <v>3</v>
      </c>
      <c r="AA37" s="103">
        <v>5</v>
      </c>
      <c r="AB37" s="412">
        <v>0</v>
      </c>
      <c r="AC37" s="102">
        <v>5</v>
      </c>
      <c r="AD37" s="102">
        <v>2</v>
      </c>
      <c r="AE37" s="102">
        <v>1</v>
      </c>
      <c r="AF37" s="102">
        <v>0</v>
      </c>
      <c r="AG37" s="102">
        <v>0</v>
      </c>
      <c r="AH37" s="103">
        <v>8</v>
      </c>
      <c r="AI37" s="104">
        <v>13</v>
      </c>
      <c r="AJ37" s="101">
        <v>3</v>
      </c>
      <c r="AK37" s="102">
        <v>2</v>
      </c>
      <c r="AL37" s="103">
        <v>5</v>
      </c>
      <c r="AM37" s="412">
        <v>0</v>
      </c>
      <c r="AN37" s="102">
        <v>3</v>
      </c>
      <c r="AO37" s="102">
        <v>6</v>
      </c>
      <c r="AP37" s="102">
        <v>1</v>
      </c>
      <c r="AQ37" s="102">
        <v>7</v>
      </c>
      <c r="AR37" s="102">
        <v>3</v>
      </c>
      <c r="AS37" s="103">
        <v>20</v>
      </c>
      <c r="AT37" s="104">
        <v>25</v>
      </c>
      <c r="AU37" s="101">
        <v>6</v>
      </c>
      <c r="AV37" s="102">
        <v>6</v>
      </c>
      <c r="AW37" s="103">
        <v>12</v>
      </c>
      <c r="AX37" s="412">
        <v>0</v>
      </c>
      <c r="AY37" s="102">
        <v>15</v>
      </c>
      <c r="AZ37" s="102">
        <v>11</v>
      </c>
      <c r="BA37" s="102">
        <v>2</v>
      </c>
      <c r="BB37" s="102">
        <v>6</v>
      </c>
      <c r="BC37" s="102">
        <v>5</v>
      </c>
      <c r="BD37" s="103">
        <v>39</v>
      </c>
      <c r="BE37" s="104">
        <v>51</v>
      </c>
      <c r="BF37" s="101">
        <v>4</v>
      </c>
      <c r="BG37" s="102">
        <v>4</v>
      </c>
      <c r="BH37" s="103">
        <v>8</v>
      </c>
      <c r="BI37" s="412">
        <v>0</v>
      </c>
      <c r="BJ37" s="102">
        <v>10</v>
      </c>
      <c r="BK37" s="102">
        <v>10</v>
      </c>
      <c r="BL37" s="102">
        <v>5</v>
      </c>
      <c r="BM37" s="102">
        <v>7</v>
      </c>
      <c r="BN37" s="102">
        <v>2</v>
      </c>
      <c r="BO37" s="103">
        <v>34</v>
      </c>
      <c r="BP37" s="104">
        <v>42</v>
      </c>
      <c r="BQ37" s="101">
        <v>2</v>
      </c>
      <c r="BR37" s="102">
        <v>2</v>
      </c>
      <c r="BS37" s="103">
        <v>4</v>
      </c>
      <c r="BT37" s="412">
        <v>0</v>
      </c>
      <c r="BU37" s="102">
        <v>12</v>
      </c>
      <c r="BV37" s="102">
        <v>9</v>
      </c>
      <c r="BW37" s="102">
        <v>4</v>
      </c>
      <c r="BX37" s="102">
        <v>3</v>
      </c>
      <c r="BY37" s="102">
        <v>1</v>
      </c>
      <c r="BZ37" s="103">
        <v>29</v>
      </c>
      <c r="CA37" s="104">
        <v>33</v>
      </c>
      <c r="CB37" s="101">
        <v>0</v>
      </c>
      <c r="CC37" s="102">
        <v>0</v>
      </c>
      <c r="CD37" s="103">
        <v>0</v>
      </c>
      <c r="CE37" s="412">
        <v>0</v>
      </c>
      <c r="CF37" s="102">
        <v>2</v>
      </c>
      <c r="CG37" s="102">
        <v>2</v>
      </c>
      <c r="CH37" s="102">
        <v>0</v>
      </c>
      <c r="CI37" s="102">
        <v>1</v>
      </c>
      <c r="CJ37" s="102">
        <v>1</v>
      </c>
      <c r="CK37" s="103">
        <v>6</v>
      </c>
      <c r="CL37" s="104">
        <v>6</v>
      </c>
      <c r="CM37" s="101">
        <v>17</v>
      </c>
      <c r="CN37" s="102">
        <v>18</v>
      </c>
      <c r="CO37" s="103">
        <v>35</v>
      </c>
      <c r="CP37" s="412">
        <v>0</v>
      </c>
      <c r="CQ37" s="102">
        <v>50</v>
      </c>
      <c r="CR37" s="102">
        <v>40</v>
      </c>
      <c r="CS37" s="102">
        <v>15</v>
      </c>
      <c r="CT37" s="102">
        <v>25</v>
      </c>
      <c r="CU37" s="102">
        <v>13</v>
      </c>
      <c r="CV37" s="103">
        <v>143</v>
      </c>
      <c r="CW37" s="104">
        <v>178</v>
      </c>
      <c r="CX37" s="105">
        <v>43</v>
      </c>
      <c r="CY37" s="97">
        <v>44</v>
      </c>
      <c r="CZ37" s="98">
        <v>87</v>
      </c>
      <c r="DA37" s="412">
        <v>0</v>
      </c>
      <c r="DB37" s="97">
        <v>109</v>
      </c>
      <c r="DC37" s="97">
        <v>51</v>
      </c>
      <c r="DD37" s="97">
        <v>40</v>
      </c>
      <c r="DE37" s="97">
        <v>47</v>
      </c>
      <c r="DF37" s="97">
        <v>25</v>
      </c>
      <c r="DG37" s="99">
        <v>272</v>
      </c>
      <c r="DH37" s="100">
        <v>359</v>
      </c>
      <c r="DI37" s="101">
        <v>0</v>
      </c>
      <c r="DJ37" s="102">
        <v>2</v>
      </c>
      <c r="DK37" s="103">
        <v>2</v>
      </c>
      <c r="DL37" s="412">
        <v>0</v>
      </c>
      <c r="DM37" s="102">
        <v>1</v>
      </c>
      <c r="DN37" s="102">
        <v>0</v>
      </c>
      <c r="DO37" s="102">
        <v>1</v>
      </c>
      <c r="DP37" s="102">
        <v>0</v>
      </c>
      <c r="DQ37" s="102">
        <v>1</v>
      </c>
      <c r="DR37" s="103">
        <v>3</v>
      </c>
      <c r="DS37" s="104">
        <v>5</v>
      </c>
      <c r="DT37" s="101">
        <v>1</v>
      </c>
      <c r="DU37" s="102">
        <v>0</v>
      </c>
      <c r="DV37" s="103">
        <v>1</v>
      </c>
      <c r="DW37" s="412">
        <v>0</v>
      </c>
      <c r="DX37" s="102">
        <v>4</v>
      </c>
      <c r="DY37" s="102">
        <v>2</v>
      </c>
      <c r="DZ37" s="102">
        <v>2</v>
      </c>
      <c r="EA37" s="102">
        <v>2</v>
      </c>
      <c r="EB37" s="102">
        <v>2</v>
      </c>
      <c r="EC37" s="103">
        <v>12</v>
      </c>
      <c r="ED37" s="104">
        <v>13</v>
      </c>
      <c r="EE37" s="101">
        <v>7</v>
      </c>
      <c r="EF37" s="102">
        <v>5</v>
      </c>
      <c r="EG37" s="103">
        <v>12</v>
      </c>
      <c r="EH37" s="412">
        <v>0</v>
      </c>
      <c r="EI37" s="102">
        <v>12</v>
      </c>
      <c r="EJ37" s="102">
        <v>2</v>
      </c>
      <c r="EK37" s="102">
        <v>7</v>
      </c>
      <c r="EL37" s="102">
        <v>2</v>
      </c>
      <c r="EM37" s="102">
        <v>2</v>
      </c>
      <c r="EN37" s="103">
        <v>25</v>
      </c>
      <c r="EO37" s="104">
        <v>37</v>
      </c>
      <c r="EP37" s="101">
        <v>7</v>
      </c>
      <c r="EQ37" s="102">
        <v>8</v>
      </c>
      <c r="ER37" s="103">
        <v>15</v>
      </c>
      <c r="ES37" s="412">
        <v>0</v>
      </c>
      <c r="ET37" s="102">
        <v>22</v>
      </c>
      <c r="EU37" s="102">
        <v>10</v>
      </c>
      <c r="EV37" s="102">
        <v>10</v>
      </c>
      <c r="EW37" s="102">
        <v>4</v>
      </c>
      <c r="EX37" s="102">
        <v>5</v>
      </c>
      <c r="EY37" s="103">
        <v>51</v>
      </c>
      <c r="EZ37" s="104">
        <v>66</v>
      </c>
      <c r="FA37" s="101">
        <v>19</v>
      </c>
      <c r="FB37" s="102">
        <v>20</v>
      </c>
      <c r="FC37" s="103">
        <v>39</v>
      </c>
      <c r="FD37" s="412">
        <v>0</v>
      </c>
      <c r="FE37" s="102">
        <v>37</v>
      </c>
      <c r="FF37" s="102">
        <v>15</v>
      </c>
      <c r="FG37" s="102">
        <v>10</v>
      </c>
      <c r="FH37" s="102">
        <v>13</v>
      </c>
      <c r="FI37" s="102">
        <v>2</v>
      </c>
      <c r="FJ37" s="103">
        <v>77</v>
      </c>
      <c r="FK37" s="104">
        <v>116</v>
      </c>
      <c r="FL37" s="101">
        <v>9</v>
      </c>
      <c r="FM37" s="102">
        <v>9</v>
      </c>
      <c r="FN37" s="103">
        <v>18</v>
      </c>
      <c r="FO37" s="412">
        <v>0</v>
      </c>
      <c r="FP37" s="102">
        <v>33</v>
      </c>
      <c r="FQ37" s="102">
        <v>22</v>
      </c>
      <c r="FR37" s="102">
        <v>10</v>
      </c>
      <c r="FS37" s="102">
        <v>26</v>
      </c>
      <c r="FT37" s="102">
        <v>13</v>
      </c>
      <c r="FU37" s="103">
        <v>104</v>
      </c>
      <c r="FV37" s="104">
        <v>122</v>
      </c>
      <c r="FW37" s="101">
        <v>0</v>
      </c>
      <c r="FX37" s="102">
        <v>0</v>
      </c>
      <c r="FY37" s="103">
        <v>0</v>
      </c>
      <c r="FZ37" s="412">
        <v>0</v>
      </c>
      <c r="GA37" s="102">
        <v>1</v>
      </c>
      <c r="GB37" s="102">
        <v>1</v>
      </c>
      <c r="GC37" s="102">
        <v>1</v>
      </c>
      <c r="GD37" s="102">
        <v>0</v>
      </c>
      <c r="GE37" s="102">
        <v>1</v>
      </c>
      <c r="GF37" s="103">
        <v>4</v>
      </c>
      <c r="GG37" s="104">
        <v>4</v>
      </c>
      <c r="GH37" s="101">
        <v>43</v>
      </c>
      <c r="GI37" s="102">
        <v>44</v>
      </c>
      <c r="GJ37" s="103">
        <v>87</v>
      </c>
      <c r="GK37" s="412">
        <v>0</v>
      </c>
      <c r="GL37" s="102">
        <v>110</v>
      </c>
      <c r="GM37" s="102">
        <v>52</v>
      </c>
      <c r="GN37" s="102">
        <v>41</v>
      </c>
      <c r="GO37" s="102">
        <v>47</v>
      </c>
      <c r="GP37" s="102">
        <v>26</v>
      </c>
      <c r="GQ37" s="103">
        <v>276</v>
      </c>
      <c r="GR37" s="104">
        <v>363</v>
      </c>
      <c r="GS37" s="105">
        <v>60</v>
      </c>
      <c r="GT37" s="97">
        <v>62</v>
      </c>
      <c r="GU37" s="98">
        <v>122</v>
      </c>
      <c r="GV37" s="412">
        <v>0</v>
      </c>
      <c r="GW37" s="97">
        <v>157</v>
      </c>
      <c r="GX37" s="97">
        <v>89</v>
      </c>
      <c r="GY37" s="97">
        <v>55</v>
      </c>
      <c r="GZ37" s="97">
        <v>71</v>
      </c>
      <c r="HA37" s="97">
        <v>37</v>
      </c>
      <c r="HB37" s="99">
        <v>409</v>
      </c>
      <c r="HC37" s="100">
        <v>531</v>
      </c>
      <c r="HD37" s="101">
        <v>0</v>
      </c>
      <c r="HE37" s="102">
        <v>3</v>
      </c>
      <c r="HF37" s="103">
        <v>3</v>
      </c>
      <c r="HG37" s="415">
        <v>0</v>
      </c>
      <c r="HH37" s="102">
        <v>4</v>
      </c>
      <c r="HI37" s="102">
        <v>0</v>
      </c>
      <c r="HJ37" s="102">
        <v>3</v>
      </c>
      <c r="HK37" s="102">
        <v>1</v>
      </c>
      <c r="HL37" s="102">
        <v>2</v>
      </c>
      <c r="HM37" s="103">
        <v>10</v>
      </c>
      <c r="HN37" s="104">
        <v>13</v>
      </c>
      <c r="HO37" s="101">
        <v>3</v>
      </c>
      <c r="HP37" s="102">
        <v>3</v>
      </c>
      <c r="HQ37" s="103">
        <v>6</v>
      </c>
      <c r="HR37" s="412">
        <v>0</v>
      </c>
      <c r="HS37" s="102">
        <v>9</v>
      </c>
      <c r="HT37" s="102">
        <v>4</v>
      </c>
      <c r="HU37" s="102">
        <v>3</v>
      </c>
      <c r="HV37" s="102">
        <v>2</v>
      </c>
      <c r="HW37" s="102">
        <v>2</v>
      </c>
      <c r="HX37" s="103">
        <v>20</v>
      </c>
      <c r="HY37" s="104">
        <v>26</v>
      </c>
      <c r="HZ37" s="101">
        <v>10</v>
      </c>
      <c r="IA37" s="102">
        <v>7</v>
      </c>
      <c r="IB37" s="103">
        <v>17</v>
      </c>
      <c r="IC37" s="412">
        <v>0</v>
      </c>
      <c r="ID37" s="102">
        <v>15</v>
      </c>
      <c r="IE37" s="102">
        <v>8</v>
      </c>
      <c r="IF37" s="102">
        <v>8</v>
      </c>
      <c r="IG37" s="102">
        <v>9</v>
      </c>
      <c r="IH37" s="102">
        <v>5</v>
      </c>
      <c r="II37" s="103">
        <v>45</v>
      </c>
      <c r="IJ37" s="104">
        <v>62</v>
      </c>
      <c r="IK37" s="101">
        <v>13</v>
      </c>
      <c r="IL37" s="102">
        <v>14</v>
      </c>
      <c r="IM37" s="103">
        <v>27</v>
      </c>
      <c r="IN37" s="412">
        <v>0</v>
      </c>
      <c r="IO37" s="102">
        <v>37</v>
      </c>
      <c r="IP37" s="102">
        <v>21</v>
      </c>
      <c r="IQ37" s="102">
        <v>12</v>
      </c>
      <c r="IR37" s="102">
        <v>10</v>
      </c>
      <c r="IS37" s="102">
        <v>10</v>
      </c>
      <c r="IT37" s="103">
        <v>90</v>
      </c>
      <c r="IU37" s="104">
        <v>117</v>
      </c>
      <c r="IV37" s="101">
        <v>23</v>
      </c>
      <c r="IW37" s="102">
        <v>24</v>
      </c>
      <c r="IX37" s="103">
        <v>47</v>
      </c>
      <c r="IY37" s="412">
        <v>0</v>
      </c>
      <c r="IZ37" s="102">
        <v>47</v>
      </c>
      <c r="JA37" s="102">
        <v>25</v>
      </c>
      <c r="JB37" s="102">
        <v>15</v>
      </c>
      <c r="JC37" s="102">
        <v>20</v>
      </c>
      <c r="JD37" s="102">
        <v>4</v>
      </c>
      <c r="JE37" s="103">
        <v>111</v>
      </c>
      <c r="JF37" s="104">
        <v>158</v>
      </c>
      <c r="JG37" s="101">
        <v>11</v>
      </c>
      <c r="JH37" s="102">
        <v>11</v>
      </c>
      <c r="JI37" s="103">
        <v>22</v>
      </c>
      <c r="JJ37" s="412">
        <v>0</v>
      </c>
      <c r="JK37" s="102">
        <v>45</v>
      </c>
      <c r="JL37" s="102">
        <v>31</v>
      </c>
      <c r="JM37" s="102">
        <v>14</v>
      </c>
      <c r="JN37" s="102">
        <v>29</v>
      </c>
      <c r="JO37" s="102">
        <v>14</v>
      </c>
      <c r="JP37" s="103">
        <v>133</v>
      </c>
      <c r="JQ37" s="104">
        <v>155</v>
      </c>
      <c r="JR37" s="101">
        <v>0</v>
      </c>
      <c r="JS37" s="102">
        <v>0</v>
      </c>
      <c r="JT37" s="103">
        <v>0</v>
      </c>
      <c r="JU37" s="412">
        <v>0</v>
      </c>
      <c r="JV37" s="102">
        <v>3</v>
      </c>
      <c r="JW37" s="102">
        <v>3</v>
      </c>
      <c r="JX37" s="102">
        <v>1</v>
      </c>
      <c r="JY37" s="102">
        <v>1</v>
      </c>
      <c r="JZ37" s="102">
        <v>2</v>
      </c>
      <c r="KA37" s="103">
        <v>10</v>
      </c>
      <c r="KB37" s="104">
        <v>10</v>
      </c>
      <c r="KC37" s="101">
        <v>60</v>
      </c>
      <c r="KD37" s="102">
        <v>62</v>
      </c>
      <c r="KE37" s="103">
        <v>122</v>
      </c>
      <c r="KF37" s="412">
        <v>0</v>
      </c>
      <c r="KG37" s="102">
        <v>160</v>
      </c>
      <c r="KH37" s="102">
        <v>92</v>
      </c>
      <c r="KI37" s="102">
        <v>56</v>
      </c>
      <c r="KJ37" s="102">
        <v>72</v>
      </c>
      <c r="KK37" s="102">
        <v>39</v>
      </c>
      <c r="KL37" s="103">
        <v>419</v>
      </c>
      <c r="KM37" s="104">
        <v>541</v>
      </c>
    </row>
    <row r="38" spans="2:299" s="70" customFormat="1" ht="21" customHeight="1" x14ac:dyDescent="0.2">
      <c r="B38" s="106" t="s">
        <v>35</v>
      </c>
      <c r="C38" s="96">
        <v>65</v>
      </c>
      <c r="D38" s="97">
        <v>56</v>
      </c>
      <c r="E38" s="98">
        <v>121</v>
      </c>
      <c r="F38" s="412">
        <v>0</v>
      </c>
      <c r="G38" s="97">
        <v>151</v>
      </c>
      <c r="H38" s="97">
        <v>81</v>
      </c>
      <c r="I38" s="97">
        <v>60</v>
      </c>
      <c r="J38" s="97">
        <v>54</v>
      </c>
      <c r="K38" s="97">
        <v>28</v>
      </c>
      <c r="L38" s="99">
        <v>374</v>
      </c>
      <c r="M38" s="100">
        <v>495</v>
      </c>
      <c r="N38" s="101">
        <v>3</v>
      </c>
      <c r="O38" s="102">
        <v>4</v>
      </c>
      <c r="P38" s="103">
        <v>7</v>
      </c>
      <c r="Q38" s="412">
        <v>0</v>
      </c>
      <c r="R38" s="102">
        <v>13</v>
      </c>
      <c r="S38" s="102">
        <v>6</v>
      </c>
      <c r="T38" s="102">
        <v>5</v>
      </c>
      <c r="U38" s="102">
        <v>3</v>
      </c>
      <c r="V38" s="102">
        <v>3</v>
      </c>
      <c r="W38" s="103">
        <v>30</v>
      </c>
      <c r="X38" s="104">
        <v>37</v>
      </c>
      <c r="Y38" s="101">
        <v>3</v>
      </c>
      <c r="Z38" s="102">
        <v>4</v>
      </c>
      <c r="AA38" s="103">
        <v>7</v>
      </c>
      <c r="AB38" s="412">
        <v>0</v>
      </c>
      <c r="AC38" s="102">
        <v>10</v>
      </c>
      <c r="AD38" s="102">
        <v>7</v>
      </c>
      <c r="AE38" s="102">
        <v>6</v>
      </c>
      <c r="AF38" s="102">
        <v>2</v>
      </c>
      <c r="AG38" s="102">
        <v>3</v>
      </c>
      <c r="AH38" s="103">
        <v>28</v>
      </c>
      <c r="AI38" s="104">
        <v>35</v>
      </c>
      <c r="AJ38" s="101">
        <v>12</v>
      </c>
      <c r="AK38" s="102">
        <v>10</v>
      </c>
      <c r="AL38" s="103">
        <v>22</v>
      </c>
      <c r="AM38" s="412">
        <v>0</v>
      </c>
      <c r="AN38" s="102">
        <v>24</v>
      </c>
      <c r="AO38" s="102">
        <v>8</v>
      </c>
      <c r="AP38" s="102">
        <v>11</v>
      </c>
      <c r="AQ38" s="102">
        <v>12</v>
      </c>
      <c r="AR38" s="102">
        <v>6</v>
      </c>
      <c r="AS38" s="103">
        <v>61</v>
      </c>
      <c r="AT38" s="104">
        <v>83</v>
      </c>
      <c r="AU38" s="101">
        <v>20</v>
      </c>
      <c r="AV38" s="102">
        <v>21</v>
      </c>
      <c r="AW38" s="103">
        <v>41</v>
      </c>
      <c r="AX38" s="412">
        <v>0</v>
      </c>
      <c r="AY38" s="102">
        <v>46</v>
      </c>
      <c r="AZ38" s="102">
        <v>21</v>
      </c>
      <c r="BA38" s="102">
        <v>12</v>
      </c>
      <c r="BB38" s="102">
        <v>12</v>
      </c>
      <c r="BC38" s="102">
        <v>5</v>
      </c>
      <c r="BD38" s="103">
        <v>96</v>
      </c>
      <c r="BE38" s="104">
        <v>137</v>
      </c>
      <c r="BF38" s="101">
        <v>15</v>
      </c>
      <c r="BG38" s="102">
        <v>12</v>
      </c>
      <c r="BH38" s="103">
        <v>27</v>
      </c>
      <c r="BI38" s="412">
        <v>0</v>
      </c>
      <c r="BJ38" s="102">
        <v>36</v>
      </c>
      <c r="BK38" s="102">
        <v>21</v>
      </c>
      <c r="BL38" s="102">
        <v>13</v>
      </c>
      <c r="BM38" s="102">
        <v>10</v>
      </c>
      <c r="BN38" s="102">
        <v>6</v>
      </c>
      <c r="BO38" s="103">
        <v>86</v>
      </c>
      <c r="BP38" s="104">
        <v>113</v>
      </c>
      <c r="BQ38" s="101">
        <v>12</v>
      </c>
      <c r="BR38" s="102">
        <v>5</v>
      </c>
      <c r="BS38" s="103">
        <v>17</v>
      </c>
      <c r="BT38" s="412">
        <v>0</v>
      </c>
      <c r="BU38" s="102">
        <v>22</v>
      </c>
      <c r="BV38" s="102">
        <v>18</v>
      </c>
      <c r="BW38" s="102">
        <v>13</v>
      </c>
      <c r="BX38" s="102">
        <v>15</v>
      </c>
      <c r="BY38" s="102">
        <v>5</v>
      </c>
      <c r="BZ38" s="103">
        <v>73</v>
      </c>
      <c r="CA38" s="104">
        <v>90</v>
      </c>
      <c r="CB38" s="101">
        <v>2</v>
      </c>
      <c r="CC38" s="102">
        <v>1</v>
      </c>
      <c r="CD38" s="103">
        <v>3</v>
      </c>
      <c r="CE38" s="412">
        <v>0</v>
      </c>
      <c r="CF38" s="102">
        <v>5</v>
      </c>
      <c r="CG38" s="102">
        <v>2</v>
      </c>
      <c r="CH38" s="102">
        <v>1</v>
      </c>
      <c r="CI38" s="102">
        <v>3</v>
      </c>
      <c r="CJ38" s="102">
        <v>1</v>
      </c>
      <c r="CK38" s="103">
        <v>12</v>
      </c>
      <c r="CL38" s="104">
        <v>15</v>
      </c>
      <c r="CM38" s="101">
        <v>67</v>
      </c>
      <c r="CN38" s="102">
        <v>57</v>
      </c>
      <c r="CO38" s="103">
        <v>124</v>
      </c>
      <c r="CP38" s="412">
        <v>0</v>
      </c>
      <c r="CQ38" s="102">
        <v>156</v>
      </c>
      <c r="CR38" s="102">
        <v>83</v>
      </c>
      <c r="CS38" s="102">
        <v>61</v>
      </c>
      <c r="CT38" s="102">
        <v>57</v>
      </c>
      <c r="CU38" s="102">
        <v>29</v>
      </c>
      <c r="CV38" s="103">
        <v>386</v>
      </c>
      <c r="CW38" s="104">
        <v>510</v>
      </c>
      <c r="CX38" s="105">
        <v>145</v>
      </c>
      <c r="CY38" s="97">
        <v>172</v>
      </c>
      <c r="CZ38" s="98">
        <v>317</v>
      </c>
      <c r="DA38" s="412">
        <v>0</v>
      </c>
      <c r="DB38" s="97">
        <v>313</v>
      </c>
      <c r="DC38" s="97">
        <v>170</v>
      </c>
      <c r="DD38" s="97">
        <v>155</v>
      </c>
      <c r="DE38" s="97">
        <v>147</v>
      </c>
      <c r="DF38" s="97">
        <v>101</v>
      </c>
      <c r="DG38" s="99">
        <v>886</v>
      </c>
      <c r="DH38" s="100">
        <v>1203</v>
      </c>
      <c r="DI38" s="101">
        <v>1</v>
      </c>
      <c r="DJ38" s="102">
        <v>5</v>
      </c>
      <c r="DK38" s="103">
        <v>6</v>
      </c>
      <c r="DL38" s="412">
        <v>0</v>
      </c>
      <c r="DM38" s="102">
        <v>5</v>
      </c>
      <c r="DN38" s="102">
        <v>3</v>
      </c>
      <c r="DO38" s="102">
        <v>3</v>
      </c>
      <c r="DP38" s="102">
        <v>3</v>
      </c>
      <c r="DQ38" s="102">
        <v>1</v>
      </c>
      <c r="DR38" s="103">
        <v>15</v>
      </c>
      <c r="DS38" s="104">
        <v>21</v>
      </c>
      <c r="DT38" s="101">
        <v>13</v>
      </c>
      <c r="DU38" s="102">
        <v>9</v>
      </c>
      <c r="DV38" s="103">
        <v>22</v>
      </c>
      <c r="DW38" s="412">
        <v>0</v>
      </c>
      <c r="DX38" s="102">
        <v>14</v>
      </c>
      <c r="DY38" s="102">
        <v>7</v>
      </c>
      <c r="DZ38" s="102">
        <v>7</v>
      </c>
      <c r="EA38" s="102">
        <v>7</v>
      </c>
      <c r="EB38" s="102">
        <v>4</v>
      </c>
      <c r="EC38" s="103">
        <v>39</v>
      </c>
      <c r="ED38" s="104">
        <v>61</v>
      </c>
      <c r="EE38" s="101">
        <v>24</v>
      </c>
      <c r="EF38" s="102">
        <v>33</v>
      </c>
      <c r="EG38" s="103">
        <v>57</v>
      </c>
      <c r="EH38" s="412">
        <v>0</v>
      </c>
      <c r="EI38" s="102">
        <v>28</v>
      </c>
      <c r="EJ38" s="102">
        <v>14</v>
      </c>
      <c r="EK38" s="102">
        <v>6</v>
      </c>
      <c r="EL38" s="102">
        <v>5</v>
      </c>
      <c r="EM38" s="102">
        <v>10</v>
      </c>
      <c r="EN38" s="103">
        <v>63</v>
      </c>
      <c r="EO38" s="104">
        <v>120</v>
      </c>
      <c r="EP38" s="101">
        <v>45</v>
      </c>
      <c r="EQ38" s="102">
        <v>38</v>
      </c>
      <c r="ER38" s="103">
        <v>83</v>
      </c>
      <c r="ES38" s="412">
        <v>0</v>
      </c>
      <c r="ET38" s="102">
        <v>69</v>
      </c>
      <c r="EU38" s="102">
        <v>37</v>
      </c>
      <c r="EV38" s="102">
        <v>32</v>
      </c>
      <c r="EW38" s="102">
        <v>19</v>
      </c>
      <c r="EX38" s="102">
        <v>17</v>
      </c>
      <c r="EY38" s="103">
        <v>174</v>
      </c>
      <c r="EZ38" s="104">
        <v>257</v>
      </c>
      <c r="FA38" s="101">
        <v>38</v>
      </c>
      <c r="FB38" s="102">
        <v>56</v>
      </c>
      <c r="FC38" s="103">
        <v>94</v>
      </c>
      <c r="FD38" s="412">
        <v>0</v>
      </c>
      <c r="FE38" s="102">
        <v>107</v>
      </c>
      <c r="FF38" s="102">
        <v>39</v>
      </c>
      <c r="FG38" s="102">
        <v>44</v>
      </c>
      <c r="FH38" s="102">
        <v>44</v>
      </c>
      <c r="FI38" s="102">
        <v>27</v>
      </c>
      <c r="FJ38" s="103">
        <v>261</v>
      </c>
      <c r="FK38" s="104">
        <v>355</v>
      </c>
      <c r="FL38" s="101">
        <v>24</v>
      </c>
      <c r="FM38" s="102">
        <v>31</v>
      </c>
      <c r="FN38" s="103">
        <v>55</v>
      </c>
      <c r="FO38" s="412">
        <v>0</v>
      </c>
      <c r="FP38" s="102">
        <v>90</v>
      </c>
      <c r="FQ38" s="102">
        <v>70</v>
      </c>
      <c r="FR38" s="102">
        <v>63</v>
      </c>
      <c r="FS38" s="102">
        <v>69</v>
      </c>
      <c r="FT38" s="102">
        <v>42</v>
      </c>
      <c r="FU38" s="103">
        <v>334</v>
      </c>
      <c r="FV38" s="104">
        <v>389</v>
      </c>
      <c r="FW38" s="101">
        <v>0</v>
      </c>
      <c r="FX38" s="102">
        <v>1</v>
      </c>
      <c r="FY38" s="103">
        <v>1</v>
      </c>
      <c r="FZ38" s="412">
        <v>0</v>
      </c>
      <c r="GA38" s="102">
        <v>2</v>
      </c>
      <c r="GB38" s="102">
        <v>4</v>
      </c>
      <c r="GC38" s="102">
        <v>0</v>
      </c>
      <c r="GD38" s="102">
        <v>1</v>
      </c>
      <c r="GE38" s="102">
        <v>1</v>
      </c>
      <c r="GF38" s="103">
        <v>8</v>
      </c>
      <c r="GG38" s="104">
        <v>9</v>
      </c>
      <c r="GH38" s="101">
        <v>145</v>
      </c>
      <c r="GI38" s="102">
        <v>173</v>
      </c>
      <c r="GJ38" s="103">
        <v>318</v>
      </c>
      <c r="GK38" s="412">
        <v>0</v>
      </c>
      <c r="GL38" s="102">
        <v>315</v>
      </c>
      <c r="GM38" s="102">
        <v>174</v>
      </c>
      <c r="GN38" s="102">
        <v>155</v>
      </c>
      <c r="GO38" s="102">
        <v>148</v>
      </c>
      <c r="GP38" s="102">
        <v>102</v>
      </c>
      <c r="GQ38" s="103">
        <v>894</v>
      </c>
      <c r="GR38" s="104">
        <v>1212</v>
      </c>
      <c r="GS38" s="105">
        <v>210</v>
      </c>
      <c r="GT38" s="97">
        <v>228</v>
      </c>
      <c r="GU38" s="98">
        <v>438</v>
      </c>
      <c r="GV38" s="412">
        <v>0</v>
      </c>
      <c r="GW38" s="97">
        <v>464</v>
      </c>
      <c r="GX38" s="97">
        <v>251</v>
      </c>
      <c r="GY38" s="97">
        <v>215</v>
      </c>
      <c r="GZ38" s="97">
        <v>201</v>
      </c>
      <c r="HA38" s="97">
        <v>129</v>
      </c>
      <c r="HB38" s="99">
        <v>1260</v>
      </c>
      <c r="HC38" s="100">
        <v>1698</v>
      </c>
      <c r="HD38" s="101">
        <v>4</v>
      </c>
      <c r="HE38" s="102">
        <v>9</v>
      </c>
      <c r="HF38" s="103">
        <v>13</v>
      </c>
      <c r="HG38" s="415">
        <v>0</v>
      </c>
      <c r="HH38" s="102">
        <v>18</v>
      </c>
      <c r="HI38" s="102">
        <v>9</v>
      </c>
      <c r="HJ38" s="102">
        <v>8</v>
      </c>
      <c r="HK38" s="102">
        <v>6</v>
      </c>
      <c r="HL38" s="102">
        <v>4</v>
      </c>
      <c r="HM38" s="103">
        <v>45</v>
      </c>
      <c r="HN38" s="104">
        <v>58</v>
      </c>
      <c r="HO38" s="101">
        <v>16</v>
      </c>
      <c r="HP38" s="102">
        <v>13</v>
      </c>
      <c r="HQ38" s="103">
        <v>29</v>
      </c>
      <c r="HR38" s="412">
        <v>0</v>
      </c>
      <c r="HS38" s="102">
        <v>24</v>
      </c>
      <c r="HT38" s="102">
        <v>14</v>
      </c>
      <c r="HU38" s="102">
        <v>13</v>
      </c>
      <c r="HV38" s="102">
        <v>9</v>
      </c>
      <c r="HW38" s="102">
        <v>7</v>
      </c>
      <c r="HX38" s="103">
        <v>67</v>
      </c>
      <c r="HY38" s="104">
        <v>96</v>
      </c>
      <c r="HZ38" s="101">
        <v>36</v>
      </c>
      <c r="IA38" s="102">
        <v>43</v>
      </c>
      <c r="IB38" s="103">
        <v>79</v>
      </c>
      <c r="IC38" s="412">
        <v>0</v>
      </c>
      <c r="ID38" s="102">
        <v>52</v>
      </c>
      <c r="IE38" s="102">
        <v>22</v>
      </c>
      <c r="IF38" s="102">
        <v>17</v>
      </c>
      <c r="IG38" s="102">
        <v>17</v>
      </c>
      <c r="IH38" s="102">
        <v>16</v>
      </c>
      <c r="II38" s="103">
        <v>124</v>
      </c>
      <c r="IJ38" s="104">
        <v>203</v>
      </c>
      <c r="IK38" s="101">
        <v>65</v>
      </c>
      <c r="IL38" s="102">
        <v>59</v>
      </c>
      <c r="IM38" s="103">
        <v>124</v>
      </c>
      <c r="IN38" s="412">
        <v>0</v>
      </c>
      <c r="IO38" s="102">
        <v>115</v>
      </c>
      <c r="IP38" s="102">
        <v>58</v>
      </c>
      <c r="IQ38" s="102">
        <v>44</v>
      </c>
      <c r="IR38" s="102">
        <v>31</v>
      </c>
      <c r="IS38" s="102">
        <v>22</v>
      </c>
      <c r="IT38" s="103">
        <v>270</v>
      </c>
      <c r="IU38" s="104">
        <v>394</v>
      </c>
      <c r="IV38" s="101">
        <v>53</v>
      </c>
      <c r="IW38" s="102">
        <v>68</v>
      </c>
      <c r="IX38" s="103">
        <v>121</v>
      </c>
      <c r="IY38" s="412">
        <v>0</v>
      </c>
      <c r="IZ38" s="102">
        <v>143</v>
      </c>
      <c r="JA38" s="102">
        <v>60</v>
      </c>
      <c r="JB38" s="102">
        <v>57</v>
      </c>
      <c r="JC38" s="102">
        <v>54</v>
      </c>
      <c r="JD38" s="102">
        <v>33</v>
      </c>
      <c r="JE38" s="103">
        <v>347</v>
      </c>
      <c r="JF38" s="104">
        <v>468</v>
      </c>
      <c r="JG38" s="101">
        <v>36</v>
      </c>
      <c r="JH38" s="102">
        <v>36</v>
      </c>
      <c r="JI38" s="103">
        <v>72</v>
      </c>
      <c r="JJ38" s="412">
        <v>0</v>
      </c>
      <c r="JK38" s="102">
        <v>112</v>
      </c>
      <c r="JL38" s="102">
        <v>88</v>
      </c>
      <c r="JM38" s="102">
        <v>76</v>
      </c>
      <c r="JN38" s="102">
        <v>84</v>
      </c>
      <c r="JO38" s="102">
        <v>47</v>
      </c>
      <c r="JP38" s="103">
        <v>407</v>
      </c>
      <c r="JQ38" s="104">
        <v>479</v>
      </c>
      <c r="JR38" s="101">
        <v>2</v>
      </c>
      <c r="JS38" s="102">
        <v>2</v>
      </c>
      <c r="JT38" s="103">
        <v>4</v>
      </c>
      <c r="JU38" s="412">
        <v>0</v>
      </c>
      <c r="JV38" s="102">
        <v>7</v>
      </c>
      <c r="JW38" s="102">
        <v>6</v>
      </c>
      <c r="JX38" s="102">
        <v>1</v>
      </c>
      <c r="JY38" s="102">
        <v>4</v>
      </c>
      <c r="JZ38" s="102">
        <v>2</v>
      </c>
      <c r="KA38" s="103">
        <v>20</v>
      </c>
      <c r="KB38" s="104">
        <v>24</v>
      </c>
      <c r="KC38" s="101">
        <v>212</v>
      </c>
      <c r="KD38" s="102">
        <v>230</v>
      </c>
      <c r="KE38" s="103">
        <v>442</v>
      </c>
      <c r="KF38" s="412">
        <v>0</v>
      </c>
      <c r="KG38" s="102">
        <v>471</v>
      </c>
      <c r="KH38" s="102">
        <v>257</v>
      </c>
      <c r="KI38" s="102">
        <v>216</v>
      </c>
      <c r="KJ38" s="102">
        <v>205</v>
      </c>
      <c r="KK38" s="102">
        <v>131</v>
      </c>
      <c r="KL38" s="103">
        <v>1280</v>
      </c>
      <c r="KM38" s="104">
        <v>1722</v>
      </c>
    </row>
    <row r="39" spans="2:299" s="70" customFormat="1" ht="21" customHeight="1" x14ac:dyDescent="0.2">
      <c r="B39" s="106" t="s">
        <v>36</v>
      </c>
      <c r="C39" s="96">
        <v>62</v>
      </c>
      <c r="D39" s="97">
        <v>86</v>
      </c>
      <c r="E39" s="98">
        <v>148</v>
      </c>
      <c r="F39" s="412">
        <v>0</v>
      </c>
      <c r="G39" s="97">
        <v>171</v>
      </c>
      <c r="H39" s="97">
        <v>149</v>
      </c>
      <c r="I39" s="97">
        <v>113</v>
      </c>
      <c r="J39" s="97">
        <v>91</v>
      </c>
      <c r="K39" s="97">
        <v>47</v>
      </c>
      <c r="L39" s="99">
        <v>571</v>
      </c>
      <c r="M39" s="100">
        <v>719</v>
      </c>
      <c r="N39" s="101">
        <v>3</v>
      </c>
      <c r="O39" s="102">
        <v>6</v>
      </c>
      <c r="P39" s="103">
        <v>9</v>
      </c>
      <c r="Q39" s="412">
        <v>0</v>
      </c>
      <c r="R39" s="102">
        <v>8</v>
      </c>
      <c r="S39" s="102">
        <v>13</v>
      </c>
      <c r="T39" s="102">
        <v>9</v>
      </c>
      <c r="U39" s="102">
        <v>6</v>
      </c>
      <c r="V39" s="102">
        <v>6</v>
      </c>
      <c r="W39" s="103">
        <v>42</v>
      </c>
      <c r="X39" s="104">
        <v>51</v>
      </c>
      <c r="Y39" s="101">
        <v>4</v>
      </c>
      <c r="Z39" s="102">
        <v>13</v>
      </c>
      <c r="AA39" s="103">
        <v>17</v>
      </c>
      <c r="AB39" s="412">
        <v>0</v>
      </c>
      <c r="AC39" s="102">
        <v>14</v>
      </c>
      <c r="AD39" s="102">
        <v>25</v>
      </c>
      <c r="AE39" s="102">
        <v>14</v>
      </c>
      <c r="AF39" s="102">
        <v>11</v>
      </c>
      <c r="AG39" s="102">
        <v>6</v>
      </c>
      <c r="AH39" s="103">
        <v>70</v>
      </c>
      <c r="AI39" s="104">
        <v>87</v>
      </c>
      <c r="AJ39" s="101">
        <v>17</v>
      </c>
      <c r="AK39" s="102">
        <v>12</v>
      </c>
      <c r="AL39" s="103">
        <v>29</v>
      </c>
      <c r="AM39" s="412">
        <v>0</v>
      </c>
      <c r="AN39" s="102">
        <v>37</v>
      </c>
      <c r="AO39" s="102">
        <v>24</v>
      </c>
      <c r="AP39" s="102">
        <v>25</v>
      </c>
      <c r="AQ39" s="102">
        <v>13</v>
      </c>
      <c r="AR39" s="102">
        <v>11</v>
      </c>
      <c r="AS39" s="103">
        <v>110</v>
      </c>
      <c r="AT39" s="104">
        <v>139</v>
      </c>
      <c r="AU39" s="101">
        <v>17</v>
      </c>
      <c r="AV39" s="102">
        <v>26</v>
      </c>
      <c r="AW39" s="103">
        <v>43</v>
      </c>
      <c r="AX39" s="412">
        <v>0</v>
      </c>
      <c r="AY39" s="102">
        <v>48</v>
      </c>
      <c r="AZ39" s="102">
        <v>35</v>
      </c>
      <c r="BA39" s="102">
        <v>30</v>
      </c>
      <c r="BB39" s="102">
        <v>28</v>
      </c>
      <c r="BC39" s="102">
        <v>12</v>
      </c>
      <c r="BD39" s="103">
        <v>153</v>
      </c>
      <c r="BE39" s="104">
        <v>196</v>
      </c>
      <c r="BF39" s="101">
        <v>15</v>
      </c>
      <c r="BG39" s="102">
        <v>16</v>
      </c>
      <c r="BH39" s="103">
        <v>31</v>
      </c>
      <c r="BI39" s="412">
        <v>0</v>
      </c>
      <c r="BJ39" s="102">
        <v>46</v>
      </c>
      <c r="BK39" s="102">
        <v>30</v>
      </c>
      <c r="BL39" s="102">
        <v>17</v>
      </c>
      <c r="BM39" s="102">
        <v>20</v>
      </c>
      <c r="BN39" s="102">
        <v>7</v>
      </c>
      <c r="BO39" s="103">
        <v>120</v>
      </c>
      <c r="BP39" s="104">
        <v>151</v>
      </c>
      <c r="BQ39" s="101">
        <v>6</v>
      </c>
      <c r="BR39" s="102">
        <v>13</v>
      </c>
      <c r="BS39" s="103">
        <v>19</v>
      </c>
      <c r="BT39" s="412">
        <v>0</v>
      </c>
      <c r="BU39" s="102">
        <v>18</v>
      </c>
      <c r="BV39" s="102">
        <v>22</v>
      </c>
      <c r="BW39" s="102">
        <v>18</v>
      </c>
      <c r="BX39" s="102">
        <v>13</v>
      </c>
      <c r="BY39" s="102">
        <v>5</v>
      </c>
      <c r="BZ39" s="103">
        <v>76</v>
      </c>
      <c r="CA39" s="104">
        <v>95</v>
      </c>
      <c r="CB39" s="101">
        <v>2</v>
      </c>
      <c r="CC39" s="102">
        <v>1</v>
      </c>
      <c r="CD39" s="103">
        <v>3</v>
      </c>
      <c r="CE39" s="412">
        <v>0</v>
      </c>
      <c r="CF39" s="102">
        <v>5</v>
      </c>
      <c r="CG39" s="102">
        <v>4</v>
      </c>
      <c r="CH39" s="102">
        <v>6</v>
      </c>
      <c r="CI39" s="102">
        <v>8</v>
      </c>
      <c r="CJ39" s="102">
        <v>2</v>
      </c>
      <c r="CK39" s="103">
        <v>25</v>
      </c>
      <c r="CL39" s="104">
        <v>28</v>
      </c>
      <c r="CM39" s="101">
        <v>64</v>
      </c>
      <c r="CN39" s="102">
        <v>87</v>
      </c>
      <c r="CO39" s="103">
        <v>151</v>
      </c>
      <c r="CP39" s="412">
        <v>0</v>
      </c>
      <c r="CQ39" s="102">
        <v>176</v>
      </c>
      <c r="CR39" s="102">
        <v>153</v>
      </c>
      <c r="CS39" s="102">
        <v>119</v>
      </c>
      <c r="CT39" s="102">
        <v>99</v>
      </c>
      <c r="CU39" s="102">
        <v>49</v>
      </c>
      <c r="CV39" s="103">
        <v>596</v>
      </c>
      <c r="CW39" s="104">
        <v>747</v>
      </c>
      <c r="CX39" s="105">
        <v>101</v>
      </c>
      <c r="CY39" s="97">
        <v>188</v>
      </c>
      <c r="CZ39" s="98">
        <v>289</v>
      </c>
      <c r="DA39" s="412">
        <v>0</v>
      </c>
      <c r="DB39" s="97">
        <v>246</v>
      </c>
      <c r="DC39" s="97">
        <v>225</v>
      </c>
      <c r="DD39" s="97">
        <v>190</v>
      </c>
      <c r="DE39" s="97">
        <v>162</v>
      </c>
      <c r="DF39" s="97">
        <v>132</v>
      </c>
      <c r="DG39" s="99">
        <v>955</v>
      </c>
      <c r="DH39" s="100">
        <v>1244</v>
      </c>
      <c r="DI39" s="101">
        <v>1</v>
      </c>
      <c r="DJ39" s="102">
        <v>3</v>
      </c>
      <c r="DK39" s="103">
        <v>4</v>
      </c>
      <c r="DL39" s="412">
        <v>0</v>
      </c>
      <c r="DM39" s="102">
        <v>7</v>
      </c>
      <c r="DN39" s="102">
        <v>6</v>
      </c>
      <c r="DO39" s="102">
        <v>6</v>
      </c>
      <c r="DP39" s="102">
        <v>3</v>
      </c>
      <c r="DQ39" s="102">
        <v>2</v>
      </c>
      <c r="DR39" s="103">
        <v>24</v>
      </c>
      <c r="DS39" s="104">
        <v>28</v>
      </c>
      <c r="DT39" s="101">
        <v>6</v>
      </c>
      <c r="DU39" s="102">
        <v>23</v>
      </c>
      <c r="DV39" s="103">
        <v>29</v>
      </c>
      <c r="DW39" s="412">
        <v>0</v>
      </c>
      <c r="DX39" s="102">
        <v>18</v>
      </c>
      <c r="DY39" s="102">
        <v>16</v>
      </c>
      <c r="DZ39" s="102">
        <v>10</v>
      </c>
      <c r="EA39" s="102">
        <v>12</v>
      </c>
      <c r="EB39" s="102">
        <v>13</v>
      </c>
      <c r="EC39" s="103">
        <v>69</v>
      </c>
      <c r="ED39" s="104">
        <v>98</v>
      </c>
      <c r="EE39" s="101">
        <v>22</v>
      </c>
      <c r="EF39" s="102">
        <v>27</v>
      </c>
      <c r="EG39" s="103">
        <v>49</v>
      </c>
      <c r="EH39" s="412">
        <v>0</v>
      </c>
      <c r="EI39" s="102">
        <v>34</v>
      </c>
      <c r="EJ39" s="102">
        <v>36</v>
      </c>
      <c r="EK39" s="102">
        <v>18</v>
      </c>
      <c r="EL39" s="102">
        <v>22</v>
      </c>
      <c r="EM39" s="102">
        <v>12</v>
      </c>
      <c r="EN39" s="103">
        <v>122</v>
      </c>
      <c r="EO39" s="104">
        <v>171</v>
      </c>
      <c r="EP39" s="101">
        <v>42</v>
      </c>
      <c r="EQ39" s="102">
        <v>58</v>
      </c>
      <c r="ER39" s="103">
        <v>100</v>
      </c>
      <c r="ES39" s="412">
        <v>0</v>
      </c>
      <c r="ET39" s="102">
        <v>74</v>
      </c>
      <c r="EU39" s="102">
        <v>59</v>
      </c>
      <c r="EV39" s="102">
        <v>33</v>
      </c>
      <c r="EW39" s="102">
        <v>25</v>
      </c>
      <c r="EX39" s="102">
        <v>27</v>
      </c>
      <c r="EY39" s="103">
        <v>218</v>
      </c>
      <c r="EZ39" s="104">
        <v>318</v>
      </c>
      <c r="FA39" s="101">
        <v>19</v>
      </c>
      <c r="FB39" s="102">
        <v>55</v>
      </c>
      <c r="FC39" s="103">
        <v>74</v>
      </c>
      <c r="FD39" s="412">
        <v>0</v>
      </c>
      <c r="FE39" s="102">
        <v>69</v>
      </c>
      <c r="FF39" s="102">
        <v>48</v>
      </c>
      <c r="FG39" s="102">
        <v>56</v>
      </c>
      <c r="FH39" s="102">
        <v>38</v>
      </c>
      <c r="FI39" s="102">
        <v>38</v>
      </c>
      <c r="FJ39" s="103">
        <v>249</v>
      </c>
      <c r="FK39" s="104">
        <v>323</v>
      </c>
      <c r="FL39" s="101">
        <v>11</v>
      </c>
      <c r="FM39" s="102">
        <v>22</v>
      </c>
      <c r="FN39" s="103">
        <v>33</v>
      </c>
      <c r="FO39" s="412">
        <v>0</v>
      </c>
      <c r="FP39" s="102">
        <v>44</v>
      </c>
      <c r="FQ39" s="102">
        <v>60</v>
      </c>
      <c r="FR39" s="102">
        <v>67</v>
      </c>
      <c r="FS39" s="102">
        <v>62</v>
      </c>
      <c r="FT39" s="102">
        <v>40</v>
      </c>
      <c r="FU39" s="103">
        <v>273</v>
      </c>
      <c r="FV39" s="104">
        <v>306</v>
      </c>
      <c r="FW39" s="101">
        <v>1</v>
      </c>
      <c r="FX39" s="102">
        <v>3</v>
      </c>
      <c r="FY39" s="103">
        <v>4</v>
      </c>
      <c r="FZ39" s="412">
        <v>0</v>
      </c>
      <c r="GA39" s="102">
        <v>2</v>
      </c>
      <c r="GB39" s="102">
        <v>4</v>
      </c>
      <c r="GC39" s="102">
        <v>2</v>
      </c>
      <c r="GD39" s="102">
        <v>5</v>
      </c>
      <c r="GE39" s="102">
        <v>4</v>
      </c>
      <c r="GF39" s="103">
        <v>17</v>
      </c>
      <c r="GG39" s="104">
        <v>21</v>
      </c>
      <c r="GH39" s="101">
        <v>102</v>
      </c>
      <c r="GI39" s="102">
        <v>191</v>
      </c>
      <c r="GJ39" s="103">
        <v>293</v>
      </c>
      <c r="GK39" s="412">
        <v>0</v>
      </c>
      <c r="GL39" s="102">
        <v>248</v>
      </c>
      <c r="GM39" s="102">
        <v>229</v>
      </c>
      <c r="GN39" s="102">
        <v>192</v>
      </c>
      <c r="GO39" s="102">
        <v>167</v>
      </c>
      <c r="GP39" s="102">
        <v>136</v>
      </c>
      <c r="GQ39" s="103">
        <v>972</v>
      </c>
      <c r="GR39" s="104">
        <v>1265</v>
      </c>
      <c r="GS39" s="105">
        <v>163</v>
      </c>
      <c r="GT39" s="97">
        <v>274</v>
      </c>
      <c r="GU39" s="98">
        <v>437</v>
      </c>
      <c r="GV39" s="412">
        <v>0</v>
      </c>
      <c r="GW39" s="97">
        <v>417</v>
      </c>
      <c r="GX39" s="97">
        <v>374</v>
      </c>
      <c r="GY39" s="97">
        <v>303</v>
      </c>
      <c r="GZ39" s="97">
        <v>253</v>
      </c>
      <c r="HA39" s="97">
        <v>179</v>
      </c>
      <c r="HB39" s="99">
        <v>1526</v>
      </c>
      <c r="HC39" s="100">
        <v>1963</v>
      </c>
      <c r="HD39" s="101">
        <v>4</v>
      </c>
      <c r="HE39" s="102">
        <v>9</v>
      </c>
      <c r="HF39" s="103">
        <v>13</v>
      </c>
      <c r="HG39" s="415">
        <v>0</v>
      </c>
      <c r="HH39" s="102">
        <v>15</v>
      </c>
      <c r="HI39" s="102">
        <v>19</v>
      </c>
      <c r="HJ39" s="102">
        <v>15</v>
      </c>
      <c r="HK39" s="102">
        <v>9</v>
      </c>
      <c r="HL39" s="102">
        <v>8</v>
      </c>
      <c r="HM39" s="103">
        <v>66</v>
      </c>
      <c r="HN39" s="104">
        <v>79</v>
      </c>
      <c r="HO39" s="101">
        <v>10</v>
      </c>
      <c r="HP39" s="102">
        <v>36</v>
      </c>
      <c r="HQ39" s="103">
        <v>46</v>
      </c>
      <c r="HR39" s="412">
        <v>0</v>
      </c>
      <c r="HS39" s="102">
        <v>32</v>
      </c>
      <c r="HT39" s="102">
        <v>41</v>
      </c>
      <c r="HU39" s="102">
        <v>24</v>
      </c>
      <c r="HV39" s="102">
        <v>23</v>
      </c>
      <c r="HW39" s="102">
        <v>19</v>
      </c>
      <c r="HX39" s="103">
        <v>139</v>
      </c>
      <c r="HY39" s="104">
        <v>185</v>
      </c>
      <c r="HZ39" s="101">
        <v>39</v>
      </c>
      <c r="IA39" s="102">
        <v>39</v>
      </c>
      <c r="IB39" s="103">
        <v>78</v>
      </c>
      <c r="IC39" s="412">
        <v>0</v>
      </c>
      <c r="ID39" s="102">
        <v>71</v>
      </c>
      <c r="IE39" s="102">
        <v>60</v>
      </c>
      <c r="IF39" s="102">
        <v>43</v>
      </c>
      <c r="IG39" s="102">
        <v>35</v>
      </c>
      <c r="IH39" s="102">
        <v>23</v>
      </c>
      <c r="II39" s="103">
        <v>232</v>
      </c>
      <c r="IJ39" s="104">
        <v>310</v>
      </c>
      <c r="IK39" s="101">
        <v>59</v>
      </c>
      <c r="IL39" s="102">
        <v>84</v>
      </c>
      <c r="IM39" s="103">
        <v>143</v>
      </c>
      <c r="IN39" s="412">
        <v>0</v>
      </c>
      <c r="IO39" s="102">
        <v>122</v>
      </c>
      <c r="IP39" s="102">
        <v>94</v>
      </c>
      <c r="IQ39" s="102">
        <v>63</v>
      </c>
      <c r="IR39" s="102">
        <v>53</v>
      </c>
      <c r="IS39" s="102">
        <v>39</v>
      </c>
      <c r="IT39" s="103">
        <v>371</v>
      </c>
      <c r="IU39" s="104">
        <v>514</v>
      </c>
      <c r="IV39" s="101">
        <v>34</v>
      </c>
      <c r="IW39" s="102">
        <v>71</v>
      </c>
      <c r="IX39" s="103">
        <v>105</v>
      </c>
      <c r="IY39" s="412">
        <v>0</v>
      </c>
      <c r="IZ39" s="102">
        <v>115</v>
      </c>
      <c r="JA39" s="102">
        <v>78</v>
      </c>
      <c r="JB39" s="102">
        <v>73</v>
      </c>
      <c r="JC39" s="102">
        <v>58</v>
      </c>
      <c r="JD39" s="102">
        <v>45</v>
      </c>
      <c r="JE39" s="103">
        <v>369</v>
      </c>
      <c r="JF39" s="104">
        <v>474</v>
      </c>
      <c r="JG39" s="101">
        <v>17</v>
      </c>
      <c r="JH39" s="102">
        <v>35</v>
      </c>
      <c r="JI39" s="103">
        <v>52</v>
      </c>
      <c r="JJ39" s="412">
        <v>0</v>
      </c>
      <c r="JK39" s="102">
        <v>62</v>
      </c>
      <c r="JL39" s="102">
        <v>82</v>
      </c>
      <c r="JM39" s="102">
        <v>85</v>
      </c>
      <c r="JN39" s="102">
        <v>75</v>
      </c>
      <c r="JO39" s="102">
        <v>45</v>
      </c>
      <c r="JP39" s="103">
        <v>349</v>
      </c>
      <c r="JQ39" s="104">
        <v>401</v>
      </c>
      <c r="JR39" s="101">
        <v>3</v>
      </c>
      <c r="JS39" s="102">
        <v>4</v>
      </c>
      <c r="JT39" s="103">
        <v>7</v>
      </c>
      <c r="JU39" s="412">
        <v>0</v>
      </c>
      <c r="JV39" s="102">
        <v>7</v>
      </c>
      <c r="JW39" s="102">
        <v>8</v>
      </c>
      <c r="JX39" s="102">
        <v>8</v>
      </c>
      <c r="JY39" s="102">
        <v>13</v>
      </c>
      <c r="JZ39" s="102">
        <v>6</v>
      </c>
      <c r="KA39" s="103">
        <v>42</v>
      </c>
      <c r="KB39" s="104">
        <v>49</v>
      </c>
      <c r="KC39" s="101">
        <v>166</v>
      </c>
      <c r="KD39" s="102">
        <v>278</v>
      </c>
      <c r="KE39" s="103">
        <v>444</v>
      </c>
      <c r="KF39" s="412">
        <v>0</v>
      </c>
      <c r="KG39" s="102">
        <v>424</v>
      </c>
      <c r="KH39" s="102">
        <v>382</v>
      </c>
      <c r="KI39" s="102">
        <v>311</v>
      </c>
      <c r="KJ39" s="102">
        <v>266</v>
      </c>
      <c r="KK39" s="102">
        <v>185</v>
      </c>
      <c r="KL39" s="103">
        <v>1568</v>
      </c>
      <c r="KM39" s="104">
        <v>2012</v>
      </c>
    </row>
    <row r="40" spans="2:299" s="70" customFormat="1" ht="21" customHeight="1" thickBot="1" x14ac:dyDescent="0.25">
      <c r="B40" s="108" t="s">
        <v>37</v>
      </c>
      <c r="C40" s="109">
        <v>4</v>
      </c>
      <c r="D40" s="110">
        <v>1</v>
      </c>
      <c r="E40" s="111">
        <v>5</v>
      </c>
      <c r="F40" s="413">
        <v>0</v>
      </c>
      <c r="G40" s="110">
        <v>8</v>
      </c>
      <c r="H40" s="110">
        <v>7</v>
      </c>
      <c r="I40" s="110">
        <v>8</v>
      </c>
      <c r="J40" s="110">
        <v>6</v>
      </c>
      <c r="K40" s="110">
        <v>3</v>
      </c>
      <c r="L40" s="112">
        <v>32</v>
      </c>
      <c r="M40" s="113">
        <v>37</v>
      </c>
      <c r="N40" s="114">
        <v>1</v>
      </c>
      <c r="O40" s="115">
        <v>1</v>
      </c>
      <c r="P40" s="116">
        <v>2</v>
      </c>
      <c r="Q40" s="413">
        <v>0</v>
      </c>
      <c r="R40" s="115">
        <v>0</v>
      </c>
      <c r="S40" s="115">
        <v>0</v>
      </c>
      <c r="T40" s="115">
        <v>0</v>
      </c>
      <c r="U40" s="115">
        <v>1</v>
      </c>
      <c r="V40" s="115">
        <v>0</v>
      </c>
      <c r="W40" s="116">
        <v>1</v>
      </c>
      <c r="X40" s="117">
        <v>3</v>
      </c>
      <c r="Y40" s="114">
        <v>0</v>
      </c>
      <c r="Z40" s="115">
        <v>0</v>
      </c>
      <c r="AA40" s="116">
        <v>0</v>
      </c>
      <c r="AB40" s="413">
        <v>0</v>
      </c>
      <c r="AC40" s="115">
        <v>0</v>
      </c>
      <c r="AD40" s="115">
        <v>1</v>
      </c>
      <c r="AE40" s="115">
        <v>2</v>
      </c>
      <c r="AF40" s="115">
        <v>1</v>
      </c>
      <c r="AG40" s="115">
        <v>1</v>
      </c>
      <c r="AH40" s="116">
        <v>5</v>
      </c>
      <c r="AI40" s="117">
        <v>5</v>
      </c>
      <c r="AJ40" s="114">
        <v>1</v>
      </c>
      <c r="AK40" s="115">
        <v>0</v>
      </c>
      <c r="AL40" s="116">
        <v>1</v>
      </c>
      <c r="AM40" s="413">
        <v>0</v>
      </c>
      <c r="AN40" s="115">
        <v>2</v>
      </c>
      <c r="AO40" s="115">
        <v>1</v>
      </c>
      <c r="AP40" s="115">
        <v>3</v>
      </c>
      <c r="AQ40" s="115">
        <v>0</v>
      </c>
      <c r="AR40" s="115">
        <v>0</v>
      </c>
      <c r="AS40" s="116">
        <v>6</v>
      </c>
      <c r="AT40" s="117">
        <v>7</v>
      </c>
      <c r="AU40" s="114">
        <v>1</v>
      </c>
      <c r="AV40" s="115">
        <v>0</v>
      </c>
      <c r="AW40" s="116">
        <v>1</v>
      </c>
      <c r="AX40" s="413">
        <v>0</v>
      </c>
      <c r="AY40" s="115">
        <v>3</v>
      </c>
      <c r="AZ40" s="115">
        <v>1</v>
      </c>
      <c r="BA40" s="115">
        <v>1</v>
      </c>
      <c r="BB40" s="115">
        <v>1</v>
      </c>
      <c r="BC40" s="115">
        <v>0</v>
      </c>
      <c r="BD40" s="116">
        <v>6</v>
      </c>
      <c r="BE40" s="117">
        <v>7</v>
      </c>
      <c r="BF40" s="114">
        <v>0</v>
      </c>
      <c r="BG40" s="115">
        <v>0</v>
      </c>
      <c r="BH40" s="116">
        <v>0</v>
      </c>
      <c r="BI40" s="413">
        <v>0</v>
      </c>
      <c r="BJ40" s="115">
        <v>1</v>
      </c>
      <c r="BK40" s="115">
        <v>2</v>
      </c>
      <c r="BL40" s="115">
        <v>2</v>
      </c>
      <c r="BM40" s="115">
        <v>2</v>
      </c>
      <c r="BN40" s="115">
        <v>1</v>
      </c>
      <c r="BO40" s="116">
        <v>8</v>
      </c>
      <c r="BP40" s="117">
        <v>8</v>
      </c>
      <c r="BQ40" s="114">
        <v>1</v>
      </c>
      <c r="BR40" s="115">
        <v>0</v>
      </c>
      <c r="BS40" s="116">
        <v>1</v>
      </c>
      <c r="BT40" s="413">
        <v>0</v>
      </c>
      <c r="BU40" s="115">
        <v>2</v>
      </c>
      <c r="BV40" s="115">
        <v>2</v>
      </c>
      <c r="BW40" s="115">
        <v>0</v>
      </c>
      <c r="BX40" s="115">
        <v>1</v>
      </c>
      <c r="BY40" s="115">
        <v>1</v>
      </c>
      <c r="BZ40" s="116">
        <v>6</v>
      </c>
      <c r="CA40" s="117">
        <v>7</v>
      </c>
      <c r="CB40" s="114">
        <v>0</v>
      </c>
      <c r="CC40" s="115">
        <v>0</v>
      </c>
      <c r="CD40" s="116">
        <v>0</v>
      </c>
      <c r="CE40" s="413">
        <v>0</v>
      </c>
      <c r="CF40" s="115">
        <v>0</v>
      </c>
      <c r="CG40" s="115">
        <v>1</v>
      </c>
      <c r="CH40" s="115">
        <v>0</v>
      </c>
      <c r="CI40" s="115">
        <v>2</v>
      </c>
      <c r="CJ40" s="115">
        <v>0</v>
      </c>
      <c r="CK40" s="116">
        <v>3</v>
      </c>
      <c r="CL40" s="117">
        <v>3</v>
      </c>
      <c r="CM40" s="114">
        <v>4</v>
      </c>
      <c r="CN40" s="115">
        <v>1</v>
      </c>
      <c r="CO40" s="116">
        <v>5</v>
      </c>
      <c r="CP40" s="413">
        <v>0</v>
      </c>
      <c r="CQ40" s="115">
        <v>8</v>
      </c>
      <c r="CR40" s="115">
        <v>8</v>
      </c>
      <c r="CS40" s="115">
        <v>8</v>
      </c>
      <c r="CT40" s="115">
        <v>8</v>
      </c>
      <c r="CU40" s="115">
        <v>3</v>
      </c>
      <c r="CV40" s="116">
        <v>35</v>
      </c>
      <c r="CW40" s="117">
        <v>40</v>
      </c>
      <c r="CX40" s="118">
        <v>18</v>
      </c>
      <c r="CY40" s="110">
        <v>1</v>
      </c>
      <c r="CZ40" s="111">
        <v>19</v>
      </c>
      <c r="DA40" s="413">
        <v>0</v>
      </c>
      <c r="DB40" s="110">
        <v>22</v>
      </c>
      <c r="DC40" s="110">
        <v>19</v>
      </c>
      <c r="DD40" s="110">
        <v>26</v>
      </c>
      <c r="DE40" s="110">
        <v>19</v>
      </c>
      <c r="DF40" s="110">
        <v>15</v>
      </c>
      <c r="DG40" s="112">
        <v>101</v>
      </c>
      <c r="DH40" s="113">
        <v>120</v>
      </c>
      <c r="DI40" s="114">
        <v>0</v>
      </c>
      <c r="DJ40" s="115">
        <v>0</v>
      </c>
      <c r="DK40" s="116">
        <v>0</v>
      </c>
      <c r="DL40" s="413">
        <v>0</v>
      </c>
      <c r="DM40" s="115">
        <v>0</v>
      </c>
      <c r="DN40" s="115">
        <v>0</v>
      </c>
      <c r="DO40" s="115">
        <v>1</v>
      </c>
      <c r="DP40" s="115">
        <v>0</v>
      </c>
      <c r="DQ40" s="115">
        <v>1</v>
      </c>
      <c r="DR40" s="116">
        <v>2</v>
      </c>
      <c r="DS40" s="117">
        <v>2</v>
      </c>
      <c r="DT40" s="114">
        <v>2</v>
      </c>
      <c r="DU40" s="115">
        <v>0</v>
      </c>
      <c r="DV40" s="116">
        <v>2</v>
      </c>
      <c r="DW40" s="413">
        <v>0</v>
      </c>
      <c r="DX40" s="115">
        <v>0</v>
      </c>
      <c r="DY40" s="115">
        <v>0</v>
      </c>
      <c r="DZ40" s="115">
        <v>0</v>
      </c>
      <c r="EA40" s="115">
        <v>2</v>
      </c>
      <c r="EB40" s="115">
        <v>1</v>
      </c>
      <c r="EC40" s="116">
        <v>3</v>
      </c>
      <c r="ED40" s="117">
        <v>5</v>
      </c>
      <c r="EE40" s="114">
        <v>1</v>
      </c>
      <c r="EF40" s="115">
        <v>0</v>
      </c>
      <c r="EG40" s="116">
        <v>1</v>
      </c>
      <c r="EH40" s="413">
        <v>0</v>
      </c>
      <c r="EI40" s="115">
        <v>1</v>
      </c>
      <c r="EJ40" s="115">
        <v>3</v>
      </c>
      <c r="EK40" s="115">
        <v>3</v>
      </c>
      <c r="EL40" s="115">
        <v>1</v>
      </c>
      <c r="EM40" s="115">
        <v>0</v>
      </c>
      <c r="EN40" s="116">
        <v>8</v>
      </c>
      <c r="EO40" s="117">
        <v>9</v>
      </c>
      <c r="EP40" s="114">
        <v>6</v>
      </c>
      <c r="EQ40" s="115">
        <v>1</v>
      </c>
      <c r="ER40" s="116">
        <v>7</v>
      </c>
      <c r="ES40" s="413">
        <v>0</v>
      </c>
      <c r="ET40" s="115">
        <v>6</v>
      </c>
      <c r="EU40" s="115">
        <v>5</v>
      </c>
      <c r="EV40" s="115">
        <v>4</v>
      </c>
      <c r="EW40" s="115">
        <v>4</v>
      </c>
      <c r="EX40" s="115">
        <v>4</v>
      </c>
      <c r="EY40" s="116">
        <v>23</v>
      </c>
      <c r="EZ40" s="117">
        <v>30</v>
      </c>
      <c r="FA40" s="114">
        <v>6</v>
      </c>
      <c r="FB40" s="115">
        <v>0</v>
      </c>
      <c r="FC40" s="116">
        <v>6</v>
      </c>
      <c r="FD40" s="413">
        <v>0</v>
      </c>
      <c r="FE40" s="115">
        <v>7</v>
      </c>
      <c r="FF40" s="115">
        <v>4</v>
      </c>
      <c r="FG40" s="115">
        <v>9</v>
      </c>
      <c r="FH40" s="115">
        <v>5</v>
      </c>
      <c r="FI40" s="115">
        <v>6</v>
      </c>
      <c r="FJ40" s="116">
        <v>31</v>
      </c>
      <c r="FK40" s="117">
        <v>37</v>
      </c>
      <c r="FL40" s="114">
        <v>3</v>
      </c>
      <c r="FM40" s="115">
        <v>0</v>
      </c>
      <c r="FN40" s="116">
        <v>3</v>
      </c>
      <c r="FO40" s="413">
        <v>0</v>
      </c>
      <c r="FP40" s="115">
        <v>8</v>
      </c>
      <c r="FQ40" s="115">
        <v>7</v>
      </c>
      <c r="FR40" s="115">
        <v>9</v>
      </c>
      <c r="FS40" s="115">
        <v>7</v>
      </c>
      <c r="FT40" s="115">
        <v>3</v>
      </c>
      <c r="FU40" s="116">
        <v>34</v>
      </c>
      <c r="FV40" s="117">
        <v>37</v>
      </c>
      <c r="FW40" s="114">
        <v>0</v>
      </c>
      <c r="FX40" s="115">
        <v>0</v>
      </c>
      <c r="FY40" s="116">
        <v>0</v>
      </c>
      <c r="FZ40" s="413">
        <v>0</v>
      </c>
      <c r="GA40" s="115">
        <v>0</v>
      </c>
      <c r="GB40" s="115">
        <v>2</v>
      </c>
      <c r="GC40" s="115">
        <v>0</v>
      </c>
      <c r="GD40" s="115">
        <v>0</v>
      </c>
      <c r="GE40" s="115">
        <v>0</v>
      </c>
      <c r="GF40" s="116">
        <v>2</v>
      </c>
      <c r="GG40" s="117">
        <v>2</v>
      </c>
      <c r="GH40" s="114">
        <v>18</v>
      </c>
      <c r="GI40" s="115">
        <v>1</v>
      </c>
      <c r="GJ40" s="116">
        <v>19</v>
      </c>
      <c r="GK40" s="413">
        <v>0</v>
      </c>
      <c r="GL40" s="115">
        <v>22</v>
      </c>
      <c r="GM40" s="115">
        <v>21</v>
      </c>
      <c r="GN40" s="115">
        <v>26</v>
      </c>
      <c r="GO40" s="115">
        <v>19</v>
      </c>
      <c r="GP40" s="115">
        <v>15</v>
      </c>
      <c r="GQ40" s="116">
        <v>103</v>
      </c>
      <c r="GR40" s="117">
        <v>122</v>
      </c>
      <c r="GS40" s="118">
        <v>22</v>
      </c>
      <c r="GT40" s="110">
        <v>2</v>
      </c>
      <c r="GU40" s="111">
        <v>24</v>
      </c>
      <c r="GV40" s="413">
        <v>0</v>
      </c>
      <c r="GW40" s="110">
        <v>30</v>
      </c>
      <c r="GX40" s="110">
        <v>26</v>
      </c>
      <c r="GY40" s="110">
        <v>34</v>
      </c>
      <c r="GZ40" s="110">
        <v>25</v>
      </c>
      <c r="HA40" s="110">
        <v>18</v>
      </c>
      <c r="HB40" s="112">
        <v>133</v>
      </c>
      <c r="HC40" s="113">
        <v>157</v>
      </c>
      <c r="HD40" s="114">
        <v>1</v>
      </c>
      <c r="HE40" s="115">
        <v>1</v>
      </c>
      <c r="HF40" s="116">
        <v>2</v>
      </c>
      <c r="HG40" s="416">
        <v>0</v>
      </c>
      <c r="HH40" s="115">
        <v>0</v>
      </c>
      <c r="HI40" s="115">
        <v>0</v>
      </c>
      <c r="HJ40" s="115">
        <v>1</v>
      </c>
      <c r="HK40" s="115">
        <v>1</v>
      </c>
      <c r="HL40" s="115">
        <v>1</v>
      </c>
      <c r="HM40" s="116">
        <v>3</v>
      </c>
      <c r="HN40" s="117">
        <v>5</v>
      </c>
      <c r="HO40" s="114">
        <v>2</v>
      </c>
      <c r="HP40" s="115">
        <v>0</v>
      </c>
      <c r="HQ40" s="116">
        <v>2</v>
      </c>
      <c r="HR40" s="413">
        <v>0</v>
      </c>
      <c r="HS40" s="115">
        <v>0</v>
      </c>
      <c r="HT40" s="115">
        <v>1</v>
      </c>
      <c r="HU40" s="115">
        <v>2</v>
      </c>
      <c r="HV40" s="115">
        <v>3</v>
      </c>
      <c r="HW40" s="115">
        <v>2</v>
      </c>
      <c r="HX40" s="116">
        <v>8</v>
      </c>
      <c r="HY40" s="117">
        <v>10</v>
      </c>
      <c r="HZ40" s="114">
        <v>2</v>
      </c>
      <c r="IA40" s="115">
        <v>0</v>
      </c>
      <c r="IB40" s="116">
        <v>2</v>
      </c>
      <c r="IC40" s="413">
        <v>0</v>
      </c>
      <c r="ID40" s="115">
        <v>3</v>
      </c>
      <c r="IE40" s="115">
        <v>4</v>
      </c>
      <c r="IF40" s="115">
        <v>6</v>
      </c>
      <c r="IG40" s="115">
        <v>1</v>
      </c>
      <c r="IH40" s="115">
        <v>0</v>
      </c>
      <c r="II40" s="116">
        <v>14</v>
      </c>
      <c r="IJ40" s="117">
        <v>16</v>
      </c>
      <c r="IK40" s="114">
        <v>7</v>
      </c>
      <c r="IL40" s="115">
        <v>1</v>
      </c>
      <c r="IM40" s="116">
        <v>8</v>
      </c>
      <c r="IN40" s="413">
        <v>0</v>
      </c>
      <c r="IO40" s="115">
        <v>9</v>
      </c>
      <c r="IP40" s="115">
        <v>6</v>
      </c>
      <c r="IQ40" s="115">
        <v>5</v>
      </c>
      <c r="IR40" s="115">
        <v>5</v>
      </c>
      <c r="IS40" s="115">
        <v>4</v>
      </c>
      <c r="IT40" s="116">
        <v>29</v>
      </c>
      <c r="IU40" s="117">
        <v>37</v>
      </c>
      <c r="IV40" s="114">
        <v>6</v>
      </c>
      <c r="IW40" s="115">
        <v>0</v>
      </c>
      <c r="IX40" s="116">
        <v>6</v>
      </c>
      <c r="IY40" s="413">
        <v>0</v>
      </c>
      <c r="IZ40" s="115">
        <v>8</v>
      </c>
      <c r="JA40" s="115">
        <v>6</v>
      </c>
      <c r="JB40" s="115">
        <v>11</v>
      </c>
      <c r="JC40" s="115">
        <v>7</v>
      </c>
      <c r="JD40" s="115">
        <v>7</v>
      </c>
      <c r="JE40" s="116">
        <v>39</v>
      </c>
      <c r="JF40" s="117">
        <v>45</v>
      </c>
      <c r="JG40" s="114">
        <v>4</v>
      </c>
      <c r="JH40" s="115">
        <v>0</v>
      </c>
      <c r="JI40" s="116">
        <v>4</v>
      </c>
      <c r="JJ40" s="413">
        <v>0</v>
      </c>
      <c r="JK40" s="115">
        <v>10</v>
      </c>
      <c r="JL40" s="115">
        <v>9</v>
      </c>
      <c r="JM40" s="115">
        <v>9</v>
      </c>
      <c r="JN40" s="115">
        <v>8</v>
      </c>
      <c r="JO40" s="115">
        <v>4</v>
      </c>
      <c r="JP40" s="116">
        <v>40</v>
      </c>
      <c r="JQ40" s="117">
        <v>44</v>
      </c>
      <c r="JR40" s="114">
        <v>0</v>
      </c>
      <c r="JS40" s="115">
        <v>0</v>
      </c>
      <c r="JT40" s="116">
        <v>0</v>
      </c>
      <c r="JU40" s="413">
        <v>0</v>
      </c>
      <c r="JV40" s="115">
        <v>0</v>
      </c>
      <c r="JW40" s="115">
        <v>3</v>
      </c>
      <c r="JX40" s="115">
        <v>0</v>
      </c>
      <c r="JY40" s="115">
        <v>2</v>
      </c>
      <c r="JZ40" s="115">
        <v>0</v>
      </c>
      <c r="KA40" s="116">
        <v>5</v>
      </c>
      <c r="KB40" s="117">
        <v>5</v>
      </c>
      <c r="KC40" s="114">
        <v>22</v>
      </c>
      <c r="KD40" s="115">
        <v>2</v>
      </c>
      <c r="KE40" s="116">
        <v>24</v>
      </c>
      <c r="KF40" s="413">
        <v>0</v>
      </c>
      <c r="KG40" s="115">
        <v>30</v>
      </c>
      <c r="KH40" s="115">
        <v>29</v>
      </c>
      <c r="KI40" s="115">
        <v>34</v>
      </c>
      <c r="KJ40" s="115">
        <v>27</v>
      </c>
      <c r="KK40" s="115">
        <v>18</v>
      </c>
      <c r="KL40" s="116">
        <v>138</v>
      </c>
      <c r="KM40" s="117">
        <v>162</v>
      </c>
    </row>
    <row r="41" spans="2:299" ht="32.25" customHeight="1" x14ac:dyDescent="0.2"/>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5</v>
      </c>
      <c r="H1" s="451">
        <f>IF(G1&lt;3,G1-2+12,G1-2)</f>
        <v>3</v>
      </c>
      <c r="I1" s="451"/>
    </row>
    <row r="2" spans="2:43" ht="24" customHeight="1" thickBot="1" x14ac:dyDescent="0.25">
      <c r="B2" s="10" t="s">
        <v>155</v>
      </c>
      <c r="F2" s="10" t="s">
        <v>137</v>
      </c>
    </row>
    <row r="3" spans="2:43" ht="21" customHeight="1" x14ac:dyDescent="0.2">
      <c r="B3" s="508"/>
      <c r="C3" s="511" t="s">
        <v>57</v>
      </c>
      <c r="D3" s="512"/>
      <c r="E3" s="512"/>
      <c r="F3" s="512"/>
      <c r="G3" s="512"/>
      <c r="H3" s="512"/>
      <c r="I3" s="512"/>
      <c r="J3" s="512"/>
      <c r="K3" s="512"/>
      <c r="L3" s="512"/>
      <c r="M3" s="511" t="s">
        <v>58</v>
      </c>
      <c r="N3" s="514"/>
      <c r="O3" s="514"/>
      <c r="P3" s="514"/>
      <c r="Q3" s="514"/>
      <c r="R3" s="514"/>
      <c r="S3" s="514"/>
      <c r="T3" s="514"/>
      <c r="U3" s="514"/>
      <c r="V3" s="514"/>
      <c r="W3" s="511" t="s">
        <v>59</v>
      </c>
      <c r="X3" s="512"/>
      <c r="Y3" s="512"/>
      <c r="Z3" s="512"/>
      <c r="AA3" s="512"/>
      <c r="AB3" s="512"/>
      <c r="AC3" s="512"/>
      <c r="AD3" s="512"/>
      <c r="AE3" s="512"/>
      <c r="AF3" s="512"/>
      <c r="AG3" s="511" t="s">
        <v>148</v>
      </c>
      <c r="AH3" s="512"/>
      <c r="AI3" s="512"/>
      <c r="AJ3" s="512"/>
      <c r="AK3" s="512"/>
      <c r="AL3" s="512"/>
      <c r="AM3" s="512"/>
      <c r="AN3" s="512"/>
      <c r="AO3" s="512"/>
      <c r="AP3" s="513"/>
    </row>
    <row r="4" spans="2:43" ht="21" customHeight="1" x14ac:dyDescent="0.2">
      <c r="B4" s="510"/>
      <c r="C4" s="516" t="s">
        <v>61</v>
      </c>
      <c r="D4" s="517"/>
      <c r="E4" s="518"/>
      <c r="F4" s="519" t="s">
        <v>62</v>
      </c>
      <c r="G4" s="520"/>
      <c r="H4" s="520"/>
      <c r="I4" s="520"/>
      <c r="J4" s="520"/>
      <c r="K4" s="521"/>
      <c r="L4" s="531" t="s">
        <v>52</v>
      </c>
      <c r="M4" s="516" t="s">
        <v>61</v>
      </c>
      <c r="N4" s="517"/>
      <c r="O4" s="518"/>
      <c r="P4" s="519" t="s">
        <v>62</v>
      </c>
      <c r="Q4" s="520"/>
      <c r="R4" s="520"/>
      <c r="S4" s="520"/>
      <c r="T4" s="520"/>
      <c r="U4" s="521"/>
      <c r="V4" s="522" t="s">
        <v>52</v>
      </c>
      <c r="W4" s="516" t="s">
        <v>61</v>
      </c>
      <c r="X4" s="517"/>
      <c r="Y4" s="518"/>
      <c r="Z4" s="519" t="s">
        <v>62</v>
      </c>
      <c r="AA4" s="520"/>
      <c r="AB4" s="520"/>
      <c r="AC4" s="520"/>
      <c r="AD4" s="520"/>
      <c r="AE4" s="521"/>
      <c r="AF4" s="531" t="s">
        <v>52</v>
      </c>
      <c r="AG4" s="516" t="s">
        <v>61</v>
      </c>
      <c r="AH4" s="517"/>
      <c r="AI4" s="518"/>
      <c r="AJ4" s="519" t="s">
        <v>62</v>
      </c>
      <c r="AK4" s="520"/>
      <c r="AL4" s="520"/>
      <c r="AM4" s="520"/>
      <c r="AN4" s="520"/>
      <c r="AO4" s="521"/>
      <c r="AP4" s="522"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30"/>
      <c r="M5" s="229" t="s">
        <v>43</v>
      </c>
      <c r="N5" s="230" t="s">
        <v>44</v>
      </c>
      <c r="O5" s="234" t="s">
        <v>45</v>
      </c>
      <c r="P5" s="235" t="s">
        <v>47</v>
      </c>
      <c r="Q5" s="232" t="s">
        <v>48</v>
      </c>
      <c r="R5" s="232" t="s">
        <v>49</v>
      </c>
      <c r="S5" s="233" t="s">
        <v>50</v>
      </c>
      <c r="T5" s="230" t="s">
        <v>51</v>
      </c>
      <c r="U5" s="234" t="s">
        <v>45</v>
      </c>
      <c r="V5" s="523"/>
      <c r="W5" s="229" t="s">
        <v>43</v>
      </c>
      <c r="X5" s="230" t="s">
        <v>44</v>
      </c>
      <c r="Y5" s="230" t="s">
        <v>45</v>
      </c>
      <c r="Z5" s="231" t="s">
        <v>47</v>
      </c>
      <c r="AA5" s="232" t="s">
        <v>48</v>
      </c>
      <c r="AB5" s="232" t="s">
        <v>49</v>
      </c>
      <c r="AC5" s="233" t="s">
        <v>50</v>
      </c>
      <c r="AD5" s="230" t="s">
        <v>51</v>
      </c>
      <c r="AE5" s="234" t="s">
        <v>45</v>
      </c>
      <c r="AF5" s="530"/>
      <c r="AG5" s="229" t="s">
        <v>43</v>
      </c>
      <c r="AH5" s="230" t="s">
        <v>44</v>
      </c>
      <c r="AI5" s="230" t="s">
        <v>45</v>
      </c>
      <c r="AJ5" s="231" t="s">
        <v>47</v>
      </c>
      <c r="AK5" s="232" t="s">
        <v>48</v>
      </c>
      <c r="AL5" s="232" t="s">
        <v>49</v>
      </c>
      <c r="AM5" s="233" t="s">
        <v>50</v>
      </c>
      <c r="AN5" s="230" t="s">
        <v>51</v>
      </c>
      <c r="AO5" s="234" t="s">
        <v>45</v>
      </c>
      <c r="AP5" s="523"/>
    </row>
    <row r="6" spans="2:43" ht="21" customHeight="1" x14ac:dyDescent="0.2">
      <c r="B6" s="84" t="s">
        <v>4</v>
      </c>
      <c r="C6" s="211">
        <v>0</v>
      </c>
      <c r="D6" s="213">
        <v>0</v>
      </c>
      <c r="E6" s="213">
        <v>0</v>
      </c>
      <c r="F6" s="214">
        <v>14</v>
      </c>
      <c r="G6" s="212">
        <v>73</v>
      </c>
      <c r="H6" s="212">
        <v>464</v>
      </c>
      <c r="I6" s="212">
        <v>683</v>
      </c>
      <c r="J6" s="213">
        <v>336</v>
      </c>
      <c r="K6" s="236">
        <v>1570</v>
      </c>
      <c r="L6" s="237">
        <v>1570</v>
      </c>
      <c r="M6" s="211">
        <v>0</v>
      </c>
      <c r="N6" s="213">
        <v>0</v>
      </c>
      <c r="O6" s="236">
        <v>0</v>
      </c>
      <c r="P6" s="216">
        <v>81</v>
      </c>
      <c r="Q6" s="212">
        <v>166</v>
      </c>
      <c r="R6" s="212">
        <v>266</v>
      </c>
      <c r="S6" s="212">
        <v>321</v>
      </c>
      <c r="T6" s="213">
        <v>159</v>
      </c>
      <c r="U6" s="236">
        <v>993</v>
      </c>
      <c r="V6" s="215">
        <v>993</v>
      </c>
      <c r="W6" s="216">
        <v>0</v>
      </c>
      <c r="X6" s="213">
        <v>0</v>
      </c>
      <c r="Y6" s="213">
        <v>0</v>
      </c>
      <c r="Z6" s="214">
        <v>0</v>
      </c>
      <c r="AA6" s="212">
        <v>0</v>
      </c>
      <c r="AB6" s="212">
        <v>0</v>
      </c>
      <c r="AC6" s="212">
        <v>5</v>
      </c>
      <c r="AD6" s="213">
        <v>5</v>
      </c>
      <c r="AE6" s="236">
        <v>10</v>
      </c>
      <c r="AF6" s="237">
        <v>10</v>
      </c>
      <c r="AG6" s="211">
        <v>0</v>
      </c>
      <c r="AH6" s="213">
        <v>0</v>
      </c>
      <c r="AI6" s="213">
        <v>0</v>
      </c>
      <c r="AJ6" s="214">
        <v>0</v>
      </c>
      <c r="AK6" s="212">
        <v>2</v>
      </c>
      <c r="AL6" s="212">
        <v>1</v>
      </c>
      <c r="AM6" s="212">
        <v>14</v>
      </c>
      <c r="AN6" s="213">
        <v>13</v>
      </c>
      <c r="AO6" s="236">
        <v>30</v>
      </c>
      <c r="AP6" s="238">
        <v>30</v>
      </c>
      <c r="AQ6" s="239"/>
    </row>
    <row r="7" spans="2:43" ht="21" customHeight="1" x14ac:dyDescent="0.2">
      <c r="B7" s="95" t="s">
        <v>5</v>
      </c>
      <c r="C7" s="217">
        <v>0</v>
      </c>
      <c r="D7" s="219">
        <v>0</v>
      </c>
      <c r="E7" s="219">
        <v>0</v>
      </c>
      <c r="F7" s="220">
        <v>9</v>
      </c>
      <c r="G7" s="218">
        <v>58</v>
      </c>
      <c r="H7" s="218">
        <v>227</v>
      </c>
      <c r="I7" s="218">
        <v>293</v>
      </c>
      <c r="J7" s="219">
        <v>150</v>
      </c>
      <c r="K7" s="240">
        <v>737</v>
      </c>
      <c r="L7" s="241">
        <v>737</v>
      </c>
      <c r="M7" s="217">
        <v>0</v>
      </c>
      <c r="N7" s="219">
        <v>0</v>
      </c>
      <c r="O7" s="240">
        <v>0</v>
      </c>
      <c r="P7" s="222">
        <v>37</v>
      </c>
      <c r="Q7" s="218">
        <v>91</v>
      </c>
      <c r="R7" s="218">
        <v>129</v>
      </c>
      <c r="S7" s="218">
        <v>171</v>
      </c>
      <c r="T7" s="219">
        <v>76</v>
      </c>
      <c r="U7" s="240">
        <v>504</v>
      </c>
      <c r="V7" s="221">
        <v>504</v>
      </c>
      <c r="W7" s="222">
        <v>0</v>
      </c>
      <c r="X7" s="219">
        <v>0</v>
      </c>
      <c r="Y7" s="219">
        <v>0</v>
      </c>
      <c r="Z7" s="220">
        <v>0</v>
      </c>
      <c r="AA7" s="218">
        <v>0</v>
      </c>
      <c r="AB7" s="218">
        <v>0</v>
      </c>
      <c r="AC7" s="218">
        <v>4</v>
      </c>
      <c r="AD7" s="219">
        <v>2</v>
      </c>
      <c r="AE7" s="240">
        <v>6</v>
      </c>
      <c r="AF7" s="241">
        <v>6</v>
      </c>
      <c r="AG7" s="217">
        <v>0</v>
      </c>
      <c r="AH7" s="219">
        <v>0</v>
      </c>
      <c r="AI7" s="219">
        <v>0</v>
      </c>
      <c r="AJ7" s="220">
        <v>0</v>
      </c>
      <c r="AK7" s="218">
        <v>0</v>
      </c>
      <c r="AL7" s="218">
        <v>1</v>
      </c>
      <c r="AM7" s="218">
        <v>4</v>
      </c>
      <c r="AN7" s="219">
        <v>4</v>
      </c>
      <c r="AO7" s="240">
        <v>9</v>
      </c>
      <c r="AP7" s="242">
        <v>9</v>
      </c>
      <c r="AQ7" s="239"/>
    </row>
    <row r="8" spans="2:43" ht="21" customHeight="1" x14ac:dyDescent="0.2">
      <c r="B8" s="106" t="s">
        <v>6</v>
      </c>
      <c r="C8" s="217">
        <v>0</v>
      </c>
      <c r="D8" s="219">
        <v>0</v>
      </c>
      <c r="E8" s="219">
        <v>0</v>
      </c>
      <c r="F8" s="220">
        <v>2</v>
      </c>
      <c r="G8" s="218">
        <v>6</v>
      </c>
      <c r="H8" s="218">
        <v>47</v>
      </c>
      <c r="I8" s="218">
        <v>79</v>
      </c>
      <c r="J8" s="219">
        <v>41</v>
      </c>
      <c r="K8" s="240">
        <v>175</v>
      </c>
      <c r="L8" s="241">
        <v>175</v>
      </c>
      <c r="M8" s="217">
        <v>0</v>
      </c>
      <c r="N8" s="219">
        <v>0</v>
      </c>
      <c r="O8" s="240">
        <v>0</v>
      </c>
      <c r="P8" s="222">
        <v>9</v>
      </c>
      <c r="Q8" s="218">
        <v>15</v>
      </c>
      <c r="R8" s="218">
        <v>32</v>
      </c>
      <c r="S8" s="218">
        <v>34</v>
      </c>
      <c r="T8" s="219">
        <v>22</v>
      </c>
      <c r="U8" s="240">
        <v>112</v>
      </c>
      <c r="V8" s="221">
        <v>112</v>
      </c>
      <c r="W8" s="222">
        <v>0</v>
      </c>
      <c r="X8" s="219">
        <v>0</v>
      </c>
      <c r="Y8" s="219">
        <v>0</v>
      </c>
      <c r="Z8" s="220">
        <v>0</v>
      </c>
      <c r="AA8" s="218">
        <v>0</v>
      </c>
      <c r="AB8" s="218">
        <v>0</v>
      </c>
      <c r="AC8" s="218">
        <v>0</v>
      </c>
      <c r="AD8" s="219">
        <v>1</v>
      </c>
      <c r="AE8" s="240">
        <v>1</v>
      </c>
      <c r="AF8" s="241">
        <v>1</v>
      </c>
      <c r="AG8" s="217">
        <v>0</v>
      </c>
      <c r="AH8" s="219">
        <v>0</v>
      </c>
      <c r="AI8" s="219">
        <v>0</v>
      </c>
      <c r="AJ8" s="220">
        <v>0</v>
      </c>
      <c r="AK8" s="218">
        <v>1</v>
      </c>
      <c r="AL8" s="218">
        <v>0</v>
      </c>
      <c r="AM8" s="218">
        <v>0</v>
      </c>
      <c r="AN8" s="219">
        <v>2</v>
      </c>
      <c r="AO8" s="240">
        <v>3</v>
      </c>
      <c r="AP8" s="242">
        <v>3</v>
      </c>
      <c r="AQ8" s="239"/>
    </row>
    <row r="9" spans="2:43" ht="21" customHeight="1" x14ac:dyDescent="0.2">
      <c r="B9" s="106" t="s">
        <v>14</v>
      </c>
      <c r="C9" s="217">
        <v>0</v>
      </c>
      <c r="D9" s="219">
        <v>0</v>
      </c>
      <c r="E9" s="219">
        <v>0</v>
      </c>
      <c r="F9" s="220">
        <v>0</v>
      </c>
      <c r="G9" s="218">
        <v>0</v>
      </c>
      <c r="H9" s="218">
        <v>35</v>
      </c>
      <c r="I9" s="218">
        <v>49</v>
      </c>
      <c r="J9" s="219">
        <v>26</v>
      </c>
      <c r="K9" s="240">
        <v>110</v>
      </c>
      <c r="L9" s="241">
        <v>110</v>
      </c>
      <c r="M9" s="217">
        <v>0</v>
      </c>
      <c r="N9" s="219">
        <v>0</v>
      </c>
      <c r="O9" s="240">
        <v>0</v>
      </c>
      <c r="P9" s="222">
        <v>0</v>
      </c>
      <c r="Q9" s="218">
        <v>11</v>
      </c>
      <c r="R9" s="218">
        <v>15</v>
      </c>
      <c r="S9" s="218">
        <v>16</v>
      </c>
      <c r="T9" s="219">
        <v>11</v>
      </c>
      <c r="U9" s="240">
        <v>53</v>
      </c>
      <c r="V9" s="221">
        <v>53</v>
      </c>
      <c r="W9" s="222">
        <v>0</v>
      </c>
      <c r="X9" s="219">
        <v>0</v>
      </c>
      <c r="Y9" s="219">
        <v>0</v>
      </c>
      <c r="Z9" s="220">
        <v>0</v>
      </c>
      <c r="AA9" s="218">
        <v>0</v>
      </c>
      <c r="AB9" s="218">
        <v>0</v>
      </c>
      <c r="AC9" s="218">
        <v>0</v>
      </c>
      <c r="AD9" s="219">
        <v>1</v>
      </c>
      <c r="AE9" s="240">
        <v>1</v>
      </c>
      <c r="AF9" s="241">
        <v>1</v>
      </c>
      <c r="AG9" s="217">
        <v>0</v>
      </c>
      <c r="AH9" s="219">
        <v>0</v>
      </c>
      <c r="AI9" s="219">
        <v>0</v>
      </c>
      <c r="AJ9" s="220">
        <v>0</v>
      </c>
      <c r="AK9" s="218">
        <v>0</v>
      </c>
      <c r="AL9" s="218">
        <v>0</v>
      </c>
      <c r="AM9" s="218">
        <v>3</v>
      </c>
      <c r="AN9" s="219">
        <v>4</v>
      </c>
      <c r="AO9" s="240">
        <v>7</v>
      </c>
      <c r="AP9" s="242">
        <v>7</v>
      </c>
      <c r="AQ9" s="239"/>
    </row>
    <row r="10" spans="2:43" ht="21" customHeight="1" x14ac:dyDescent="0.2">
      <c r="B10" s="106" t="s">
        <v>7</v>
      </c>
      <c r="C10" s="217">
        <v>0</v>
      </c>
      <c r="D10" s="219">
        <v>0</v>
      </c>
      <c r="E10" s="219">
        <v>0</v>
      </c>
      <c r="F10" s="220">
        <v>1</v>
      </c>
      <c r="G10" s="218">
        <v>1</v>
      </c>
      <c r="H10" s="218">
        <v>22</v>
      </c>
      <c r="I10" s="218">
        <v>50</v>
      </c>
      <c r="J10" s="219">
        <v>22</v>
      </c>
      <c r="K10" s="240">
        <v>96</v>
      </c>
      <c r="L10" s="241">
        <v>96</v>
      </c>
      <c r="M10" s="217">
        <v>0</v>
      </c>
      <c r="N10" s="219">
        <v>0</v>
      </c>
      <c r="O10" s="240">
        <v>0</v>
      </c>
      <c r="P10" s="222">
        <v>12</v>
      </c>
      <c r="Q10" s="218">
        <v>5</v>
      </c>
      <c r="R10" s="218">
        <v>12</v>
      </c>
      <c r="S10" s="218">
        <v>18</v>
      </c>
      <c r="T10" s="219">
        <v>3</v>
      </c>
      <c r="U10" s="240">
        <v>50</v>
      </c>
      <c r="V10" s="221">
        <v>50</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1</v>
      </c>
      <c r="AN10" s="219">
        <v>0</v>
      </c>
      <c r="AO10" s="240">
        <v>1</v>
      </c>
      <c r="AP10" s="242">
        <v>1</v>
      </c>
      <c r="AQ10" s="239"/>
    </row>
    <row r="11" spans="2:43" ht="21" customHeight="1" x14ac:dyDescent="0.2">
      <c r="B11" s="106" t="s">
        <v>8</v>
      </c>
      <c r="C11" s="217">
        <v>0</v>
      </c>
      <c r="D11" s="219">
        <v>0</v>
      </c>
      <c r="E11" s="219">
        <v>0</v>
      </c>
      <c r="F11" s="220">
        <v>1</v>
      </c>
      <c r="G11" s="218">
        <v>2</v>
      </c>
      <c r="H11" s="218">
        <v>11</v>
      </c>
      <c r="I11" s="218">
        <v>10</v>
      </c>
      <c r="J11" s="219">
        <v>7</v>
      </c>
      <c r="K11" s="240">
        <v>31</v>
      </c>
      <c r="L11" s="241">
        <v>31</v>
      </c>
      <c r="M11" s="217">
        <v>0</v>
      </c>
      <c r="N11" s="219">
        <v>0</v>
      </c>
      <c r="O11" s="240">
        <v>0</v>
      </c>
      <c r="P11" s="222">
        <v>3</v>
      </c>
      <c r="Q11" s="218">
        <v>2</v>
      </c>
      <c r="R11" s="218">
        <v>9</v>
      </c>
      <c r="S11" s="218">
        <v>4</v>
      </c>
      <c r="T11" s="219">
        <v>3</v>
      </c>
      <c r="U11" s="240">
        <v>21</v>
      </c>
      <c r="V11" s="221">
        <v>21</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1</v>
      </c>
      <c r="AN11" s="219">
        <v>0</v>
      </c>
      <c r="AO11" s="240">
        <v>1</v>
      </c>
      <c r="AP11" s="242">
        <v>1</v>
      </c>
      <c r="AQ11" s="239"/>
    </row>
    <row r="12" spans="2:43" ht="21" customHeight="1" x14ac:dyDescent="0.2">
      <c r="B12" s="106" t="s">
        <v>9</v>
      </c>
      <c r="C12" s="217">
        <v>0</v>
      </c>
      <c r="D12" s="219">
        <v>0</v>
      </c>
      <c r="E12" s="219">
        <v>0</v>
      </c>
      <c r="F12" s="220">
        <v>0</v>
      </c>
      <c r="G12" s="218">
        <v>0</v>
      </c>
      <c r="H12" s="218">
        <v>13</v>
      </c>
      <c r="I12" s="218">
        <v>25</v>
      </c>
      <c r="J12" s="219">
        <v>8</v>
      </c>
      <c r="K12" s="240">
        <v>46</v>
      </c>
      <c r="L12" s="241">
        <v>46</v>
      </c>
      <c r="M12" s="217">
        <v>0</v>
      </c>
      <c r="N12" s="219">
        <v>0</v>
      </c>
      <c r="O12" s="240">
        <v>0</v>
      </c>
      <c r="P12" s="222">
        <v>1</v>
      </c>
      <c r="Q12" s="218">
        <v>4</v>
      </c>
      <c r="R12" s="218">
        <v>10</v>
      </c>
      <c r="S12" s="218">
        <v>6</v>
      </c>
      <c r="T12" s="219">
        <v>2</v>
      </c>
      <c r="U12" s="240">
        <v>23</v>
      </c>
      <c r="V12" s="221">
        <v>23</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1</v>
      </c>
      <c r="G13" s="218">
        <v>1</v>
      </c>
      <c r="H13" s="218">
        <v>21</v>
      </c>
      <c r="I13" s="218">
        <v>34</v>
      </c>
      <c r="J13" s="219">
        <v>12</v>
      </c>
      <c r="K13" s="240">
        <v>69</v>
      </c>
      <c r="L13" s="241">
        <v>69</v>
      </c>
      <c r="M13" s="217">
        <v>0</v>
      </c>
      <c r="N13" s="219">
        <v>0</v>
      </c>
      <c r="O13" s="240">
        <v>0</v>
      </c>
      <c r="P13" s="222">
        <v>3</v>
      </c>
      <c r="Q13" s="218">
        <v>5</v>
      </c>
      <c r="R13" s="218">
        <v>4</v>
      </c>
      <c r="S13" s="218">
        <v>11</v>
      </c>
      <c r="T13" s="219">
        <v>5</v>
      </c>
      <c r="U13" s="240">
        <v>28</v>
      </c>
      <c r="V13" s="221">
        <v>28</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0</v>
      </c>
      <c r="AN13" s="219">
        <v>1</v>
      </c>
      <c r="AO13" s="240">
        <v>1</v>
      </c>
      <c r="AP13" s="242">
        <v>1</v>
      </c>
      <c r="AQ13" s="239"/>
    </row>
    <row r="14" spans="2:43" ht="21" customHeight="1" x14ac:dyDescent="0.2">
      <c r="B14" s="106" t="s">
        <v>11</v>
      </c>
      <c r="C14" s="217">
        <v>0</v>
      </c>
      <c r="D14" s="219">
        <v>0</v>
      </c>
      <c r="E14" s="219">
        <v>0</v>
      </c>
      <c r="F14" s="220">
        <v>0</v>
      </c>
      <c r="G14" s="218">
        <v>0</v>
      </c>
      <c r="H14" s="218">
        <v>4</v>
      </c>
      <c r="I14" s="218">
        <v>17</v>
      </c>
      <c r="J14" s="219">
        <v>3</v>
      </c>
      <c r="K14" s="240">
        <v>24</v>
      </c>
      <c r="L14" s="241">
        <v>24</v>
      </c>
      <c r="M14" s="217">
        <v>0</v>
      </c>
      <c r="N14" s="219">
        <v>0</v>
      </c>
      <c r="O14" s="240">
        <v>0</v>
      </c>
      <c r="P14" s="222">
        <v>2</v>
      </c>
      <c r="Q14" s="218">
        <v>2</v>
      </c>
      <c r="R14" s="218">
        <v>4</v>
      </c>
      <c r="S14" s="218">
        <v>7</v>
      </c>
      <c r="T14" s="219">
        <v>6</v>
      </c>
      <c r="U14" s="240">
        <v>21</v>
      </c>
      <c r="V14" s="221">
        <v>21</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11</v>
      </c>
      <c r="I15" s="218">
        <v>10</v>
      </c>
      <c r="J15" s="219">
        <v>7</v>
      </c>
      <c r="K15" s="240">
        <v>28</v>
      </c>
      <c r="L15" s="241">
        <v>28</v>
      </c>
      <c r="M15" s="217">
        <v>0</v>
      </c>
      <c r="N15" s="219">
        <v>0</v>
      </c>
      <c r="O15" s="240">
        <v>0</v>
      </c>
      <c r="P15" s="222">
        <v>1</v>
      </c>
      <c r="Q15" s="218">
        <v>3</v>
      </c>
      <c r="R15" s="218">
        <v>9</v>
      </c>
      <c r="S15" s="218">
        <v>11</v>
      </c>
      <c r="T15" s="219">
        <v>6</v>
      </c>
      <c r="U15" s="240">
        <v>30</v>
      </c>
      <c r="V15" s="221">
        <v>30</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0</v>
      </c>
      <c r="H16" s="218">
        <v>6</v>
      </c>
      <c r="I16" s="218">
        <v>11</v>
      </c>
      <c r="J16" s="219">
        <v>4</v>
      </c>
      <c r="K16" s="240">
        <v>21</v>
      </c>
      <c r="L16" s="241">
        <v>21</v>
      </c>
      <c r="M16" s="217">
        <v>0</v>
      </c>
      <c r="N16" s="219">
        <v>0</v>
      </c>
      <c r="O16" s="240">
        <v>0</v>
      </c>
      <c r="P16" s="222">
        <v>0</v>
      </c>
      <c r="Q16" s="218">
        <v>1</v>
      </c>
      <c r="R16" s="218">
        <v>5</v>
      </c>
      <c r="S16" s="218">
        <v>1</v>
      </c>
      <c r="T16" s="219">
        <v>0</v>
      </c>
      <c r="U16" s="240">
        <v>7</v>
      </c>
      <c r="V16" s="221">
        <v>7</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3</v>
      </c>
      <c r="J17" s="219">
        <v>1</v>
      </c>
      <c r="K17" s="240">
        <v>16</v>
      </c>
      <c r="L17" s="241">
        <v>16</v>
      </c>
      <c r="M17" s="217">
        <v>0</v>
      </c>
      <c r="N17" s="219">
        <v>0</v>
      </c>
      <c r="O17" s="240">
        <v>0</v>
      </c>
      <c r="P17" s="222">
        <v>1</v>
      </c>
      <c r="Q17" s="218">
        <v>2</v>
      </c>
      <c r="R17" s="218">
        <v>2</v>
      </c>
      <c r="S17" s="218">
        <v>4</v>
      </c>
      <c r="T17" s="219">
        <v>1</v>
      </c>
      <c r="U17" s="240">
        <v>10</v>
      </c>
      <c r="V17" s="221">
        <v>10</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1</v>
      </c>
      <c r="H18" s="218">
        <v>7</v>
      </c>
      <c r="I18" s="218">
        <v>10</v>
      </c>
      <c r="J18" s="219">
        <v>6</v>
      </c>
      <c r="K18" s="240">
        <v>24</v>
      </c>
      <c r="L18" s="241">
        <v>24</v>
      </c>
      <c r="M18" s="217">
        <v>0</v>
      </c>
      <c r="N18" s="219">
        <v>0</v>
      </c>
      <c r="O18" s="240">
        <v>0</v>
      </c>
      <c r="P18" s="222">
        <v>2</v>
      </c>
      <c r="Q18" s="218">
        <v>5</v>
      </c>
      <c r="R18" s="218">
        <v>3</v>
      </c>
      <c r="S18" s="218">
        <v>8</v>
      </c>
      <c r="T18" s="219">
        <v>0</v>
      </c>
      <c r="U18" s="240">
        <v>18</v>
      </c>
      <c r="V18" s="221">
        <v>18</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11</v>
      </c>
      <c r="I19" s="218">
        <v>12</v>
      </c>
      <c r="J19" s="219">
        <v>9</v>
      </c>
      <c r="K19" s="240">
        <v>32</v>
      </c>
      <c r="L19" s="241">
        <v>32</v>
      </c>
      <c r="M19" s="217">
        <v>0</v>
      </c>
      <c r="N19" s="219">
        <v>0</v>
      </c>
      <c r="O19" s="240">
        <v>0</v>
      </c>
      <c r="P19" s="222">
        <v>1</v>
      </c>
      <c r="Q19" s="218">
        <v>2</v>
      </c>
      <c r="R19" s="218">
        <v>5</v>
      </c>
      <c r="S19" s="218">
        <v>3</v>
      </c>
      <c r="T19" s="219">
        <v>5</v>
      </c>
      <c r="U19" s="240">
        <v>16</v>
      </c>
      <c r="V19" s="221">
        <v>1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1</v>
      </c>
      <c r="AN19" s="219">
        <v>0</v>
      </c>
      <c r="AO19" s="240">
        <v>1</v>
      </c>
      <c r="AP19" s="242">
        <v>1</v>
      </c>
      <c r="AQ19" s="239"/>
    </row>
    <row r="20" spans="2:43" ht="21" customHeight="1" x14ac:dyDescent="0.2">
      <c r="B20" s="106" t="s">
        <v>18</v>
      </c>
      <c r="C20" s="217">
        <v>0</v>
      </c>
      <c r="D20" s="219">
        <v>0</v>
      </c>
      <c r="E20" s="219">
        <v>0</v>
      </c>
      <c r="F20" s="220">
        <v>0</v>
      </c>
      <c r="G20" s="218">
        <v>0</v>
      </c>
      <c r="H20" s="218">
        <v>8</v>
      </c>
      <c r="I20" s="218">
        <v>20</v>
      </c>
      <c r="J20" s="219">
        <v>6</v>
      </c>
      <c r="K20" s="240">
        <v>34</v>
      </c>
      <c r="L20" s="241">
        <v>34</v>
      </c>
      <c r="M20" s="217">
        <v>0</v>
      </c>
      <c r="N20" s="219">
        <v>0</v>
      </c>
      <c r="O20" s="240">
        <v>0</v>
      </c>
      <c r="P20" s="222">
        <v>0</v>
      </c>
      <c r="Q20" s="218">
        <v>6</v>
      </c>
      <c r="R20" s="218">
        <v>10</v>
      </c>
      <c r="S20" s="218">
        <v>7</v>
      </c>
      <c r="T20" s="219">
        <v>2</v>
      </c>
      <c r="U20" s="240">
        <v>25</v>
      </c>
      <c r="V20" s="221">
        <v>25</v>
      </c>
      <c r="W20" s="222">
        <v>0</v>
      </c>
      <c r="X20" s="219">
        <v>0</v>
      </c>
      <c r="Y20" s="219">
        <v>0</v>
      </c>
      <c r="Z20" s="220">
        <v>0</v>
      </c>
      <c r="AA20" s="218">
        <v>0</v>
      </c>
      <c r="AB20" s="218">
        <v>0</v>
      </c>
      <c r="AC20" s="218">
        <v>1</v>
      </c>
      <c r="AD20" s="219">
        <v>0</v>
      </c>
      <c r="AE20" s="240">
        <v>1</v>
      </c>
      <c r="AF20" s="241">
        <v>1</v>
      </c>
      <c r="AG20" s="217">
        <v>0</v>
      </c>
      <c r="AH20" s="219">
        <v>0</v>
      </c>
      <c r="AI20" s="219">
        <v>0</v>
      </c>
      <c r="AJ20" s="220">
        <v>0</v>
      </c>
      <c r="AK20" s="218">
        <v>0</v>
      </c>
      <c r="AL20" s="218">
        <v>0</v>
      </c>
      <c r="AM20" s="218">
        <v>1</v>
      </c>
      <c r="AN20" s="219">
        <v>1</v>
      </c>
      <c r="AO20" s="240">
        <v>2</v>
      </c>
      <c r="AP20" s="242">
        <v>2</v>
      </c>
      <c r="AQ20" s="239"/>
    </row>
    <row r="21" spans="2:43" ht="21" customHeight="1" x14ac:dyDescent="0.2">
      <c r="B21" s="106" t="s">
        <v>19</v>
      </c>
      <c r="C21" s="217">
        <v>0</v>
      </c>
      <c r="D21" s="219">
        <v>0</v>
      </c>
      <c r="E21" s="219">
        <v>0</v>
      </c>
      <c r="F21" s="220">
        <v>0</v>
      </c>
      <c r="G21" s="218">
        <v>0</v>
      </c>
      <c r="H21" s="218">
        <v>6</v>
      </c>
      <c r="I21" s="218">
        <v>5</v>
      </c>
      <c r="J21" s="219">
        <v>3</v>
      </c>
      <c r="K21" s="240">
        <v>14</v>
      </c>
      <c r="L21" s="241">
        <v>14</v>
      </c>
      <c r="M21" s="217">
        <v>0</v>
      </c>
      <c r="N21" s="219">
        <v>0</v>
      </c>
      <c r="O21" s="240">
        <v>0</v>
      </c>
      <c r="P21" s="222">
        <v>2</v>
      </c>
      <c r="Q21" s="218">
        <v>0</v>
      </c>
      <c r="R21" s="218">
        <v>2</v>
      </c>
      <c r="S21" s="218">
        <v>2</v>
      </c>
      <c r="T21" s="219">
        <v>3</v>
      </c>
      <c r="U21" s="240">
        <v>9</v>
      </c>
      <c r="V21" s="221">
        <v>9</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6</v>
      </c>
      <c r="I22" s="218">
        <v>10</v>
      </c>
      <c r="J22" s="219">
        <v>5</v>
      </c>
      <c r="K22" s="240">
        <v>23</v>
      </c>
      <c r="L22" s="241">
        <v>23</v>
      </c>
      <c r="M22" s="217">
        <v>0</v>
      </c>
      <c r="N22" s="219">
        <v>0</v>
      </c>
      <c r="O22" s="240">
        <v>0</v>
      </c>
      <c r="P22" s="222">
        <v>0</v>
      </c>
      <c r="Q22" s="218">
        <v>1</v>
      </c>
      <c r="R22" s="218">
        <v>0</v>
      </c>
      <c r="S22" s="218">
        <v>1</v>
      </c>
      <c r="T22" s="219">
        <v>0</v>
      </c>
      <c r="U22" s="240">
        <v>2</v>
      </c>
      <c r="V22" s="221">
        <v>2</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5</v>
      </c>
      <c r="I23" s="218">
        <v>9</v>
      </c>
      <c r="J23" s="219">
        <v>8</v>
      </c>
      <c r="K23" s="240">
        <v>22</v>
      </c>
      <c r="L23" s="241">
        <v>22</v>
      </c>
      <c r="M23" s="217">
        <v>0</v>
      </c>
      <c r="N23" s="219">
        <v>0</v>
      </c>
      <c r="O23" s="240">
        <v>0</v>
      </c>
      <c r="P23" s="222">
        <v>0</v>
      </c>
      <c r="Q23" s="218">
        <v>0</v>
      </c>
      <c r="R23" s="218">
        <v>2</v>
      </c>
      <c r="S23" s="218">
        <v>0</v>
      </c>
      <c r="T23" s="219">
        <v>1</v>
      </c>
      <c r="U23" s="240">
        <v>3</v>
      </c>
      <c r="V23" s="221">
        <v>3</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0</v>
      </c>
      <c r="AO23" s="240">
        <v>0</v>
      </c>
      <c r="AP23" s="242">
        <v>0</v>
      </c>
      <c r="AQ23" s="239"/>
    </row>
    <row r="24" spans="2:43" ht="21" customHeight="1" x14ac:dyDescent="0.2">
      <c r="B24" s="106" t="s">
        <v>22</v>
      </c>
      <c r="C24" s="217">
        <v>0</v>
      </c>
      <c r="D24" s="219">
        <v>0</v>
      </c>
      <c r="E24" s="219">
        <v>0</v>
      </c>
      <c r="F24" s="220">
        <v>0</v>
      </c>
      <c r="G24" s="218">
        <v>0</v>
      </c>
      <c r="H24" s="218">
        <v>4</v>
      </c>
      <c r="I24" s="218">
        <v>3</v>
      </c>
      <c r="J24" s="219">
        <v>3</v>
      </c>
      <c r="K24" s="240">
        <v>10</v>
      </c>
      <c r="L24" s="241">
        <v>10</v>
      </c>
      <c r="M24" s="217">
        <v>0</v>
      </c>
      <c r="N24" s="219">
        <v>0</v>
      </c>
      <c r="O24" s="240">
        <v>0</v>
      </c>
      <c r="P24" s="222">
        <v>1</v>
      </c>
      <c r="Q24" s="218">
        <v>2</v>
      </c>
      <c r="R24" s="218">
        <v>0</v>
      </c>
      <c r="S24" s="218">
        <v>1</v>
      </c>
      <c r="T24" s="219">
        <v>2</v>
      </c>
      <c r="U24" s="240">
        <v>6</v>
      </c>
      <c r="V24" s="221">
        <v>6</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8</v>
      </c>
      <c r="I25" s="218">
        <v>4</v>
      </c>
      <c r="J25" s="219">
        <v>0</v>
      </c>
      <c r="K25" s="240">
        <v>12</v>
      </c>
      <c r="L25" s="241">
        <v>12</v>
      </c>
      <c r="M25" s="217">
        <v>0</v>
      </c>
      <c r="N25" s="219">
        <v>0</v>
      </c>
      <c r="O25" s="240">
        <v>0</v>
      </c>
      <c r="P25" s="222">
        <v>1</v>
      </c>
      <c r="Q25" s="218">
        <v>0</v>
      </c>
      <c r="R25" s="218">
        <v>2</v>
      </c>
      <c r="S25" s="218">
        <v>2</v>
      </c>
      <c r="T25" s="219">
        <v>3</v>
      </c>
      <c r="U25" s="240">
        <v>8</v>
      </c>
      <c r="V25" s="221">
        <v>8</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1</v>
      </c>
      <c r="I26" s="218">
        <v>5</v>
      </c>
      <c r="J26" s="219">
        <v>3</v>
      </c>
      <c r="K26" s="240">
        <v>9</v>
      </c>
      <c r="L26" s="241">
        <v>9</v>
      </c>
      <c r="M26" s="217">
        <v>0</v>
      </c>
      <c r="N26" s="219">
        <v>0</v>
      </c>
      <c r="O26" s="240">
        <v>0</v>
      </c>
      <c r="P26" s="222">
        <v>0</v>
      </c>
      <c r="Q26" s="218">
        <v>2</v>
      </c>
      <c r="R26" s="218">
        <v>4</v>
      </c>
      <c r="S26" s="218">
        <v>1</v>
      </c>
      <c r="T26" s="219">
        <v>0</v>
      </c>
      <c r="U26" s="240">
        <v>7</v>
      </c>
      <c r="V26" s="221">
        <v>7</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1</v>
      </c>
      <c r="H27" s="218">
        <v>3</v>
      </c>
      <c r="I27" s="218">
        <v>2</v>
      </c>
      <c r="J27" s="219">
        <v>2</v>
      </c>
      <c r="K27" s="240">
        <v>8</v>
      </c>
      <c r="L27" s="241">
        <v>8</v>
      </c>
      <c r="M27" s="217">
        <v>0</v>
      </c>
      <c r="N27" s="219">
        <v>0</v>
      </c>
      <c r="O27" s="240">
        <v>0</v>
      </c>
      <c r="P27" s="222">
        <v>1</v>
      </c>
      <c r="Q27" s="218">
        <v>2</v>
      </c>
      <c r="R27" s="218">
        <v>0</v>
      </c>
      <c r="S27" s="218">
        <v>2</v>
      </c>
      <c r="T27" s="219">
        <v>2</v>
      </c>
      <c r="U27" s="240">
        <v>7</v>
      </c>
      <c r="V27" s="221">
        <v>7</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3</v>
      </c>
      <c r="K28" s="240">
        <v>6</v>
      </c>
      <c r="L28" s="241">
        <v>6</v>
      </c>
      <c r="M28" s="217">
        <v>0</v>
      </c>
      <c r="N28" s="219">
        <v>0</v>
      </c>
      <c r="O28" s="240">
        <v>0</v>
      </c>
      <c r="P28" s="222">
        <v>0</v>
      </c>
      <c r="Q28" s="218">
        <v>1</v>
      </c>
      <c r="R28" s="218">
        <v>2</v>
      </c>
      <c r="S28" s="218">
        <v>0</v>
      </c>
      <c r="T28" s="219">
        <v>1</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0</v>
      </c>
      <c r="I29" s="218">
        <v>1</v>
      </c>
      <c r="J29" s="219">
        <v>1</v>
      </c>
      <c r="K29" s="240">
        <v>3</v>
      </c>
      <c r="L29" s="241">
        <v>3</v>
      </c>
      <c r="M29" s="217">
        <v>0</v>
      </c>
      <c r="N29" s="219">
        <v>0</v>
      </c>
      <c r="O29" s="240">
        <v>0</v>
      </c>
      <c r="P29" s="222">
        <v>0</v>
      </c>
      <c r="Q29" s="218">
        <v>2</v>
      </c>
      <c r="R29" s="218">
        <v>1</v>
      </c>
      <c r="S29" s="218">
        <v>5</v>
      </c>
      <c r="T29" s="219">
        <v>1</v>
      </c>
      <c r="U29" s="240">
        <v>9</v>
      </c>
      <c r="V29" s="221">
        <v>9</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0</v>
      </c>
      <c r="T30" s="219">
        <v>0</v>
      </c>
      <c r="U30" s="240">
        <v>0</v>
      </c>
      <c r="V30" s="221">
        <v>0</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1</v>
      </c>
      <c r="T31" s="219">
        <v>1</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0</v>
      </c>
      <c r="I32" s="218">
        <v>1</v>
      </c>
      <c r="J32" s="219">
        <v>1</v>
      </c>
      <c r="K32" s="240">
        <v>2</v>
      </c>
      <c r="L32" s="241">
        <v>2</v>
      </c>
      <c r="M32" s="217">
        <v>0</v>
      </c>
      <c r="N32" s="219">
        <v>0</v>
      </c>
      <c r="O32" s="240">
        <v>0</v>
      </c>
      <c r="P32" s="222">
        <v>1</v>
      </c>
      <c r="Q32" s="218">
        <v>1</v>
      </c>
      <c r="R32" s="218">
        <v>1</v>
      </c>
      <c r="S32" s="218">
        <v>2</v>
      </c>
      <c r="T32" s="219">
        <v>0</v>
      </c>
      <c r="U32" s="240">
        <v>5</v>
      </c>
      <c r="V32" s="221">
        <v>5</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1</v>
      </c>
      <c r="AN32" s="219">
        <v>0</v>
      </c>
      <c r="AO32" s="240">
        <v>1</v>
      </c>
      <c r="AP32" s="242">
        <v>1</v>
      </c>
      <c r="AQ32" s="239"/>
    </row>
    <row r="33" spans="2:43" ht="21" customHeight="1" x14ac:dyDescent="0.2">
      <c r="B33" s="106" t="s">
        <v>31</v>
      </c>
      <c r="C33" s="217">
        <v>0</v>
      </c>
      <c r="D33" s="219">
        <v>0</v>
      </c>
      <c r="E33" s="219">
        <v>0</v>
      </c>
      <c r="F33" s="220">
        <v>0</v>
      </c>
      <c r="G33" s="218">
        <v>0</v>
      </c>
      <c r="H33" s="218">
        <v>3</v>
      </c>
      <c r="I33" s="218">
        <v>1</v>
      </c>
      <c r="J33" s="219">
        <v>0</v>
      </c>
      <c r="K33" s="240">
        <v>4</v>
      </c>
      <c r="L33" s="241">
        <v>4</v>
      </c>
      <c r="M33" s="217">
        <v>0</v>
      </c>
      <c r="N33" s="219">
        <v>0</v>
      </c>
      <c r="O33" s="240">
        <v>0</v>
      </c>
      <c r="P33" s="222">
        <v>1</v>
      </c>
      <c r="Q33" s="218">
        <v>0</v>
      </c>
      <c r="R33" s="218">
        <v>0</v>
      </c>
      <c r="S33" s="218">
        <v>0</v>
      </c>
      <c r="T33" s="219">
        <v>0</v>
      </c>
      <c r="U33" s="240">
        <v>1</v>
      </c>
      <c r="V33" s="221">
        <v>1</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3</v>
      </c>
      <c r="J34" s="219">
        <v>1</v>
      </c>
      <c r="K34" s="240">
        <v>4</v>
      </c>
      <c r="L34" s="241">
        <v>4</v>
      </c>
      <c r="M34" s="217">
        <v>0</v>
      </c>
      <c r="N34" s="219">
        <v>0</v>
      </c>
      <c r="O34" s="240">
        <v>0</v>
      </c>
      <c r="P34" s="222">
        <v>0</v>
      </c>
      <c r="Q34" s="218">
        <v>0</v>
      </c>
      <c r="R34" s="218">
        <v>0</v>
      </c>
      <c r="S34" s="218">
        <v>2</v>
      </c>
      <c r="T34" s="219">
        <v>1</v>
      </c>
      <c r="U34" s="240">
        <v>3</v>
      </c>
      <c r="V34" s="221">
        <v>3</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2</v>
      </c>
      <c r="K37" s="240">
        <v>3</v>
      </c>
      <c r="L37" s="241">
        <v>3</v>
      </c>
      <c r="M37" s="217">
        <v>0</v>
      </c>
      <c r="N37" s="219">
        <v>0</v>
      </c>
      <c r="O37" s="240">
        <v>0</v>
      </c>
      <c r="P37" s="222">
        <v>2</v>
      </c>
      <c r="Q37" s="218">
        <v>1</v>
      </c>
      <c r="R37" s="218">
        <v>2</v>
      </c>
      <c r="S37" s="218">
        <v>0</v>
      </c>
      <c r="T37" s="219">
        <v>0</v>
      </c>
      <c r="U37" s="240">
        <v>5</v>
      </c>
      <c r="V37" s="221">
        <v>5</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2</v>
      </c>
      <c r="J38" s="219">
        <v>0</v>
      </c>
      <c r="K38" s="240">
        <v>2</v>
      </c>
      <c r="L38" s="241">
        <v>2</v>
      </c>
      <c r="M38" s="217">
        <v>0</v>
      </c>
      <c r="N38" s="219">
        <v>0</v>
      </c>
      <c r="O38" s="240">
        <v>0</v>
      </c>
      <c r="P38" s="222">
        <v>0</v>
      </c>
      <c r="Q38" s="218">
        <v>0</v>
      </c>
      <c r="R38" s="218">
        <v>0</v>
      </c>
      <c r="S38" s="218">
        <v>1</v>
      </c>
      <c r="T38" s="219">
        <v>2</v>
      </c>
      <c r="U38" s="240">
        <v>3</v>
      </c>
      <c r="V38" s="221">
        <v>3</v>
      </c>
      <c r="W38" s="222">
        <v>0</v>
      </c>
      <c r="X38" s="219">
        <v>0</v>
      </c>
      <c r="Y38" s="219">
        <v>0</v>
      </c>
      <c r="Z38" s="220">
        <v>0</v>
      </c>
      <c r="AA38" s="218">
        <v>0</v>
      </c>
      <c r="AB38" s="218">
        <v>0</v>
      </c>
      <c r="AC38" s="218">
        <v>0</v>
      </c>
      <c r="AD38" s="219">
        <v>1</v>
      </c>
      <c r="AE38" s="240">
        <v>1</v>
      </c>
      <c r="AF38" s="241">
        <v>1</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5</v>
      </c>
      <c r="H1" s="534">
        <f>IF(G1&lt;3,G1-2+12,G1-2)</f>
        <v>3</v>
      </c>
      <c r="I1" s="534"/>
    </row>
    <row r="2" spans="2:43" ht="24" customHeight="1" thickBot="1" x14ac:dyDescent="0.25">
      <c r="B2" s="10" t="s">
        <v>156</v>
      </c>
      <c r="F2" s="10" t="s">
        <v>137</v>
      </c>
    </row>
    <row r="3" spans="2:43" ht="21" customHeight="1" x14ac:dyDescent="0.2">
      <c r="B3" s="508"/>
      <c r="C3" s="511" t="s">
        <v>57</v>
      </c>
      <c r="D3" s="512"/>
      <c r="E3" s="512"/>
      <c r="F3" s="512"/>
      <c r="G3" s="512"/>
      <c r="H3" s="512"/>
      <c r="I3" s="512"/>
      <c r="J3" s="512"/>
      <c r="K3" s="512"/>
      <c r="L3" s="512"/>
      <c r="M3" s="511" t="s">
        <v>58</v>
      </c>
      <c r="N3" s="514"/>
      <c r="O3" s="514"/>
      <c r="P3" s="514"/>
      <c r="Q3" s="514"/>
      <c r="R3" s="514"/>
      <c r="S3" s="514"/>
      <c r="T3" s="514"/>
      <c r="U3" s="514"/>
      <c r="V3" s="514"/>
      <c r="W3" s="511" t="s">
        <v>59</v>
      </c>
      <c r="X3" s="512"/>
      <c r="Y3" s="512"/>
      <c r="Z3" s="512"/>
      <c r="AA3" s="512"/>
      <c r="AB3" s="512"/>
      <c r="AC3" s="512"/>
      <c r="AD3" s="512"/>
      <c r="AE3" s="512"/>
      <c r="AF3" s="512"/>
      <c r="AG3" s="511" t="s">
        <v>148</v>
      </c>
      <c r="AH3" s="512"/>
      <c r="AI3" s="512"/>
      <c r="AJ3" s="512"/>
      <c r="AK3" s="512"/>
      <c r="AL3" s="512"/>
      <c r="AM3" s="512"/>
      <c r="AN3" s="512"/>
      <c r="AO3" s="512"/>
      <c r="AP3" s="513"/>
    </row>
    <row r="4" spans="2:43" ht="21" customHeight="1" x14ac:dyDescent="0.2">
      <c r="B4" s="510"/>
      <c r="C4" s="516" t="s">
        <v>61</v>
      </c>
      <c r="D4" s="517"/>
      <c r="E4" s="518"/>
      <c r="F4" s="519" t="s">
        <v>62</v>
      </c>
      <c r="G4" s="520"/>
      <c r="H4" s="520"/>
      <c r="I4" s="520"/>
      <c r="J4" s="520"/>
      <c r="K4" s="521"/>
      <c r="L4" s="531" t="s">
        <v>52</v>
      </c>
      <c r="M4" s="516" t="s">
        <v>61</v>
      </c>
      <c r="N4" s="517"/>
      <c r="O4" s="518"/>
      <c r="P4" s="519" t="s">
        <v>62</v>
      </c>
      <c r="Q4" s="520"/>
      <c r="R4" s="520"/>
      <c r="S4" s="520"/>
      <c r="T4" s="520"/>
      <c r="U4" s="521"/>
      <c r="V4" s="522" t="s">
        <v>52</v>
      </c>
      <c r="W4" s="516" t="s">
        <v>61</v>
      </c>
      <c r="X4" s="517"/>
      <c r="Y4" s="518"/>
      <c r="Z4" s="519" t="s">
        <v>62</v>
      </c>
      <c r="AA4" s="520"/>
      <c r="AB4" s="520"/>
      <c r="AC4" s="520"/>
      <c r="AD4" s="520"/>
      <c r="AE4" s="521"/>
      <c r="AF4" s="531" t="s">
        <v>52</v>
      </c>
      <c r="AG4" s="516" t="s">
        <v>61</v>
      </c>
      <c r="AH4" s="517"/>
      <c r="AI4" s="518"/>
      <c r="AJ4" s="519" t="s">
        <v>62</v>
      </c>
      <c r="AK4" s="520"/>
      <c r="AL4" s="520"/>
      <c r="AM4" s="520"/>
      <c r="AN4" s="520"/>
      <c r="AO4" s="521"/>
      <c r="AP4" s="522"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30"/>
      <c r="M5" s="229" t="s">
        <v>43</v>
      </c>
      <c r="N5" s="230" t="s">
        <v>44</v>
      </c>
      <c r="O5" s="234" t="s">
        <v>45</v>
      </c>
      <c r="P5" s="235" t="s">
        <v>47</v>
      </c>
      <c r="Q5" s="232" t="s">
        <v>48</v>
      </c>
      <c r="R5" s="232" t="s">
        <v>49</v>
      </c>
      <c r="S5" s="233" t="s">
        <v>50</v>
      </c>
      <c r="T5" s="230" t="s">
        <v>51</v>
      </c>
      <c r="U5" s="234" t="s">
        <v>45</v>
      </c>
      <c r="V5" s="523"/>
      <c r="W5" s="229" t="s">
        <v>43</v>
      </c>
      <c r="X5" s="230" t="s">
        <v>44</v>
      </c>
      <c r="Y5" s="230" t="s">
        <v>45</v>
      </c>
      <c r="Z5" s="231" t="s">
        <v>47</v>
      </c>
      <c r="AA5" s="232" t="s">
        <v>48</v>
      </c>
      <c r="AB5" s="232" t="s">
        <v>49</v>
      </c>
      <c r="AC5" s="233" t="s">
        <v>50</v>
      </c>
      <c r="AD5" s="230" t="s">
        <v>51</v>
      </c>
      <c r="AE5" s="234" t="s">
        <v>45</v>
      </c>
      <c r="AF5" s="530"/>
      <c r="AG5" s="229" t="s">
        <v>43</v>
      </c>
      <c r="AH5" s="230" t="s">
        <v>44</v>
      </c>
      <c r="AI5" s="230" t="s">
        <v>45</v>
      </c>
      <c r="AJ5" s="231" t="s">
        <v>47</v>
      </c>
      <c r="AK5" s="232" t="s">
        <v>48</v>
      </c>
      <c r="AL5" s="232" t="s">
        <v>49</v>
      </c>
      <c r="AM5" s="233" t="s">
        <v>50</v>
      </c>
      <c r="AN5" s="230" t="s">
        <v>51</v>
      </c>
      <c r="AO5" s="234" t="s">
        <v>45</v>
      </c>
      <c r="AP5" s="523"/>
    </row>
    <row r="6" spans="2:43" ht="21" customHeight="1" x14ac:dyDescent="0.2">
      <c r="B6" s="84" t="s">
        <v>4</v>
      </c>
      <c r="C6" s="211">
        <v>0</v>
      </c>
      <c r="D6" s="213">
        <v>0</v>
      </c>
      <c r="E6" s="213">
        <v>0</v>
      </c>
      <c r="F6" s="214">
        <v>11</v>
      </c>
      <c r="G6" s="212">
        <v>44</v>
      </c>
      <c r="H6" s="212">
        <v>303</v>
      </c>
      <c r="I6" s="212">
        <v>403</v>
      </c>
      <c r="J6" s="213">
        <v>287</v>
      </c>
      <c r="K6" s="236">
        <v>1048</v>
      </c>
      <c r="L6" s="237">
        <v>1048</v>
      </c>
      <c r="M6" s="211">
        <v>0</v>
      </c>
      <c r="N6" s="213">
        <v>0</v>
      </c>
      <c r="O6" s="236">
        <v>0</v>
      </c>
      <c r="P6" s="216">
        <v>65</v>
      </c>
      <c r="Q6" s="212">
        <v>129</v>
      </c>
      <c r="R6" s="212">
        <v>204</v>
      </c>
      <c r="S6" s="212">
        <v>280</v>
      </c>
      <c r="T6" s="213">
        <v>118</v>
      </c>
      <c r="U6" s="236">
        <v>796</v>
      </c>
      <c r="V6" s="215">
        <v>796</v>
      </c>
      <c r="W6" s="216">
        <v>0</v>
      </c>
      <c r="X6" s="213">
        <v>0</v>
      </c>
      <c r="Y6" s="213">
        <v>0</v>
      </c>
      <c r="Z6" s="214">
        <v>0</v>
      </c>
      <c r="AA6" s="212">
        <v>0</v>
      </c>
      <c r="AB6" s="212">
        <v>1</v>
      </c>
      <c r="AC6" s="212">
        <v>4</v>
      </c>
      <c r="AD6" s="213">
        <v>3</v>
      </c>
      <c r="AE6" s="236">
        <v>8</v>
      </c>
      <c r="AF6" s="237">
        <v>8</v>
      </c>
      <c r="AG6" s="211">
        <v>0</v>
      </c>
      <c r="AH6" s="213">
        <v>0</v>
      </c>
      <c r="AI6" s="213">
        <v>0</v>
      </c>
      <c r="AJ6" s="214">
        <v>1</v>
      </c>
      <c r="AK6" s="212">
        <v>2</v>
      </c>
      <c r="AL6" s="212">
        <v>3</v>
      </c>
      <c r="AM6" s="212">
        <v>9</v>
      </c>
      <c r="AN6" s="213">
        <v>21</v>
      </c>
      <c r="AO6" s="236">
        <v>36</v>
      </c>
      <c r="AP6" s="238">
        <v>36</v>
      </c>
      <c r="AQ6" s="239"/>
    </row>
    <row r="7" spans="2:43" ht="21" customHeight="1" x14ac:dyDescent="0.2">
      <c r="B7" s="95" t="s">
        <v>5</v>
      </c>
      <c r="C7" s="217">
        <v>0</v>
      </c>
      <c r="D7" s="219">
        <v>0</v>
      </c>
      <c r="E7" s="219">
        <v>0</v>
      </c>
      <c r="F7" s="220">
        <v>8</v>
      </c>
      <c r="G7" s="218">
        <v>32</v>
      </c>
      <c r="H7" s="218">
        <v>159</v>
      </c>
      <c r="I7" s="218">
        <v>181</v>
      </c>
      <c r="J7" s="219">
        <v>119</v>
      </c>
      <c r="K7" s="240">
        <v>499</v>
      </c>
      <c r="L7" s="241">
        <v>499</v>
      </c>
      <c r="M7" s="217">
        <v>0</v>
      </c>
      <c r="N7" s="219">
        <v>0</v>
      </c>
      <c r="O7" s="240">
        <v>0</v>
      </c>
      <c r="P7" s="222">
        <v>29</v>
      </c>
      <c r="Q7" s="218">
        <v>65</v>
      </c>
      <c r="R7" s="218">
        <v>100</v>
      </c>
      <c r="S7" s="218">
        <v>135</v>
      </c>
      <c r="T7" s="219">
        <v>65</v>
      </c>
      <c r="U7" s="240">
        <v>394</v>
      </c>
      <c r="V7" s="221">
        <v>394</v>
      </c>
      <c r="W7" s="222">
        <v>0</v>
      </c>
      <c r="X7" s="219">
        <v>0</v>
      </c>
      <c r="Y7" s="219">
        <v>0</v>
      </c>
      <c r="Z7" s="220">
        <v>0</v>
      </c>
      <c r="AA7" s="218">
        <v>0</v>
      </c>
      <c r="AB7" s="218">
        <v>0</v>
      </c>
      <c r="AC7" s="218">
        <v>2</v>
      </c>
      <c r="AD7" s="219">
        <v>1</v>
      </c>
      <c r="AE7" s="240">
        <v>3</v>
      </c>
      <c r="AF7" s="241">
        <v>3</v>
      </c>
      <c r="AG7" s="217">
        <v>0</v>
      </c>
      <c r="AH7" s="219">
        <v>0</v>
      </c>
      <c r="AI7" s="219">
        <v>0</v>
      </c>
      <c r="AJ7" s="220">
        <v>1</v>
      </c>
      <c r="AK7" s="218">
        <v>1</v>
      </c>
      <c r="AL7" s="218">
        <v>0</v>
      </c>
      <c r="AM7" s="218">
        <v>6</v>
      </c>
      <c r="AN7" s="219">
        <v>9</v>
      </c>
      <c r="AO7" s="240">
        <v>17</v>
      </c>
      <c r="AP7" s="242">
        <v>17</v>
      </c>
      <c r="AQ7" s="239"/>
    </row>
    <row r="8" spans="2:43" ht="21" customHeight="1" x14ac:dyDescent="0.2">
      <c r="B8" s="106" t="s">
        <v>6</v>
      </c>
      <c r="C8" s="217">
        <v>0</v>
      </c>
      <c r="D8" s="219">
        <v>0</v>
      </c>
      <c r="E8" s="219">
        <v>0</v>
      </c>
      <c r="F8" s="220">
        <v>2</v>
      </c>
      <c r="G8" s="218">
        <v>4</v>
      </c>
      <c r="H8" s="218">
        <v>35</v>
      </c>
      <c r="I8" s="218">
        <v>50</v>
      </c>
      <c r="J8" s="219">
        <v>37</v>
      </c>
      <c r="K8" s="240">
        <v>128</v>
      </c>
      <c r="L8" s="241">
        <v>128</v>
      </c>
      <c r="M8" s="217">
        <v>0</v>
      </c>
      <c r="N8" s="219">
        <v>0</v>
      </c>
      <c r="O8" s="240">
        <v>0</v>
      </c>
      <c r="P8" s="222">
        <v>11</v>
      </c>
      <c r="Q8" s="218">
        <v>12</v>
      </c>
      <c r="R8" s="218">
        <v>20</v>
      </c>
      <c r="S8" s="218">
        <v>46</v>
      </c>
      <c r="T8" s="219">
        <v>16</v>
      </c>
      <c r="U8" s="240">
        <v>105</v>
      </c>
      <c r="V8" s="221">
        <v>105</v>
      </c>
      <c r="W8" s="222">
        <v>0</v>
      </c>
      <c r="X8" s="219">
        <v>0</v>
      </c>
      <c r="Y8" s="219">
        <v>0</v>
      </c>
      <c r="Z8" s="220">
        <v>0</v>
      </c>
      <c r="AA8" s="218">
        <v>0</v>
      </c>
      <c r="AB8" s="218">
        <v>1</v>
      </c>
      <c r="AC8" s="218">
        <v>1</v>
      </c>
      <c r="AD8" s="219">
        <v>1</v>
      </c>
      <c r="AE8" s="240">
        <v>3</v>
      </c>
      <c r="AF8" s="241">
        <v>3</v>
      </c>
      <c r="AG8" s="217">
        <v>0</v>
      </c>
      <c r="AH8" s="219">
        <v>0</v>
      </c>
      <c r="AI8" s="219">
        <v>0</v>
      </c>
      <c r="AJ8" s="220">
        <v>0</v>
      </c>
      <c r="AK8" s="218">
        <v>0</v>
      </c>
      <c r="AL8" s="218">
        <v>0</v>
      </c>
      <c r="AM8" s="218">
        <v>0</v>
      </c>
      <c r="AN8" s="219">
        <v>2</v>
      </c>
      <c r="AO8" s="240">
        <v>2</v>
      </c>
      <c r="AP8" s="242">
        <v>2</v>
      </c>
      <c r="AQ8" s="239"/>
    </row>
    <row r="9" spans="2:43" ht="21" customHeight="1" x14ac:dyDescent="0.2">
      <c r="B9" s="106" t="s">
        <v>14</v>
      </c>
      <c r="C9" s="217">
        <v>0</v>
      </c>
      <c r="D9" s="219">
        <v>0</v>
      </c>
      <c r="E9" s="219">
        <v>0</v>
      </c>
      <c r="F9" s="220">
        <v>0</v>
      </c>
      <c r="G9" s="218">
        <v>0</v>
      </c>
      <c r="H9" s="218">
        <v>23</v>
      </c>
      <c r="I9" s="218">
        <v>39</v>
      </c>
      <c r="J9" s="219">
        <v>19</v>
      </c>
      <c r="K9" s="240">
        <v>81</v>
      </c>
      <c r="L9" s="241">
        <v>81</v>
      </c>
      <c r="M9" s="217">
        <v>0</v>
      </c>
      <c r="N9" s="219">
        <v>0</v>
      </c>
      <c r="O9" s="240">
        <v>0</v>
      </c>
      <c r="P9" s="222">
        <v>1</v>
      </c>
      <c r="Q9" s="218">
        <v>8</v>
      </c>
      <c r="R9" s="218">
        <v>8</v>
      </c>
      <c r="S9" s="218">
        <v>18</v>
      </c>
      <c r="T9" s="219">
        <v>6</v>
      </c>
      <c r="U9" s="240">
        <v>41</v>
      </c>
      <c r="V9" s="221">
        <v>41</v>
      </c>
      <c r="W9" s="222">
        <v>0</v>
      </c>
      <c r="X9" s="219">
        <v>0</v>
      </c>
      <c r="Y9" s="219">
        <v>0</v>
      </c>
      <c r="Z9" s="220">
        <v>0</v>
      </c>
      <c r="AA9" s="218">
        <v>0</v>
      </c>
      <c r="AB9" s="218">
        <v>0</v>
      </c>
      <c r="AC9" s="218">
        <v>1</v>
      </c>
      <c r="AD9" s="219">
        <v>1</v>
      </c>
      <c r="AE9" s="240">
        <v>2</v>
      </c>
      <c r="AF9" s="241">
        <v>2</v>
      </c>
      <c r="AG9" s="217">
        <v>0</v>
      </c>
      <c r="AH9" s="219">
        <v>0</v>
      </c>
      <c r="AI9" s="219">
        <v>0</v>
      </c>
      <c r="AJ9" s="220">
        <v>0</v>
      </c>
      <c r="AK9" s="218">
        <v>0</v>
      </c>
      <c r="AL9" s="218">
        <v>1</v>
      </c>
      <c r="AM9" s="218">
        <v>0</v>
      </c>
      <c r="AN9" s="219">
        <v>3</v>
      </c>
      <c r="AO9" s="240">
        <v>4</v>
      </c>
      <c r="AP9" s="242">
        <v>4</v>
      </c>
      <c r="AQ9" s="239"/>
    </row>
    <row r="10" spans="2:43" ht="21" customHeight="1" x14ac:dyDescent="0.2">
      <c r="B10" s="106" t="s">
        <v>7</v>
      </c>
      <c r="C10" s="217">
        <v>0</v>
      </c>
      <c r="D10" s="219">
        <v>0</v>
      </c>
      <c r="E10" s="219">
        <v>0</v>
      </c>
      <c r="F10" s="220">
        <v>0</v>
      </c>
      <c r="G10" s="218">
        <v>1</v>
      </c>
      <c r="H10" s="218">
        <v>8</v>
      </c>
      <c r="I10" s="218">
        <v>14</v>
      </c>
      <c r="J10" s="219">
        <v>10</v>
      </c>
      <c r="K10" s="240">
        <v>33</v>
      </c>
      <c r="L10" s="241">
        <v>33</v>
      </c>
      <c r="M10" s="217">
        <v>0</v>
      </c>
      <c r="N10" s="219">
        <v>0</v>
      </c>
      <c r="O10" s="240">
        <v>0</v>
      </c>
      <c r="P10" s="222">
        <v>2</v>
      </c>
      <c r="Q10" s="218">
        <v>3</v>
      </c>
      <c r="R10" s="218">
        <v>5</v>
      </c>
      <c r="S10" s="218">
        <v>9</v>
      </c>
      <c r="T10" s="219">
        <v>2</v>
      </c>
      <c r="U10" s="240">
        <v>21</v>
      </c>
      <c r="V10" s="221">
        <v>21</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1</v>
      </c>
      <c r="H11" s="218">
        <v>6</v>
      </c>
      <c r="I11" s="218">
        <v>8</v>
      </c>
      <c r="J11" s="219">
        <v>6</v>
      </c>
      <c r="K11" s="240">
        <v>21</v>
      </c>
      <c r="L11" s="241">
        <v>21</v>
      </c>
      <c r="M11" s="217">
        <v>0</v>
      </c>
      <c r="N11" s="219">
        <v>0</v>
      </c>
      <c r="O11" s="240">
        <v>0</v>
      </c>
      <c r="P11" s="222">
        <v>3</v>
      </c>
      <c r="Q11" s="218">
        <v>3</v>
      </c>
      <c r="R11" s="218">
        <v>7</v>
      </c>
      <c r="S11" s="218">
        <v>6</v>
      </c>
      <c r="T11" s="219">
        <v>2</v>
      </c>
      <c r="U11" s="240">
        <v>21</v>
      </c>
      <c r="V11" s="221">
        <v>21</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1</v>
      </c>
      <c r="AL11" s="218">
        <v>0</v>
      </c>
      <c r="AM11" s="218">
        <v>0</v>
      </c>
      <c r="AN11" s="219">
        <v>0</v>
      </c>
      <c r="AO11" s="240">
        <v>1</v>
      </c>
      <c r="AP11" s="242">
        <v>1</v>
      </c>
      <c r="AQ11" s="239"/>
    </row>
    <row r="12" spans="2:43" ht="21" customHeight="1" x14ac:dyDescent="0.2">
      <c r="B12" s="106" t="s">
        <v>9</v>
      </c>
      <c r="C12" s="217">
        <v>0</v>
      </c>
      <c r="D12" s="219">
        <v>0</v>
      </c>
      <c r="E12" s="219">
        <v>0</v>
      </c>
      <c r="F12" s="220">
        <v>1</v>
      </c>
      <c r="G12" s="218">
        <v>0</v>
      </c>
      <c r="H12" s="218">
        <v>4</v>
      </c>
      <c r="I12" s="218">
        <v>20</v>
      </c>
      <c r="J12" s="219">
        <v>11</v>
      </c>
      <c r="K12" s="240">
        <v>36</v>
      </c>
      <c r="L12" s="241">
        <v>36</v>
      </c>
      <c r="M12" s="217">
        <v>0</v>
      </c>
      <c r="N12" s="219">
        <v>0</v>
      </c>
      <c r="O12" s="240">
        <v>0</v>
      </c>
      <c r="P12" s="222">
        <v>2</v>
      </c>
      <c r="Q12" s="218">
        <v>5</v>
      </c>
      <c r="R12" s="218">
        <v>8</v>
      </c>
      <c r="S12" s="218">
        <v>9</v>
      </c>
      <c r="T12" s="219">
        <v>6</v>
      </c>
      <c r="U12" s="240">
        <v>30</v>
      </c>
      <c r="V12" s="221">
        <v>30</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1</v>
      </c>
      <c r="H13" s="218">
        <v>16</v>
      </c>
      <c r="I13" s="218">
        <v>16</v>
      </c>
      <c r="J13" s="219">
        <v>17</v>
      </c>
      <c r="K13" s="240">
        <v>50</v>
      </c>
      <c r="L13" s="241">
        <v>50</v>
      </c>
      <c r="M13" s="217">
        <v>0</v>
      </c>
      <c r="N13" s="219">
        <v>0</v>
      </c>
      <c r="O13" s="240">
        <v>0</v>
      </c>
      <c r="P13" s="222">
        <v>3</v>
      </c>
      <c r="Q13" s="218">
        <v>4</v>
      </c>
      <c r="R13" s="218">
        <v>6</v>
      </c>
      <c r="S13" s="218">
        <v>11</v>
      </c>
      <c r="T13" s="219">
        <v>2</v>
      </c>
      <c r="U13" s="240">
        <v>26</v>
      </c>
      <c r="V13" s="221">
        <v>26</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1</v>
      </c>
      <c r="AO13" s="240">
        <v>2</v>
      </c>
      <c r="AP13" s="242">
        <v>2</v>
      </c>
      <c r="AQ13" s="239"/>
    </row>
    <row r="14" spans="2:43" ht="21" customHeight="1" x14ac:dyDescent="0.2">
      <c r="B14" s="106" t="s">
        <v>11</v>
      </c>
      <c r="C14" s="217">
        <v>0</v>
      </c>
      <c r="D14" s="219">
        <v>0</v>
      </c>
      <c r="E14" s="219">
        <v>0</v>
      </c>
      <c r="F14" s="220">
        <v>0</v>
      </c>
      <c r="G14" s="218">
        <v>0</v>
      </c>
      <c r="H14" s="218">
        <v>8</v>
      </c>
      <c r="I14" s="218">
        <v>8</v>
      </c>
      <c r="J14" s="219">
        <v>6</v>
      </c>
      <c r="K14" s="240">
        <v>22</v>
      </c>
      <c r="L14" s="241">
        <v>22</v>
      </c>
      <c r="M14" s="217">
        <v>0</v>
      </c>
      <c r="N14" s="219">
        <v>0</v>
      </c>
      <c r="O14" s="240">
        <v>0</v>
      </c>
      <c r="P14" s="222">
        <v>1</v>
      </c>
      <c r="Q14" s="218">
        <v>2</v>
      </c>
      <c r="R14" s="218">
        <v>6</v>
      </c>
      <c r="S14" s="218">
        <v>2</v>
      </c>
      <c r="T14" s="219">
        <v>1</v>
      </c>
      <c r="U14" s="240">
        <v>12</v>
      </c>
      <c r="V14" s="221">
        <v>12</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0</v>
      </c>
      <c r="AO14" s="240">
        <v>0</v>
      </c>
      <c r="AP14" s="242">
        <v>0</v>
      </c>
      <c r="AQ14" s="239"/>
    </row>
    <row r="15" spans="2:43" ht="21" customHeight="1" x14ac:dyDescent="0.2">
      <c r="B15" s="106" t="s">
        <v>12</v>
      </c>
      <c r="C15" s="217">
        <v>0</v>
      </c>
      <c r="D15" s="219">
        <v>0</v>
      </c>
      <c r="E15" s="219">
        <v>0</v>
      </c>
      <c r="F15" s="220">
        <v>0</v>
      </c>
      <c r="G15" s="218">
        <v>0</v>
      </c>
      <c r="H15" s="218">
        <v>1</v>
      </c>
      <c r="I15" s="218">
        <v>10</v>
      </c>
      <c r="J15" s="219">
        <v>7</v>
      </c>
      <c r="K15" s="240">
        <v>18</v>
      </c>
      <c r="L15" s="241">
        <v>18</v>
      </c>
      <c r="M15" s="217">
        <v>0</v>
      </c>
      <c r="N15" s="219">
        <v>0</v>
      </c>
      <c r="O15" s="240">
        <v>0</v>
      </c>
      <c r="P15" s="222">
        <v>1</v>
      </c>
      <c r="Q15" s="218">
        <v>3</v>
      </c>
      <c r="R15" s="218">
        <v>3</v>
      </c>
      <c r="S15" s="218">
        <v>6</v>
      </c>
      <c r="T15" s="219">
        <v>2</v>
      </c>
      <c r="U15" s="240">
        <v>15</v>
      </c>
      <c r="V15" s="221">
        <v>15</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1</v>
      </c>
      <c r="I16" s="218">
        <v>5</v>
      </c>
      <c r="J16" s="219">
        <v>6</v>
      </c>
      <c r="K16" s="240">
        <v>12</v>
      </c>
      <c r="L16" s="241">
        <v>12</v>
      </c>
      <c r="M16" s="217">
        <v>0</v>
      </c>
      <c r="N16" s="219">
        <v>0</v>
      </c>
      <c r="O16" s="240">
        <v>0</v>
      </c>
      <c r="P16" s="222">
        <v>0</v>
      </c>
      <c r="Q16" s="218">
        <v>0</v>
      </c>
      <c r="R16" s="218">
        <v>1</v>
      </c>
      <c r="S16" s="218">
        <v>2</v>
      </c>
      <c r="T16" s="219">
        <v>1</v>
      </c>
      <c r="U16" s="240">
        <v>4</v>
      </c>
      <c r="V16" s="221">
        <v>4</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0</v>
      </c>
      <c r="I17" s="218">
        <v>0</v>
      </c>
      <c r="J17" s="219">
        <v>2</v>
      </c>
      <c r="K17" s="240">
        <v>2</v>
      </c>
      <c r="L17" s="241">
        <v>2</v>
      </c>
      <c r="M17" s="217">
        <v>0</v>
      </c>
      <c r="N17" s="219">
        <v>0</v>
      </c>
      <c r="O17" s="240">
        <v>0</v>
      </c>
      <c r="P17" s="222">
        <v>0</v>
      </c>
      <c r="Q17" s="218">
        <v>0</v>
      </c>
      <c r="R17" s="218">
        <v>2</v>
      </c>
      <c r="S17" s="218">
        <v>2</v>
      </c>
      <c r="T17" s="219">
        <v>0</v>
      </c>
      <c r="U17" s="240">
        <v>4</v>
      </c>
      <c r="V17" s="221">
        <v>4</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7</v>
      </c>
      <c r="I18" s="218">
        <v>10</v>
      </c>
      <c r="J18" s="219">
        <v>3</v>
      </c>
      <c r="K18" s="240">
        <v>20</v>
      </c>
      <c r="L18" s="241">
        <v>20</v>
      </c>
      <c r="M18" s="217">
        <v>0</v>
      </c>
      <c r="N18" s="219">
        <v>0</v>
      </c>
      <c r="O18" s="240">
        <v>0</v>
      </c>
      <c r="P18" s="222">
        <v>1</v>
      </c>
      <c r="Q18" s="218">
        <v>2</v>
      </c>
      <c r="R18" s="218">
        <v>5</v>
      </c>
      <c r="S18" s="218">
        <v>6</v>
      </c>
      <c r="T18" s="219">
        <v>0</v>
      </c>
      <c r="U18" s="240">
        <v>14</v>
      </c>
      <c r="V18" s="221">
        <v>14</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0</v>
      </c>
      <c r="AO18" s="240">
        <v>0</v>
      </c>
      <c r="AP18" s="242">
        <v>0</v>
      </c>
      <c r="AQ18" s="239"/>
    </row>
    <row r="19" spans="2:43" ht="21" customHeight="1" x14ac:dyDescent="0.2">
      <c r="B19" s="106" t="s">
        <v>17</v>
      </c>
      <c r="C19" s="217">
        <v>0</v>
      </c>
      <c r="D19" s="219">
        <v>0</v>
      </c>
      <c r="E19" s="219">
        <v>0</v>
      </c>
      <c r="F19" s="220">
        <v>0</v>
      </c>
      <c r="G19" s="218">
        <v>1</v>
      </c>
      <c r="H19" s="218">
        <v>6</v>
      </c>
      <c r="I19" s="218">
        <v>4</v>
      </c>
      <c r="J19" s="219">
        <v>8</v>
      </c>
      <c r="K19" s="240">
        <v>19</v>
      </c>
      <c r="L19" s="241">
        <v>19</v>
      </c>
      <c r="M19" s="217">
        <v>0</v>
      </c>
      <c r="N19" s="219">
        <v>0</v>
      </c>
      <c r="O19" s="240">
        <v>0</v>
      </c>
      <c r="P19" s="222">
        <v>1</v>
      </c>
      <c r="Q19" s="218">
        <v>5</v>
      </c>
      <c r="R19" s="218">
        <v>10</v>
      </c>
      <c r="S19" s="218">
        <v>7</v>
      </c>
      <c r="T19" s="219">
        <v>6</v>
      </c>
      <c r="U19" s="240">
        <v>29</v>
      </c>
      <c r="V19" s="221">
        <v>29</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7</v>
      </c>
      <c r="I20" s="218">
        <v>7</v>
      </c>
      <c r="J20" s="219">
        <v>10</v>
      </c>
      <c r="K20" s="240">
        <v>25</v>
      </c>
      <c r="L20" s="241">
        <v>25</v>
      </c>
      <c r="M20" s="217">
        <v>0</v>
      </c>
      <c r="N20" s="219">
        <v>0</v>
      </c>
      <c r="O20" s="240">
        <v>0</v>
      </c>
      <c r="P20" s="222">
        <v>2</v>
      </c>
      <c r="Q20" s="218">
        <v>2</v>
      </c>
      <c r="R20" s="218">
        <v>4</v>
      </c>
      <c r="S20" s="218">
        <v>5</v>
      </c>
      <c r="T20" s="219">
        <v>2</v>
      </c>
      <c r="U20" s="240">
        <v>15</v>
      </c>
      <c r="V20" s="221">
        <v>15</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0</v>
      </c>
      <c r="AO20" s="240">
        <v>0</v>
      </c>
      <c r="AP20" s="242">
        <v>0</v>
      </c>
      <c r="AQ20" s="239"/>
    </row>
    <row r="21" spans="2:43" ht="21" customHeight="1" x14ac:dyDescent="0.2">
      <c r="B21" s="106" t="s">
        <v>19</v>
      </c>
      <c r="C21" s="217">
        <v>0</v>
      </c>
      <c r="D21" s="219">
        <v>0</v>
      </c>
      <c r="E21" s="219">
        <v>0</v>
      </c>
      <c r="F21" s="220">
        <v>0</v>
      </c>
      <c r="G21" s="218">
        <v>0</v>
      </c>
      <c r="H21" s="218">
        <v>3</v>
      </c>
      <c r="I21" s="218">
        <v>1</v>
      </c>
      <c r="J21" s="219">
        <v>2</v>
      </c>
      <c r="K21" s="240">
        <v>6</v>
      </c>
      <c r="L21" s="241">
        <v>6</v>
      </c>
      <c r="M21" s="217">
        <v>0</v>
      </c>
      <c r="N21" s="219">
        <v>0</v>
      </c>
      <c r="O21" s="240">
        <v>0</v>
      </c>
      <c r="P21" s="222">
        <v>2</v>
      </c>
      <c r="Q21" s="218">
        <v>3</v>
      </c>
      <c r="R21" s="218">
        <v>5</v>
      </c>
      <c r="S21" s="218">
        <v>1</v>
      </c>
      <c r="T21" s="219">
        <v>1</v>
      </c>
      <c r="U21" s="240">
        <v>12</v>
      </c>
      <c r="V21" s="221">
        <v>12</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1</v>
      </c>
      <c r="AO21" s="240">
        <v>1</v>
      </c>
      <c r="AP21" s="242">
        <v>1</v>
      </c>
      <c r="AQ21" s="239"/>
    </row>
    <row r="22" spans="2:43" ht="21" customHeight="1" x14ac:dyDescent="0.2">
      <c r="B22" s="106" t="s">
        <v>20</v>
      </c>
      <c r="C22" s="217">
        <v>0</v>
      </c>
      <c r="D22" s="219">
        <v>0</v>
      </c>
      <c r="E22" s="219">
        <v>0</v>
      </c>
      <c r="F22" s="220">
        <v>0</v>
      </c>
      <c r="G22" s="218">
        <v>2</v>
      </c>
      <c r="H22" s="218">
        <v>2</v>
      </c>
      <c r="I22" s="218">
        <v>9</v>
      </c>
      <c r="J22" s="219">
        <v>6</v>
      </c>
      <c r="K22" s="240">
        <v>19</v>
      </c>
      <c r="L22" s="241">
        <v>19</v>
      </c>
      <c r="M22" s="217">
        <v>0</v>
      </c>
      <c r="N22" s="219">
        <v>0</v>
      </c>
      <c r="O22" s="240">
        <v>0</v>
      </c>
      <c r="P22" s="222">
        <v>3</v>
      </c>
      <c r="Q22" s="218">
        <v>2</v>
      </c>
      <c r="R22" s="218">
        <v>2</v>
      </c>
      <c r="S22" s="218">
        <v>6</v>
      </c>
      <c r="T22" s="219">
        <v>0</v>
      </c>
      <c r="U22" s="240">
        <v>13</v>
      </c>
      <c r="V22" s="221">
        <v>13</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2</v>
      </c>
      <c r="I23" s="218">
        <v>7</v>
      </c>
      <c r="J23" s="219">
        <v>5</v>
      </c>
      <c r="K23" s="240">
        <v>14</v>
      </c>
      <c r="L23" s="241">
        <v>14</v>
      </c>
      <c r="M23" s="217">
        <v>0</v>
      </c>
      <c r="N23" s="219">
        <v>0</v>
      </c>
      <c r="O23" s="240">
        <v>0</v>
      </c>
      <c r="P23" s="222">
        <v>0</v>
      </c>
      <c r="Q23" s="218">
        <v>3</v>
      </c>
      <c r="R23" s="218">
        <v>2</v>
      </c>
      <c r="S23" s="218">
        <v>2</v>
      </c>
      <c r="T23" s="219">
        <v>0</v>
      </c>
      <c r="U23" s="240">
        <v>7</v>
      </c>
      <c r="V23" s="221">
        <v>7</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1</v>
      </c>
      <c r="AM23" s="218">
        <v>0</v>
      </c>
      <c r="AN23" s="219">
        <v>0</v>
      </c>
      <c r="AO23" s="240">
        <v>1</v>
      </c>
      <c r="AP23" s="242">
        <v>1</v>
      </c>
      <c r="AQ23" s="239"/>
    </row>
    <row r="24" spans="2:43" ht="21" customHeight="1" x14ac:dyDescent="0.2">
      <c r="B24" s="106" t="s">
        <v>22</v>
      </c>
      <c r="C24" s="217">
        <v>0</v>
      </c>
      <c r="D24" s="219">
        <v>0</v>
      </c>
      <c r="E24" s="219">
        <v>0</v>
      </c>
      <c r="F24" s="220">
        <v>0</v>
      </c>
      <c r="G24" s="218">
        <v>1</v>
      </c>
      <c r="H24" s="218">
        <v>2</v>
      </c>
      <c r="I24" s="218">
        <v>1</v>
      </c>
      <c r="J24" s="219">
        <v>0</v>
      </c>
      <c r="K24" s="240">
        <v>4</v>
      </c>
      <c r="L24" s="241">
        <v>4</v>
      </c>
      <c r="M24" s="217">
        <v>0</v>
      </c>
      <c r="N24" s="219">
        <v>0</v>
      </c>
      <c r="O24" s="240">
        <v>0</v>
      </c>
      <c r="P24" s="222">
        <v>0</v>
      </c>
      <c r="Q24" s="218">
        <v>1</v>
      </c>
      <c r="R24" s="218">
        <v>0</v>
      </c>
      <c r="S24" s="218">
        <v>1</v>
      </c>
      <c r="T24" s="219">
        <v>0</v>
      </c>
      <c r="U24" s="240">
        <v>2</v>
      </c>
      <c r="V24" s="221">
        <v>2</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3</v>
      </c>
      <c r="I25" s="218">
        <v>3</v>
      </c>
      <c r="J25" s="219">
        <v>3</v>
      </c>
      <c r="K25" s="240">
        <v>9</v>
      </c>
      <c r="L25" s="241">
        <v>9</v>
      </c>
      <c r="M25" s="217">
        <v>0</v>
      </c>
      <c r="N25" s="219">
        <v>0</v>
      </c>
      <c r="O25" s="240">
        <v>0</v>
      </c>
      <c r="P25" s="222">
        <v>1</v>
      </c>
      <c r="Q25" s="218">
        <v>0</v>
      </c>
      <c r="R25" s="218">
        <v>0</v>
      </c>
      <c r="S25" s="218">
        <v>0</v>
      </c>
      <c r="T25" s="219">
        <v>1</v>
      </c>
      <c r="U25" s="240">
        <v>2</v>
      </c>
      <c r="V25" s="221">
        <v>2</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1</v>
      </c>
      <c r="I26" s="218">
        <v>3</v>
      </c>
      <c r="J26" s="219">
        <v>1</v>
      </c>
      <c r="K26" s="240">
        <v>5</v>
      </c>
      <c r="L26" s="241">
        <v>5</v>
      </c>
      <c r="M26" s="217">
        <v>0</v>
      </c>
      <c r="N26" s="219">
        <v>0</v>
      </c>
      <c r="O26" s="240">
        <v>0</v>
      </c>
      <c r="P26" s="222">
        <v>0</v>
      </c>
      <c r="Q26" s="218">
        <v>0</v>
      </c>
      <c r="R26" s="218">
        <v>2</v>
      </c>
      <c r="S26" s="218">
        <v>0</v>
      </c>
      <c r="T26" s="219">
        <v>0</v>
      </c>
      <c r="U26" s="240">
        <v>2</v>
      </c>
      <c r="V26" s="221">
        <v>2</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4</v>
      </c>
      <c r="I27" s="218">
        <v>2</v>
      </c>
      <c r="J27" s="219">
        <v>3</v>
      </c>
      <c r="K27" s="240">
        <v>9</v>
      </c>
      <c r="L27" s="241">
        <v>9</v>
      </c>
      <c r="M27" s="217">
        <v>0</v>
      </c>
      <c r="N27" s="219">
        <v>0</v>
      </c>
      <c r="O27" s="240">
        <v>0</v>
      </c>
      <c r="P27" s="222">
        <v>1</v>
      </c>
      <c r="Q27" s="218">
        <v>3</v>
      </c>
      <c r="R27" s="218">
        <v>1</v>
      </c>
      <c r="S27" s="218">
        <v>2</v>
      </c>
      <c r="T27" s="219">
        <v>0</v>
      </c>
      <c r="U27" s="240">
        <v>7</v>
      </c>
      <c r="V27" s="221">
        <v>7</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1</v>
      </c>
      <c r="J28" s="219">
        <v>1</v>
      </c>
      <c r="K28" s="240">
        <v>3</v>
      </c>
      <c r="L28" s="241">
        <v>3</v>
      </c>
      <c r="M28" s="217">
        <v>0</v>
      </c>
      <c r="N28" s="219">
        <v>0</v>
      </c>
      <c r="O28" s="240">
        <v>0</v>
      </c>
      <c r="P28" s="222">
        <v>0</v>
      </c>
      <c r="Q28" s="218">
        <v>3</v>
      </c>
      <c r="R28" s="218">
        <v>2</v>
      </c>
      <c r="S28" s="218">
        <v>2</v>
      </c>
      <c r="T28" s="219">
        <v>0</v>
      </c>
      <c r="U28" s="240">
        <v>7</v>
      </c>
      <c r="V28" s="221">
        <v>7</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1</v>
      </c>
      <c r="I29" s="218">
        <v>1</v>
      </c>
      <c r="J29" s="219">
        <v>1</v>
      </c>
      <c r="K29" s="240">
        <v>3</v>
      </c>
      <c r="L29" s="241">
        <v>3</v>
      </c>
      <c r="M29" s="217">
        <v>0</v>
      </c>
      <c r="N29" s="219">
        <v>0</v>
      </c>
      <c r="O29" s="240">
        <v>0</v>
      </c>
      <c r="P29" s="222">
        <v>1</v>
      </c>
      <c r="Q29" s="218">
        <v>0</v>
      </c>
      <c r="R29" s="218">
        <v>0</v>
      </c>
      <c r="S29" s="218">
        <v>0</v>
      </c>
      <c r="T29" s="219">
        <v>1</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1</v>
      </c>
      <c r="J31" s="219">
        <v>0</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0</v>
      </c>
      <c r="J32" s="219">
        <v>1</v>
      </c>
      <c r="K32" s="240">
        <v>2</v>
      </c>
      <c r="L32" s="241">
        <v>2</v>
      </c>
      <c r="M32" s="217">
        <v>0</v>
      </c>
      <c r="N32" s="219">
        <v>0</v>
      </c>
      <c r="O32" s="240">
        <v>0</v>
      </c>
      <c r="P32" s="222">
        <v>0</v>
      </c>
      <c r="Q32" s="218">
        <v>0</v>
      </c>
      <c r="R32" s="218">
        <v>0</v>
      </c>
      <c r="S32" s="218">
        <v>0</v>
      </c>
      <c r="T32" s="219">
        <v>0</v>
      </c>
      <c r="U32" s="240">
        <v>0</v>
      </c>
      <c r="V32" s="221">
        <v>0</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1</v>
      </c>
      <c r="I33" s="218">
        <v>0</v>
      </c>
      <c r="J33" s="219">
        <v>1</v>
      </c>
      <c r="K33" s="240">
        <v>2</v>
      </c>
      <c r="L33" s="241">
        <v>2</v>
      </c>
      <c r="M33" s="217">
        <v>0</v>
      </c>
      <c r="N33" s="219">
        <v>0</v>
      </c>
      <c r="O33" s="240">
        <v>0</v>
      </c>
      <c r="P33" s="222">
        <v>0</v>
      </c>
      <c r="Q33" s="218">
        <v>0</v>
      </c>
      <c r="R33" s="218">
        <v>3</v>
      </c>
      <c r="S33" s="218">
        <v>0</v>
      </c>
      <c r="T33" s="219">
        <v>0</v>
      </c>
      <c r="U33" s="240">
        <v>3</v>
      </c>
      <c r="V33" s="221">
        <v>3</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1</v>
      </c>
      <c r="I34" s="218">
        <v>0</v>
      </c>
      <c r="J34" s="219">
        <v>1</v>
      </c>
      <c r="K34" s="240">
        <v>2</v>
      </c>
      <c r="L34" s="241">
        <v>2</v>
      </c>
      <c r="M34" s="217">
        <v>0</v>
      </c>
      <c r="N34" s="219">
        <v>0</v>
      </c>
      <c r="O34" s="240">
        <v>0</v>
      </c>
      <c r="P34" s="222">
        <v>0</v>
      </c>
      <c r="Q34" s="218">
        <v>0</v>
      </c>
      <c r="R34" s="218">
        <v>0</v>
      </c>
      <c r="S34" s="218">
        <v>1</v>
      </c>
      <c r="T34" s="219">
        <v>1</v>
      </c>
      <c r="U34" s="240">
        <v>2</v>
      </c>
      <c r="V34" s="221">
        <v>2</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1</v>
      </c>
      <c r="U35" s="240">
        <v>1</v>
      </c>
      <c r="V35" s="221">
        <v>1</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0</v>
      </c>
      <c r="AL35" s="218">
        <v>0</v>
      </c>
      <c r="AM35" s="218">
        <v>0</v>
      </c>
      <c r="AN35" s="219">
        <v>3</v>
      </c>
      <c r="AO35" s="240">
        <v>3</v>
      </c>
      <c r="AP35" s="242">
        <v>3</v>
      </c>
      <c r="AQ35" s="239"/>
    </row>
    <row r="36" spans="2:43" ht="21" customHeight="1" x14ac:dyDescent="0.2">
      <c r="B36" s="106" t="s">
        <v>34</v>
      </c>
      <c r="C36" s="217">
        <v>0</v>
      </c>
      <c r="D36" s="219">
        <v>0</v>
      </c>
      <c r="E36" s="219">
        <v>0</v>
      </c>
      <c r="F36" s="220">
        <v>0</v>
      </c>
      <c r="G36" s="218">
        <v>0</v>
      </c>
      <c r="H36" s="218">
        <v>0</v>
      </c>
      <c r="I36" s="218">
        <v>0</v>
      </c>
      <c r="J36" s="219">
        <v>0</v>
      </c>
      <c r="K36" s="240">
        <v>0</v>
      </c>
      <c r="L36" s="241">
        <v>0</v>
      </c>
      <c r="M36" s="217">
        <v>0</v>
      </c>
      <c r="N36" s="219">
        <v>0</v>
      </c>
      <c r="O36" s="240">
        <v>0</v>
      </c>
      <c r="P36" s="222">
        <v>0</v>
      </c>
      <c r="Q36" s="218">
        <v>0</v>
      </c>
      <c r="R36" s="218">
        <v>0</v>
      </c>
      <c r="S36" s="218">
        <v>1</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0</v>
      </c>
      <c r="Q37" s="218">
        <v>0</v>
      </c>
      <c r="R37" s="218">
        <v>0</v>
      </c>
      <c r="S37" s="218">
        <v>0</v>
      </c>
      <c r="T37" s="219">
        <v>0</v>
      </c>
      <c r="U37" s="240">
        <v>0</v>
      </c>
      <c r="V37" s="221">
        <v>0</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1</v>
      </c>
      <c r="J38" s="219">
        <v>1</v>
      </c>
      <c r="K38" s="240">
        <v>2</v>
      </c>
      <c r="L38" s="241">
        <v>2</v>
      </c>
      <c r="M38" s="217">
        <v>0</v>
      </c>
      <c r="N38" s="219">
        <v>0</v>
      </c>
      <c r="O38" s="240">
        <v>0</v>
      </c>
      <c r="P38" s="222">
        <v>0</v>
      </c>
      <c r="Q38" s="218">
        <v>0</v>
      </c>
      <c r="R38" s="218">
        <v>1</v>
      </c>
      <c r="S38" s="218">
        <v>0</v>
      </c>
      <c r="T38" s="219">
        <v>0</v>
      </c>
      <c r="U38" s="240">
        <v>1</v>
      </c>
      <c r="V38" s="221">
        <v>1</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16">
        <f>第１表!G2</f>
        <v>5</v>
      </c>
      <c r="G1" s="535">
        <f>IF(F1&lt;3,F1-2+12,F1-2)</f>
        <v>3</v>
      </c>
      <c r="H1" s="535"/>
      <c r="IB1" s="42"/>
      <c r="IC1" s="22"/>
      <c r="ID1" s="546"/>
      <c r="IE1" s="546"/>
    </row>
    <row r="2" spans="1:409" ht="24" customHeight="1" x14ac:dyDescent="0.2">
      <c r="B2" s="10" t="s">
        <v>144</v>
      </c>
      <c r="E2" s="19"/>
      <c r="F2" s="20"/>
      <c r="G2" s="546"/>
      <c r="H2" s="546"/>
      <c r="IB2" s="21"/>
      <c r="IC2" s="22"/>
      <c r="ID2" s="419"/>
      <c r="IE2" s="419"/>
    </row>
    <row r="3" spans="1:409" ht="24" customHeight="1" thickBot="1" x14ac:dyDescent="0.25">
      <c r="B3" s="10" t="s">
        <v>145</v>
      </c>
    </row>
    <row r="4" spans="1:409" ht="21" customHeight="1" thickBot="1" x14ac:dyDescent="0.25">
      <c r="B4" s="551" t="s">
        <v>42</v>
      </c>
      <c r="C4" s="554" t="s">
        <v>63</v>
      </c>
      <c r="D4" s="554"/>
      <c r="E4" s="554"/>
      <c r="F4" s="554"/>
      <c r="G4" s="554"/>
      <c r="H4" s="554"/>
      <c r="I4" s="554"/>
      <c r="J4" s="554"/>
      <c r="K4" s="554"/>
      <c r="L4" s="554"/>
      <c r="M4" s="554"/>
      <c r="N4" s="512"/>
      <c r="O4" s="512"/>
      <c r="P4" s="512"/>
      <c r="Q4" s="512"/>
      <c r="R4" s="512"/>
      <c r="S4" s="512"/>
      <c r="T4" s="512"/>
      <c r="U4" s="512"/>
      <c r="V4" s="512"/>
      <c r="W4" s="512"/>
      <c r="X4" s="512"/>
      <c r="Y4" s="512"/>
      <c r="Z4" s="512"/>
      <c r="AA4" s="512"/>
      <c r="AB4" s="512"/>
      <c r="AC4" s="512"/>
      <c r="AD4" s="512"/>
      <c r="AE4" s="512"/>
      <c r="AF4" s="512"/>
      <c r="AG4" s="512"/>
      <c r="AH4" s="512"/>
      <c r="AI4" s="512"/>
      <c r="AJ4" s="512"/>
      <c r="AK4" s="512"/>
      <c r="AL4" s="512"/>
      <c r="AM4" s="512"/>
      <c r="AN4" s="512"/>
      <c r="AO4" s="512"/>
      <c r="AP4" s="512"/>
      <c r="AQ4" s="512"/>
      <c r="AR4" s="512"/>
      <c r="AS4" s="512"/>
      <c r="AT4" s="512"/>
      <c r="AU4" s="512"/>
      <c r="AV4" s="512"/>
      <c r="AW4" s="512"/>
      <c r="AX4" s="512"/>
      <c r="AY4" s="512"/>
      <c r="AZ4" s="512"/>
      <c r="BA4" s="512"/>
      <c r="BB4" s="512"/>
      <c r="BC4" s="512"/>
      <c r="BD4" s="512"/>
      <c r="BE4" s="512"/>
      <c r="BF4" s="512"/>
      <c r="BG4" s="512"/>
      <c r="BH4" s="512"/>
      <c r="BI4" s="512"/>
      <c r="BJ4" s="512"/>
      <c r="BK4" s="512"/>
      <c r="BL4" s="512"/>
      <c r="BM4" s="512"/>
      <c r="BN4" s="512"/>
      <c r="BO4" s="512"/>
      <c r="BP4" s="512"/>
      <c r="BQ4" s="512"/>
      <c r="BR4" s="512"/>
      <c r="BS4" s="512"/>
      <c r="BT4" s="512"/>
      <c r="BU4" s="512"/>
      <c r="BV4" s="512"/>
      <c r="BW4" s="512"/>
      <c r="BX4" s="512"/>
      <c r="BY4" s="512"/>
      <c r="BZ4" s="512"/>
      <c r="CA4" s="512"/>
      <c r="CB4" s="512"/>
      <c r="CC4" s="512"/>
      <c r="CD4" s="512"/>
      <c r="CE4" s="512"/>
      <c r="CF4" s="512"/>
      <c r="CG4" s="512"/>
      <c r="CH4" s="512"/>
      <c r="CI4" s="512"/>
      <c r="CJ4" s="512"/>
      <c r="CK4" s="512"/>
      <c r="CL4" s="512"/>
      <c r="CM4" s="512"/>
      <c r="CN4" s="512"/>
      <c r="CO4" s="512"/>
      <c r="CP4" s="512"/>
      <c r="CQ4" s="512"/>
      <c r="CR4" s="512"/>
      <c r="CS4" s="512"/>
      <c r="CT4" s="512"/>
      <c r="CU4" s="512"/>
      <c r="CV4" s="512"/>
      <c r="CW4" s="512"/>
      <c r="CX4" s="512"/>
      <c r="CY4" s="512"/>
      <c r="CZ4" s="512"/>
      <c r="DA4" s="512"/>
      <c r="DB4" s="512"/>
      <c r="DC4" s="512"/>
      <c r="DD4" s="512"/>
      <c r="DE4" s="512"/>
      <c r="DF4" s="512"/>
      <c r="DG4" s="512"/>
      <c r="DH4" s="512"/>
      <c r="DI4" s="512"/>
      <c r="DJ4" s="512"/>
      <c r="DK4" s="512"/>
      <c r="DL4" s="512"/>
      <c r="DM4" s="512"/>
      <c r="DN4" s="512"/>
      <c r="DO4" s="512"/>
      <c r="DP4" s="512"/>
      <c r="DQ4" s="512"/>
      <c r="DR4" s="512"/>
      <c r="DS4" s="512"/>
      <c r="DT4" s="512"/>
      <c r="DU4" s="512"/>
      <c r="DV4" s="512"/>
      <c r="DW4" s="512"/>
      <c r="DX4" s="512"/>
      <c r="DY4" s="512"/>
      <c r="DZ4" s="512"/>
      <c r="EA4" s="512"/>
      <c r="EB4" s="512"/>
      <c r="EC4" s="512"/>
      <c r="ED4" s="512"/>
      <c r="EE4" s="512"/>
      <c r="EF4" s="512"/>
      <c r="EG4" s="512"/>
      <c r="EH4" s="512"/>
      <c r="EI4" s="512"/>
      <c r="EJ4" s="512"/>
      <c r="EK4" s="512"/>
      <c r="EL4" s="512"/>
      <c r="EM4" s="512"/>
      <c r="EN4" s="512"/>
      <c r="EO4" s="512"/>
      <c r="EP4" s="512"/>
      <c r="EQ4" s="512"/>
      <c r="ER4" s="512"/>
      <c r="ES4" s="512"/>
      <c r="ET4" s="512"/>
      <c r="EU4" s="512"/>
      <c r="EV4" s="512"/>
      <c r="EW4" s="512"/>
      <c r="EX4" s="512"/>
      <c r="EY4" s="512"/>
      <c r="EZ4" s="512"/>
      <c r="FA4" s="512"/>
      <c r="FB4" s="512"/>
      <c r="FC4" s="512"/>
      <c r="FD4" s="512"/>
      <c r="FE4" s="512"/>
      <c r="FF4" s="512"/>
      <c r="FG4" s="512"/>
      <c r="FH4" s="512"/>
      <c r="FI4" s="512"/>
      <c r="FJ4" s="512"/>
      <c r="FK4" s="512"/>
      <c r="FL4" s="512"/>
      <c r="FM4" s="512"/>
      <c r="FN4" s="512"/>
      <c r="FO4" s="512"/>
      <c r="FP4" s="512"/>
      <c r="FQ4" s="512"/>
      <c r="FR4" s="512"/>
      <c r="FS4" s="512"/>
      <c r="FT4" s="512"/>
      <c r="FU4" s="512"/>
      <c r="FV4" s="512"/>
      <c r="FW4" s="512"/>
      <c r="FX4" s="512"/>
      <c r="FY4" s="512"/>
      <c r="FZ4" s="512"/>
      <c r="GA4" s="512"/>
      <c r="GB4" s="512"/>
      <c r="GC4" s="512"/>
      <c r="GD4" s="512"/>
      <c r="GE4" s="512"/>
      <c r="GF4" s="512"/>
      <c r="GG4" s="512"/>
      <c r="GH4" s="512"/>
      <c r="GI4" s="512"/>
      <c r="GJ4" s="512"/>
      <c r="GK4" s="512"/>
      <c r="GL4" s="512"/>
      <c r="GM4" s="512"/>
      <c r="GN4" s="512"/>
      <c r="GO4" s="512"/>
      <c r="GP4" s="512"/>
      <c r="GQ4" s="512"/>
      <c r="GR4" s="512"/>
      <c r="GS4" s="512"/>
      <c r="GT4" s="512"/>
      <c r="GU4" s="512"/>
      <c r="GV4" s="512"/>
      <c r="GW4" s="512"/>
      <c r="GX4" s="512"/>
      <c r="GY4" s="512"/>
      <c r="GZ4" s="512"/>
      <c r="HA4" s="512"/>
      <c r="HB4" s="512"/>
      <c r="HC4" s="512"/>
      <c r="HD4" s="512"/>
      <c r="HE4" s="512"/>
      <c r="HF4" s="512"/>
      <c r="HG4" s="512"/>
      <c r="HH4" s="512"/>
      <c r="HI4" s="512"/>
      <c r="HJ4" s="512"/>
      <c r="HK4" s="512"/>
      <c r="HL4" s="512"/>
      <c r="HM4" s="512"/>
      <c r="HN4" s="512"/>
      <c r="HO4" s="512"/>
      <c r="HP4" s="512"/>
      <c r="HQ4" s="512"/>
      <c r="HR4" s="512"/>
      <c r="HS4" s="512"/>
      <c r="HT4" s="512"/>
      <c r="HU4" s="512"/>
      <c r="HV4" s="512"/>
      <c r="HW4" s="512"/>
      <c r="HX4" s="512"/>
      <c r="HY4" s="513"/>
      <c r="HZ4" s="443" t="s">
        <v>85</v>
      </c>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4"/>
      <c r="JR4" s="444"/>
      <c r="JS4" s="444"/>
      <c r="JT4" s="444"/>
      <c r="JU4" s="444"/>
      <c r="JV4" s="444"/>
      <c r="JW4" s="444"/>
      <c r="JX4" s="444"/>
      <c r="JY4" s="444"/>
      <c r="JZ4" s="444"/>
      <c r="KA4" s="444"/>
      <c r="KB4" s="444"/>
      <c r="KC4" s="444"/>
      <c r="KD4" s="444"/>
      <c r="KE4" s="444"/>
      <c r="KF4" s="444"/>
      <c r="KG4" s="444"/>
      <c r="KH4" s="444"/>
      <c r="KI4" s="444"/>
      <c r="KJ4" s="444"/>
      <c r="KK4" s="444"/>
      <c r="KL4" s="444"/>
      <c r="KM4" s="444"/>
      <c r="KN4" s="444"/>
      <c r="KO4" s="444"/>
      <c r="KP4" s="444"/>
      <c r="KQ4" s="444"/>
      <c r="KR4" s="444"/>
      <c r="KS4" s="444"/>
      <c r="KT4" s="444"/>
      <c r="KU4" s="444"/>
      <c r="KV4" s="444"/>
      <c r="KW4" s="444"/>
      <c r="KX4" s="444"/>
      <c r="KY4" s="444"/>
      <c r="KZ4" s="444"/>
      <c r="LA4" s="444"/>
      <c r="LB4" s="444"/>
      <c r="LC4" s="444"/>
      <c r="LD4" s="444"/>
      <c r="LE4" s="444"/>
      <c r="LF4" s="444"/>
      <c r="LG4" s="444"/>
      <c r="LH4" s="444"/>
      <c r="LI4" s="444"/>
      <c r="LJ4" s="444"/>
      <c r="LK4" s="444"/>
      <c r="LL4" s="444"/>
      <c r="LM4" s="444"/>
      <c r="LN4" s="444"/>
      <c r="LO4" s="444"/>
      <c r="LP4" s="444"/>
      <c r="LQ4" s="444"/>
      <c r="LR4" s="444"/>
      <c r="LS4" s="444"/>
      <c r="LT4" s="444"/>
      <c r="LU4" s="444"/>
      <c r="LV4" s="444"/>
      <c r="LW4" s="444"/>
      <c r="LX4" s="444"/>
      <c r="LY4" s="444"/>
      <c r="LZ4" s="444"/>
      <c r="MA4" s="444"/>
      <c r="MB4" s="444"/>
      <c r="MC4" s="444"/>
      <c r="MD4" s="444"/>
      <c r="ME4" s="445"/>
      <c r="MF4" s="443" t="s">
        <v>86</v>
      </c>
      <c r="MG4" s="444"/>
      <c r="MH4" s="444"/>
      <c r="MI4" s="444"/>
      <c r="MJ4" s="444"/>
      <c r="MK4" s="444"/>
      <c r="ML4" s="444"/>
      <c r="MM4" s="444"/>
      <c r="MN4" s="444"/>
      <c r="MO4" s="444"/>
      <c r="MP4" s="444"/>
      <c r="MQ4" s="444"/>
      <c r="MR4" s="444"/>
      <c r="MS4" s="444"/>
      <c r="MT4" s="444"/>
      <c r="MU4" s="444"/>
      <c r="MV4" s="444"/>
      <c r="MW4" s="444"/>
      <c r="MX4" s="444"/>
      <c r="MY4" s="444"/>
      <c r="MZ4" s="444"/>
      <c r="NA4" s="444"/>
      <c r="NB4" s="444"/>
      <c r="NC4" s="444"/>
      <c r="ND4" s="444"/>
      <c r="NE4" s="444"/>
      <c r="NF4" s="444"/>
      <c r="NG4" s="444"/>
      <c r="NH4" s="444"/>
      <c r="NI4" s="444"/>
      <c r="NJ4" s="444"/>
      <c r="NK4" s="444"/>
      <c r="NL4" s="444"/>
      <c r="NM4" s="444"/>
      <c r="NN4" s="444"/>
      <c r="NO4" s="444"/>
      <c r="NP4" s="444"/>
      <c r="NQ4" s="444"/>
      <c r="NR4" s="444"/>
      <c r="NS4" s="444"/>
      <c r="NT4" s="444"/>
      <c r="NU4" s="444"/>
      <c r="NV4" s="444"/>
      <c r="NW4" s="444"/>
      <c r="NX4" s="444"/>
      <c r="NY4" s="444"/>
      <c r="NZ4" s="444"/>
      <c r="OA4" s="444"/>
      <c r="OB4" s="444"/>
      <c r="OC4" s="444"/>
      <c r="OD4" s="444"/>
      <c r="OE4" s="444"/>
      <c r="OF4" s="444"/>
      <c r="OG4" s="444"/>
      <c r="OH4" s="445"/>
      <c r="OI4" s="429" t="s">
        <v>60</v>
      </c>
      <c r="OJ4" s="430"/>
      <c r="OK4" s="430"/>
      <c r="OL4" s="430"/>
      <c r="OM4" s="430"/>
      <c r="ON4" s="430"/>
      <c r="OO4" s="430"/>
      <c r="OP4" s="430"/>
      <c r="OQ4" s="430"/>
      <c r="OR4" s="430"/>
      <c r="OS4" s="431"/>
    </row>
    <row r="5" spans="1:409" ht="21" customHeight="1" thickBot="1" x14ac:dyDescent="0.25">
      <c r="B5" s="552"/>
      <c r="C5" s="555"/>
      <c r="D5" s="555"/>
      <c r="E5" s="555"/>
      <c r="F5" s="555"/>
      <c r="G5" s="555"/>
      <c r="H5" s="555"/>
      <c r="I5" s="555"/>
      <c r="J5" s="555"/>
      <c r="K5" s="555"/>
      <c r="L5" s="555"/>
      <c r="M5" s="555"/>
      <c r="N5" s="557" t="s">
        <v>64</v>
      </c>
      <c r="O5" s="558"/>
      <c r="P5" s="558"/>
      <c r="Q5" s="558"/>
      <c r="R5" s="558"/>
      <c r="S5" s="558"/>
      <c r="T5" s="558"/>
      <c r="U5" s="558"/>
      <c r="V5" s="558"/>
      <c r="W5" s="558"/>
      <c r="X5" s="558"/>
      <c r="Y5" s="558"/>
      <c r="Z5" s="558"/>
      <c r="AA5" s="558"/>
      <c r="AB5" s="558"/>
      <c r="AC5" s="558"/>
      <c r="AD5" s="558"/>
      <c r="AE5" s="558"/>
      <c r="AF5" s="558"/>
      <c r="AG5" s="558"/>
      <c r="AH5" s="558"/>
      <c r="AI5" s="558"/>
      <c r="AJ5" s="558"/>
      <c r="AK5" s="558"/>
      <c r="AL5" s="558"/>
      <c r="AM5" s="558"/>
      <c r="AN5" s="558"/>
      <c r="AO5" s="558"/>
      <c r="AP5" s="558"/>
      <c r="AQ5" s="558"/>
      <c r="AR5" s="558"/>
      <c r="AS5" s="558"/>
      <c r="AT5" s="558"/>
      <c r="AU5" s="558"/>
      <c r="AV5" s="558"/>
      <c r="AW5" s="558"/>
      <c r="AX5" s="558"/>
      <c r="AY5" s="558"/>
      <c r="AZ5" s="558"/>
      <c r="BA5" s="558"/>
      <c r="BB5" s="558"/>
      <c r="BC5" s="558"/>
      <c r="BD5" s="558"/>
      <c r="BE5" s="558"/>
      <c r="BF5" s="558"/>
      <c r="BG5" s="558"/>
      <c r="BH5" s="558"/>
      <c r="BI5" s="558"/>
      <c r="BJ5" s="558"/>
      <c r="BK5" s="558"/>
      <c r="BL5" s="558"/>
      <c r="BM5" s="558"/>
      <c r="BN5" s="558"/>
      <c r="BO5" s="558"/>
      <c r="BP5" s="558"/>
      <c r="BQ5" s="558"/>
      <c r="BR5" s="558"/>
      <c r="BS5" s="558"/>
      <c r="BT5" s="558"/>
      <c r="BU5" s="558"/>
      <c r="BV5" s="558"/>
      <c r="BW5" s="558"/>
      <c r="BX5" s="558"/>
      <c r="BY5" s="558"/>
      <c r="BZ5" s="558"/>
      <c r="CA5" s="559"/>
      <c r="CB5" s="557" t="s">
        <v>65</v>
      </c>
      <c r="CC5" s="558"/>
      <c r="CD5" s="558"/>
      <c r="CE5" s="558"/>
      <c r="CF5" s="558"/>
      <c r="CG5" s="558"/>
      <c r="CH5" s="558"/>
      <c r="CI5" s="558"/>
      <c r="CJ5" s="558"/>
      <c r="CK5" s="558"/>
      <c r="CL5" s="558"/>
      <c r="CM5" s="558"/>
      <c r="CN5" s="558"/>
      <c r="CO5" s="558"/>
      <c r="CP5" s="558"/>
      <c r="CQ5" s="558"/>
      <c r="CR5" s="558"/>
      <c r="CS5" s="558"/>
      <c r="CT5" s="558"/>
      <c r="CU5" s="558"/>
      <c r="CV5" s="558"/>
      <c r="CW5" s="558"/>
      <c r="CX5" s="558"/>
      <c r="CY5" s="558"/>
      <c r="CZ5" s="558"/>
      <c r="DA5" s="558"/>
      <c r="DB5" s="558"/>
      <c r="DC5" s="558"/>
      <c r="DD5" s="558"/>
      <c r="DE5" s="558"/>
      <c r="DF5" s="558"/>
      <c r="DG5" s="558"/>
      <c r="DH5" s="559"/>
      <c r="DI5" s="443" t="s">
        <v>66</v>
      </c>
      <c r="DJ5" s="444"/>
      <c r="DK5" s="444"/>
      <c r="DL5" s="444"/>
      <c r="DM5" s="444"/>
      <c r="DN5" s="444"/>
      <c r="DO5" s="444"/>
      <c r="DP5" s="444"/>
      <c r="DQ5" s="444"/>
      <c r="DR5" s="444"/>
      <c r="DS5" s="444"/>
      <c r="DT5" s="444"/>
      <c r="DU5" s="444"/>
      <c r="DV5" s="444"/>
      <c r="DW5" s="444"/>
      <c r="DX5" s="444"/>
      <c r="DY5" s="444"/>
      <c r="DZ5" s="444"/>
      <c r="EA5" s="444"/>
      <c r="EB5" s="444"/>
      <c r="EC5" s="444"/>
      <c r="ED5" s="444"/>
      <c r="EE5" s="444"/>
      <c r="EF5" s="444"/>
      <c r="EG5" s="444"/>
      <c r="EH5" s="444"/>
      <c r="EI5" s="444"/>
      <c r="EJ5" s="444"/>
      <c r="EK5" s="444"/>
      <c r="EL5" s="444"/>
      <c r="EM5" s="444"/>
      <c r="EN5" s="444"/>
      <c r="EO5" s="444"/>
      <c r="EP5" s="444"/>
      <c r="EQ5" s="444"/>
      <c r="ER5" s="444"/>
      <c r="ES5" s="444"/>
      <c r="ET5" s="444"/>
      <c r="EU5" s="444"/>
      <c r="EV5" s="444"/>
      <c r="EW5" s="444"/>
      <c r="EX5" s="444"/>
      <c r="EY5" s="444"/>
      <c r="EZ5" s="444"/>
      <c r="FA5" s="444"/>
      <c r="FB5" s="444"/>
      <c r="FC5" s="444"/>
      <c r="FD5" s="444"/>
      <c r="FE5" s="444"/>
      <c r="FF5" s="444"/>
      <c r="FG5" s="444"/>
      <c r="FH5" s="444"/>
      <c r="FI5" s="444"/>
      <c r="FJ5" s="444"/>
      <c r="FK5" s="445"/>
      <c r="FL5" s="557" t="s">
        <v>67</v>
      </c>
      <c r="FM5" s="558"/>
      <c r="FN5" s="558"/>
      <c r="FO5" s="558"/>
      <c r="FP5" s="558"/>
      <c r="FQ5" s="558"/>
      <c r="FR5" s="558"/>
      <c r="FS5" s="558"/>
      <c r="FT5" s="558"/>
      <c r="FU5" s="558"/>
      <c r="FV5" s="558"/>
      <c r="FW5" s="558"/>
      <c r="FX5" s="558"/>
      <c r="FY5" s="558"/>
      <c r="FZ5" s="558"/>
      <c r="GA5" s="558"/>
      <c r="GB5" s="558"/>
      <c r="GC5" s="558"/>
      <c r="GD5" s="558"/>
      <c r="GE5" s="558"/>
      <c r="GF5" s="558"/>
      <c r="GG5" s="558"/>
      <c r="GH5" s="558"/>
      <c r="GI5" s="558"/>
      <c r="GJ5" s="558"/>
      <c r="GK5" s="558"/>
      <c r="GL5" s="558"/>
      <c r="GM5" s="558"/>
      <c r="GN5" s="558"/>
      <c r="GO5" s="558"/>
      <c r="GP5" s="558"/>
      <c r="GQ5" s="558"/>
      <c r="GR5" s="558"/>
      <c r="GS5" s="558"/>
      <c r="GT5" s="558"/>
      <c r="GU5" s="558"/>
      <c r="GV5" s="558"/>
      <c r="GW5" s="558"/>
      <c r="GX5" s="558"/>
      <c r="GY5" s="558"/>
      <c r="GZ5" s="558"/>
      <c r="HA5" s="558"/>
      <c r="HB5" s="558"/>
      <c r="HC5" s="559"/>
      <c r="HD5" s="543" t="s">
        <v>68</v>
      </c>
      <c r="HE5" s="544"/>
      <c r="HF5" s="544"/>
      <c r="HG5" s="544"/>
      <c r="HH5" s="544"/>
      <c r="HI5" s="544"/>
      <c r="HJ5" s="544"/>
      <c r="HK5" s="544"/>
      <c r="HL5" s="544"/>
      <c r="HM5" s="544"/>
      <c r="HN5" s="545"/>
      <c r="HO5" s="543" t="s">
        <v>69</v>
      </c>
      <c r="HP5" s="544"/>
      <c r="HQ5" s="544"/>
      <c r="HR5" s="544"/>
      <c r="HS5" s="544"/>
      <c r="HT5" s="544"/>
      <c r="HU5" s="544"/>
      <c r="HV5" s="544"/>
      <c r="HW5" s="544"/>
      <c r="HX5" s="544"/>
      <c r="HY5" s="545"/>
      <c r="HZ5" s="576"/>
      <c r="IA5" s="577"/>
      <c r="IB5" s="577"/>
      <c r="IC5" s="577"/>
      <c r="ID5" s="577"/>
      <c r="IE5" s="577"/>
      <c r="IF5" s="577"/>
      <c r="IG5" s="577"/>
      <c r="IH5" s="577"/>
      <c r="II5" s="577"/>
      <c r="IJ5" s="578"/>
      <c r="IK5" s="429" t="s">
        <v>94</v>
      </c>
      <c r="IL5" s="430"/>
      <c r="IM5" s="430"/>
      <c r="IN5" s="430"/>
      <c r="IO5" s="430"/>
      <c r="IP5" s="430"/>
      <c r="IQ5" s="430"/>
      <c r="IR5" s="430"/>
      <c r="IS5" s="430"/>
      <c r="IT5" s="430"/>
      <c r="IU5" s="431"/>
      <c r="IV5" s="429" t="s">
        <v>88</v>
      </c>
      <c r="IW5" s="430"/>
      <c r="IX5" s="430"/>
      <c r="IY5" s="430"/>
      <c r="IZ5" s="430"/>
      <c r="JA5" s="430"/>
      <c r="JB5" s="430"/>
      <c r="JC5" s="430"/>
      <c r="JD5" s="430"/>
      <c r="JE5" s="430"/>
      <c r="JF5" s="431"/>
      <c r="JG5" s="429" t="s">
        <v>141</v>
      </c>
      <c r="JH5" s="430"/>
      <c r="JI5" s="430"/>
      <c r="JJ5" s="430"/>
      <c r="JK5" s="430"/>
      <c r="JL5" s="430"/>
      <c r="JM5" s="430"/>
      <c r="JN5" s="430"/>
      <c r="JO5" s="430"/>
      <c r="JP5" s="430"/>
      <c r="JQ5" s="431"/>
      <c r="JR5" s="429" t="s">
        <v>90</v>
      </c>
      <c r="JS5" s="430"/>
      <c r="JT5" s="430"/>
      <c r="JU5" s="430"/>
      <c r="JV5" s="430"/>
      <c r="JW5" s="430"/>
      <c r="JX5" s="430"/>
      <c r="JY5" s="430"/>
      <c r="JZ5" s="430"/>
      <c r="KA5" s="430"/>
      <c r="KB5" s="431"/>
      <c r="KC5" s="429" t="s">
        <v>89</v>
      </c>
      <c r="KD5" s="430"/>
      <c r="KE5" s="430"/>
      <c r="KF5" s="430"/>
      <c r="KG5" s="430"/>
      <c r="KH5" s="430"/>
      <c r="KI5" s="430"/>
      <c r="KJ5" s="430"/>
      <c r="KK5" s="430"/>
      <c r="KL5" s="430"/>
      <c r="KM5" s="431"/>
      <c r="KN5" s="429" t="s">
        <v>91</v>
      </c>
      <c r="KO5" s="430"/>
      <c r="KP5" s="430"/>
      <c r="KQ5" s="430"/>
      <c r="KR5" s="430"/>
      <c r="KS5" s="430"/>
      <c r="KT5" s="430"/>
      <c r="KU5" s="430"/>
      <c r="KV5" s="430"/>
      <c r="KW5" s="430"/>
      <c r="KX5" s="431"/>
      <c r="KY5" s="429" t="s">
        <v>92</v>
      </c>
      <c r="KZ5" s="430"/>
      <c r="LA5" s="430"/>
      <c r="LB5" s="430"/>
      <c r="LC5" s="430"/>
      <c r="LD5" s="430"/>
      <c r="LE5" s="430"/>
      <c r="LF5" s="430"/>
      <c r="LG5" s="430"/>
      <c r="LH5" s="430"/>
      <c r="LI5" s="431"/>
      <c r="LJ5" s="579" t="s">
        <v>93</v>
      </c>
      <c r="LK5" s="580"/>
      <c r="LL5" s="580"/>
      <c r="LM5" s="580"/>
      <c r="LN5" s="580"/>
      <c r="LO5" s="580"/>
      <c r="LP5" s="580"/>
      <c r="LQ5" s="580"/>
      <c r="LR5" s="580"/>
      <c r="LS5" s="580"/>
      <c r="LT5" s="581"/>
      <c r="LU5" s="579" t="s">
        <v>142</v>
      </c>
      <c r="LV5" s="580"/>
      <c r="LW5" s="580"/>
      <c r="LX5" s="580"/>
      <c r="LY5" s="580"/>
      <c r="LZ5" s="580"/>
      <c r="MA5" s="580"/>
      <c r="MB5" s="580"/>
      <c r="MC5" s="580"/>
      <c r="MD5" s="580"/>
      <c r="ME5" s="581"/>
      <c r="MF5" s="576"/>
      <c r="MG5" s="577"/>
      <c r="MH5" s="577"/>
      <c r="MI5" s="577"/>
      <c r="MJ5" s="577"/>
      <c r="MK5" s="577"/>
      <c r="ML5" s="577"/>
      <c r="MM5" s="577"/>
      <c r="MN5" s="577"/>
      <c r="MO5" s="577"/>
      <c r="MP5" s="578"/>
      <c r="MQ5" s="429" t="s">
        <v>57</v>
      </c>
      <c r="MR5" s="430"/>
      <c r="MS5" s="430"/>
      <c r="MT5" s="430"/>
      <c r="MU5" s="430"/>
      <c r="MV5" s="430"/>
      <c r="MW5" s="430"/>
      <c r="MX5" s="430"/>
      <c r="MY5" s="430"/>
      <c r="MZ5" s="430"/>
      <c r="NA5" s="431"/>
      <c r="NB5" s="429" t="s">
        <v>58</v>
      </c>
      <c r="NC5" s="430"/>
      <c r="ND5" s="430"/>
      <c r="NE5" s="430"/>
      <c r="NF5" s="430"/>
      <c r="NG5" s="430"/>
      <c r="NH5" s="430"/>
      <c r="NI5" s="430"/>
      <c r="NJ5" s="430"/>
      <c r="NK5" s="430"/>
      <c r="NL5" s="431"/>
      <c r="NM5" s="429" t="s">
        <v>59</v>
      </c>
      <c r="NN5" s="430"/>
      <c r="NO5" s="430"/>
      <c r="NP5" s="430"/>
      <c r="NQ5" s="430"/>
      <c r="NR5" s="430"/>
      <c r="NS5" s="430"/>
      <c r="NT5" s="430"/>
      <c r="NU5" s="430"/>
      <c r="NV5" s="430"/>
      <c r="NW5" s="431"/>
      <c r="NX5" s="429" t="s">
        <v>148</v>
      </c>
      <c r="NY5" s="430"/>
      <c r="NZ5" s="430"/>
      <c r="OA5" s="430"/>
      <c r="OB5" s="430"/>
      <c r="OC5" s="430"/>
      <c r="OD5" s="430"/>
      <c r="OE5" s="430"/>
      <c r="OF5" s="430"/>
      <c r="OG5" s="430"/>
      <c r="OH5" s="431"/>
      <c r="OI5" s="447"/>
      <c r="OJ5" s="574"/>
      <c r="OK5" s="574"/>
      <c r="OL5" s="574"/>
      <c r="OM5" s="574"/>
      <c r="ON5" s="574"/>
      <c r="OO5" s="574"/>
      <c r="OP5" s="574"/>
      <c r="OQ5" s="574"/>
      <c r="OR5" s="574"/>
      <c r="OS5" s="575"/>
    </row>
    <row r="6" spans="1:409" ht="21" customHeight="1" thickBot="1" x14ac:dyDescent="0.25">
      <c r="B6" s="552"/>
      <c r="C6" s="556"/>
      <c r="D6" s="556"/>
      <c r="E6" s="556"/>
      <c r="F6" s="556"/>
      <c r="G6" s="556"/>
      <c r="H6" s="556"/>
      <c r="I6" s="556"/>
      <c r="J6" s="556"/>
      <c r="K6" s="556"/>
      <c r="L6" s="556"/>
      <c r="M6" s="556"/>
      <c r="N6" s="435"/>
      <c r="O6" s="436"/>
      <c r="P6" s="436"/>
      <c r="Q6" s="436"/>
      <c r="R6" s="436"/>
      <c r="S6" s="436"/>
      <c r="T6" s="436"/>
      <c r="U6" s="436"/>
      <c r="V6" s="436"/>
      <c r="W6" s="436"/>
      <c r="X6" s="437"/>
      <c r="Y6" s="438" t="s">
        <v>70</v>
      </c>
      <c r="Z6" s="439"/>
      <c r="AA6" s="439"/>
      <c r="AB6" s="439"/>
      <c r="AC6" s="439"/>
      <c r="AD6" s="439"/>
      <c r="AE6" s="439"/>
      <c r="AF6" s="439"/>
      <c r="AG6" s="439"/>
      <c r="AH6" s="439"/>
      <c r="AI6" s="440"/>
      <c r="AJ6" s="543" t="s">
        <v>71</v>
      </c>
      <c r="AK6" s="544"/>
      <c r="AL6" s="544"/>
      <c r="AM6" s="544"/>
      <c r="AN6" s="544"/>
      <c r="AO6" s="544"/>
      <c r="AP6" s="544"/>
      <c r="AQ6" s="544"/>
      <c r="AR6" s="544"/>
      <c r="AS6" s="544"/>
      <c r="AT6" s="545"/>
      <c r="AU6" s="540" t="s">
        <v>72</v>
      </c>
      <c r="AV6" s="541"/>
      <c r="AW6" s="541"/>
      <c r="AX6" s="541"/>
      <c r="AY6" s="541"/>
      <c r="AZ6" s="541"/>
      <c r="BA6" s="541"/>
      <c r="BB6" s="541"/>
      <c r="BC6" s="541"/>
      <c r="BD6" s="541"/>
      <c r="BE6" s="542"/>
      <c r="BF6" s="540" t="s">
        <v>73</v>
      </c>
      <c r="BG6" s="541"/>
      <c r="BH6" s="541"/>
      <c r="BI6" s="541"/>
      <c r="BJ6" s="541"/>
      <c r="BK6" s="541"/>
      <c r="BL6" s="541"/>
      <c r="BM6" s="541"/>
      <c r="BN6" s="541"/>
      <c r="BO6" s="541"/>
      <c r="BP6" s="542"/>
      <c r="BQ6" s="540" t="s">
        <v>74</v>
      </c>
      <c r="BR6" s="541"/>
      <c r="BS6" s="541"/>
      <c r="BT6" s="541"/>
      <c r="BU6" s="541"/>
      <c r="BV6" s="541"/>
      <c r="BW6" s="541"/>
      <c r="BX6" s="541"/>
      <c r="BY6" s="541"/>
      <c r="BZ6" s="541"/>
      <c r="CA6" s="542"/>
      <c r="CB6" s="537"/>
      <c r="CC6" s="538"/>
      <c r="CD6" s="538"/>
      <c r="CE6" s="538"/>
      <c r="CF6" s="538"/>
      <c r="CG6" s="538"/>
      <c r="CH6" s="538"/>
      <c r="CI6" s="538"/>
      <c r="CJ6" s="538"/>
      <c r="CK6" s="538"/>
      <c r="CL6" s="539"/>
      <c r="CM6" s="540" t="s">
        <v>75</v>
      </c>
      <c r="CN6" s="541"/>
      <c r="CO6" s="541"/>
      <c r="CP6" s="541"/>
      <c r="CQ6" s="541"/>
      <c r="CR6" s="541"/>
      <c r="CS6" s="541"/>
      <c r="CT6" s="541"/>
      <c r="CU6" s="541"/>
      <c r="CV6" s="541"/>
      <c r="CW6" s="542"/>
      <c r="CX6" s="540" t="s">
        <v>76</v>
      </c>
      <c r="CY6" s="541"/>
      <c r="CZ6" s="541"/>
      <c r="DA6" s="541"/>
      <c r="DB6" s="541"/>
      <c r="DC6" s="541"/>
      <c r="DD6" s="541"/>
      <c r="DE6" s="541"/>
      <c r="DF6" s="541"/>
      <c r="DG6" s="541"/>
      <c r="DH6" s="542"/>
      <c r="DI6" s="537"/>
      <c r="DJ6" s="538"/>
      <c r="DK6" s="538"/>
      <c r="DL6" s="538"/>
      <c r="DM6" s="538"/>
      <c r="DN6" s="538"/>
      <c r="DO6" s="538"/>
      <c r="DP6" s="538"/>
      <c r="DQ6" s="538"/>
      <c r="DR6" s="538"/>
      <c r="DS6" s="538"/>
      <c r="DT6" s="540" t="s">
        <v>77</v>
      </c>
      <c r="DU6" s="541"/>
      <c r="DV6" s="541"/>
      <c r="DW6" s="541"/>
      <c r="DX6" s="541"/>
      <c r="DY6" s="541"/>
      <c r="DZ6" s="541"/>
      <c r="EA6" s="541"/>
      <c r="EB6" s="541"/>
      <c r="EC6" s="541"/>
      <c r="ED6" s="542"/>
      <c r="EE6" s="540" t="s">
        <v>78</v>
      </c>
      <c r="EF6" s="541"/>
      <c r="EG6" s="541"/>
      <c r="EH6" s="541"/>
      <c r="EI6" s="541"/>
      <c r="EJ6" s="541"/>
      <c r="EK6" s="541"/>
      <c r="EL6" s="541"/>
      <c r="EM6" s="541"/>
      <c r="EN6" s="541"/>
      <c r="EO6" s="542"/>
      <c r="EP6" s="540" t="s">
        <v>79</v>
      </c>
      <c r="EQ6" s="541"/>
      <c r="ER6" s="541"/>
      <c r="ES6" s="541"/>
      <c r="ET6" s="541"/>
      <c r="EU6" s="541"/>
      <c r="EV6" s="541"/>
      <c r="EW6" s="541"/>
      <c r="EX6" s="541"/>
      <c r="EY6" s="541"/>
      <c r="EZ6" s="542"/>
      <c r="FA6" s="540" t="s">
        <v>149</v>
      </c>
      <c r="FB6" s="541"/>
      <c r="FC6" s="541"/>
      <c r="FD6" s="541"/>
      <c r="FE6" s="541"/>
      <c r="FF6" s="541"/>
      <c r="FG6" s="541"/>
      <c r="FH6" s="541"/>
      <c r="FI6" s="541"/>
      <c r="FJ6" s="541"/>
      <c r="FK6" s="542"/>
      <c r="FL6" s="537"/>
      <c r="FM6" s="538"/>
      <c r="FN6" s="538"/>
      <c r="FO6" s="538"/>
      <c r="FP6" s="538"/>
      <c r="FQ6" s="538"/>
      <c r="FR6" s="538"/>
      <c r="FS6" s="538"/>
      <c r="FT6" s="538"/>
      <c r="FU6" s="538"/>
      <c r="FV6" s="538"/>
      <c r="FW6" s="540" t="s">
        <v>80</v>
      </c>
      <c r="FX6" s="541"/>
      <c r="FY6" s="541"/>
      <c r="FZ6" s="541"/>
      <c r="GA6" s="541"/>
      <c r="GB6" s="541"/>
      <c r="GC6" s="541"/>
      <c r="GD6" s="541"/>
      <c r="GE6" s="541"/>
      <c r="GF6" s="541"/>
      <c r="GG6" s="542"/>
      <c r="GH6" s="438" t="s">
        <v>81</v>
      </c>
      <c r="GI6" s="439"/>
      <c r="GJ6" s="439"/>
      <c r="GK6" s="439"/>
      <c r="GL6" s="439"/>
      <c r="GM6" s="439"/>
      <c r="GN6" s="439"/>
      <c r="GO6" s="439"/>
      <c r="GP6" s="439"/>
      <c r="GQ6" s="439"/>
      <c r="GR6" s="440"/>
      <c r="GS6" s="438" t="s">
        <v>82</v>
      </c>
      <c r="GT6" s="439"/>
      <c r="GU6" s="439"/>
      <c r="GV6" s="439"/>
      <c r="GW6" s="439"/>
      <c r="GX6" s="439"/>
      <c r="GY6" s="439"/>
      <c r="GZ6" s="439"/>
      <c r="HA6" s="439"/>
      <c r="HB6" s="439"/>
      <c r="HC6" s="440"/>
      <c r="HD6" s="560"/>
      <c r="HE6" s="561"/>
      <c r="HF6" s="561"/>
      <c r="HG6" s="561"/>
      <c r="HH6" s="561"/>
      <c r="HI6" s="561"/>
      <c r="HJ6" s="561"/>
      <c r="HK6" s="561"/>
      <c r="HL6" s="561"/>
      <c r="HM6" s="561"/>
      <c r="HN6" s="562"/>
      <c r="HO6" s="560"/>
      <c r="HP6" s="561"/>
      <c r="HQ6" s="561"/>
      <c r="HR6" s="561"/>
      <c r="HS6" s="561"/>
      <c r="HT6" s="561"/>
      <c r="HU6" s="561"/>
      <c r="HV6" s="561"/>
      <c r="HW6" s="561"/>
      <c r="HX6" s="561"/>
      <c r="HY6" s="562"/>
      <c r="HZ6" s="537"/>
      <c r="IA6" s="538"/>
      <c r="IB6" s="538"/>
      <c r="IC6" s="538"/>
      <c r="ID6" s="538"/>
      <c r="IE6" s="538"/>
      <c r="IF6" s="538"/>
      <c r="IG6" s="538"/>
      <c r="IH6" s="538"/>
      <c r="II6" s="538"/>
      <c r="IJ6" s="539"/>
      <c r="IK6" s="435"/>
      <c r="IL6" s="436"/>
      <c r="IM6" s="436"/>
      <c r="IN6" s="436"/>
      <c r="IO6" s="436"/>
      <c r="IP6" s="436"/>
      <c r="IQ6" s="436"/>
      <c r="IR6" s="436"/>
      <c r="IS6" s="436"/>
      <c r="IT6" s="436"/>
      <c r="IU6" s="437"/>
      <c r="IV6" s="435"/>
      <c r="IW6" s="436"/>
      <c r="IX6" s="436"/>
      <c r="IY6" s="436"/>
      <c r="IZ6" s="436"/>
      <c r="JA6" s="436"/>
      <c r="JB6" s="436"/>
      <c r="JC6" s="436"/>
      <c r="JD6" s="436"/>
      <c r="JE6" s="436"/>
      <c r="JF6" s="437"/>
      <c r="JG6" s="435"/>
      <c r="JH6" s="436"/>
      <c r="JI6" s="436"/>
      <c r="JJ6" s="436"/>
      <c r="JK6" s="436"/>
      <c r="JL6" s="436"/>
      <c r="JM6" s="436"/>
      <c r="JN6" s="436"/>
      <c r="JO6" s="436"/>
      <c r="JP6" s="436"/>
      <c r="JQ6" s="437"/>
      <c r="JR6" s="435"/>
      <c r="JS6" s="436"/>
      <c r="JT6" s="436"/>
      <c r="JU6" s="436"/>
      <c r="JV6" s="436"/>
      <c r="JW6" s="436"/>
      <c r="JX6" s="436"/>
      <c r="JY6" s="436"/>
      <c r="JZ6" s="436"/>
      <c r="KA6" s="436"/>
      <c r="KB6" s="437"/>
      <c r="KC6" s="435"/>
      <c r="KD6" s="436"/>
      <c r="KE6" s="436"/>
      <c r="KF6" s="436"/>
      <c r="KG6" s="436"/>
      <c r="KH6" s="436"/>
      <c r="KI6" s="436"/>
      <c r="KJ6" s="436"/>
      <c r="KK6" s="436"/>
      <c r="KL6" s="436"/>
      <c r="KM6" s="437"/>
      <c r="KN6" s="435"/>
      <c r="KO6" s="436"/>
      <c r="KP6" s="436"/>
      <c r="KQ6" s="436"/>
      <c r="KR6" s="436"/>
      <c r="KS6" s="436"/>
      <c r="KT6" s="436"/>
      <c r="KU6" s="436"/>
      <c r="KV6" s="436"/>
      <c r="KW6" s="436"/>
      <c r="KX6" s="437"/>
      <c r="KY6" s="435"/>
      <c r="KZ6" s="436"/>
      <c r="LA6" s="436"/>
      <c r="LB6" s="436"/>
      <c r="LC6" s="436"/>
      <c r="LD6" s="436"/>
      <c r="LE6" s="436"/>
      <c r="LF6" s="436"/>
      <c r="LG6" s="436"/>
      <c r="LH6" s="436"/>
      <c r="LI6" s="437"/>
      <c r="LJ6" s="537"/>
      <c r="LK6" s="538"/>
      <c r="LL6" s="538"/>
      <c r="LM6" s="538"/>
      <c r="LN6" s="538"/>
      <c r="LO6" s="538"/>
      <c r="LP6" s="538"/>
      <c r="LQ6" s="538"/>
      <c r="LR6" s="538"/>
      <c r="LS6" s="538"/>
      <c r="LT6" s="539"/>
      <c r="LU6" s="537"/>
      <c r="LV6" s="538"/>
      <c r="LW6" s="538"/>
      <c r="LX6" s="538"/>
      <c r="LY6" s="538"/>
      <c r="LZ6" s="538"/>
      <c r="MA6" s="538"/>
      <c r="MB6" s="538"/>
      <c r="MC6" s="538"/>
      <c r="MD6" s="538"/>
      <c r="ME6" s="539"/>
      <c r="MF6" s="537"/>
      <c r="MG6" s="538"/>
      <c r="MH6" s="538"/>
      <c r="MI6" s="538"/>
      <c r="MJ6" s="538"/>
      <c r="MK6" s="538"/>
      <c r="ML6" s="538"/>
      <c r="MM6" s="538"/>
      <c r="MN6" s="538"/>
      <c r="MO6" s="538"/>
      <c r="MP6" s="539"/>
      <c r="MQ6" s="435"/>
      <c r="MR6" s="436"/>
      <c r="MS6" s="436"/>
      <c r="MT6" s="436"/>
      <c r="MU6" s="436"/>
      <c r="MV6" s="436"/>
      <c r="MW6" s="436"/>
      <c r="MX6" s="436"/>
      <c r="MY6" s="436"/>
      <c r="MZ6" s="436"/>
      <c r="NA6" s="437"/>
      <c r="NB6" s="435"/>
      <c r="NC6" s="436"/>
      <c r="ND6" s="436"/>
      <c r="NE6" s="436"/>
      <c r="NF6" s="436"/>
      <c r="NG6" s="436"/>
      <c r="NH6" s="436"/>
      <c r="NI6" s="436"/>
      <c r="NJ6" s="436"/>
      <c r="NK6" s="436"/>
      <c r="NL6" s="437"/>
      <c r="NM6" s="435"/>
      <c r="NN6" s="436"/>
      <c r="NO6" s="436"/>
      <c r="NP6" s="436"/>
      <c r="NQ6" s="436"/>
      <c r="NR6" s="436"/>
      <c r="NS6" s="436"/>
      <c r="NT6" s="436"/>
      <c r="NU6" s="436"/>
      <c r="NV6" s="436"/>
      <c r="NW6" s="437"/>
      <c r="NX6" s="435"/>
      <c r="NY6" s="436"/>
      <c r="NZ6" s="436"/>
      <c r="OA6" s="436"/>
      <c r="OB6" s="436"/>
      <c r="OC6" s="436"/>
      <c r="OD6" s="436"/>
      <c r="OE6" s="436"/>
      <c r="OF6" s="436"/>
      <c r="OG6" s="436"/>
      <c r="OH6" s="437"/>
      <c r="OI6" s="435"/>
      <c r="OJ6" s="436"/>
      <c r="OK6" s="436"/>
      <c r="OL6" s="436"/>
      <c r="OM6" s="436"/>
      <c r="ON6" s="436"/>
      <c r="OO6" s="436"/>
      <c r="OP6" s="436"/>
      <c r="OQ6" s="436"/>
      <c r="OR6" s="436"/>
      <c r="OS6" s="437"/>
    </row>
    <row r="7" spans="1:409" ht="21" customHeight="1" x14ac:dyDescent="0.2">
      <c r="B7" s="552"/>
      <c r="C7" s="520" t="s">
        <v>61</v>
      </c>
      <c r="D7" s="520"/>
      <c r="E7" s="520"/>
      <c r="F7" s="519" t="s">
        <v>62</v>
      </c>
      <c r="G7" s="520"/>
      <c r="H7" s="520"/>
      <c r="I7" s="520"/>
      <c r="J7" s="520"/>
      <c r="K7" s="520"/>
      <c r="L7" s="520"/>
      <c r="M7" s="519" t="s">
        <v>52</v>
      </c>
      <c r="N7" s="564" t="s">
        <v>61</v>
      </c>
      <c r="O7" s="520"/>
      <c r="P7" s="520"/>
      <c r="Q7" s="519" t="s">
        <v>62</v>
      </c>
      <c r="R7" s="520"/>
      <c r="S7" s="520"/>
      <c r="T7" s="520"/>
      <c r="U7" s="520"/>
      <c r="V7" s="520"/>
      <c r="W7" s="521"/>
      <c r="X7" s="549" t="s">
        <v>52</v>
      </c>
      <c r="Y7" s="435" t="s">
        <v>61</v>
      </c>
      <c r="Z7" s="436"/>
      <c r="AA7" s="528"/>
      <c r="AB7" s="527" t="s">
        <v>62</v>
      </c>
      <c r="AC7" s="436"/>
      <c r="AD7" s="436"/>
      <c r="AE7" s="436"/>
      <c r="AF7" s="436"/>
      <c r="AG7" s="436"/>
      <c r="AH7" s="528"/>
      <c r="AI7" s="437" t="s">
        <v>52</v>
      </c>
      <c r="AJ7" s="516" t="s">
        <v>61</v>
      </c>
      <c r="AK7" s="517"/>
      <c r="AL7" s="518"/>
      <c r="AM7" s="565" t="s">
        <v>62</v>
      </c>
      <c r="AN7" s="517"/>
      <c r="AO7" s="517"/>
      <c r="AP7" s="517"/>
      <c r="AQ7" s="517"/>
      <c r="AR7" s="517"/>
      <c r="AS7" s="566"/>
      <c r="AT7" s="567" t="s">
        <v>52</v>
      </c>
      <c r="AU7" s="524" t="s">
        <v>61</v>
      </c>
      <c r="AV7" s="525"/>
      <c r="AW7" s="526"/>
      <c r="AX7" s="547" t="s">
        <v>62</v>
      </c>
      <c r="AY7" s="525"/>
      <c r="AZ7" s="525"/>
      <c r="BA7" s="525"/>
      <c r="BB7" s="525"/>
      <c r="BC7" s="525"/>
      <c r="BD7" s="548"/>
      <c r="BE7" s="437" t="s">
        <v>52</v>
      </c>
      <c r="BF7" s="524" t="s">
        <v>61</v>
      </c>
      <c r="BG7" s="525"/>
      <c r="BH7" s="526"/>
      <c r="BI7" s="547" t="s">
        <v>62</v>
      </c>
      <c r="BJ7" s="525"/>
      <c r="BK7" s="525"/>
      <c r="BL7" s="525"/>
      <c r="BM7" s="525"/>
      <c r="BN7" s="525"/>
      <c r="BO7" s="548"/>
      <c r="BP7" s="437" t="s">
        <v>52</v>
      </c>
      <c r="BQ7" s="524" t="s">
        <v>61</v>
      </c>
      <c r="BR7" s="525"/>
      <c r="BS7" s="526"/>
      <c r="BT7" s="547" t="s">
        <v>62</v>
      </c>
      <c r="BU7" s="525"/>
      <c r="BV7" s="525"/>
      <c r="BW7" s="525"/>
      <c r="BX7" s="525"/>
      <c r="BY7" s="525"/>
      <c r="BZ7" s="548"/>
      <c r="CA7" s="437" t="s">
        <v>52</v>
      </c>
      <c r="CB7" s="516" t="s">
        <v>61</v>
      </c>
      <c r="CC7" s="517"/>
      <c r="CD7" s="518"/>
      <c r="CE7" s="565" t="s">
        <v>62</v>
      </c>
      <c r="CF7" s="517"/>
      <c r="CG7" s="517"/>
      <c r="CH7" s="517"/>
      <c r="CI7" s="517"/>
      <c r="CJ7" s="517"/>
      <c r="CK7" s="566"/>
      <c r="CL7" s="549" t="s">
        <v>52</v>
      </c>
      <c r="CM7" s="524" t="s">
        <v>61</v>
      </c>
      <c r="CN7" s="525"/>
      <c r="CO7" s="548"/>
      <c r="CP7" s="547" t="s">
        <v>62</v>
      </c>
      <c r="CQ7" s="525"/>
      <c r="CR7" s="525"/>
      <c r="CS7" s="525"/>
      <c r="CT7" s="525"/>
      <c r="CU7" s="525"/>
      <c r="CV7" s="548"/>
      <c r="CW7" s="571" t="s">
        <v>52</v>
      </c>
      <c r="CX7" s="524" t="s">
        <v>61</v>
      </c>
      <c r="CY7" s="525"/>
      <c r="CZ7" s="548"/>
      <c r="DA7" s="547" t="s">
        <v>62</v>
      </c>
      <c r="DB7" s="525"/>
      <c r="DC7" s="525"/>
      <c r="DD7" s="525"/>
      <c r="DE7" s="525"/>
      <c r="DF7" s="525"/>
      <c r="DG7" s="548"/>
      <c r="DH7" s="571" t="s">
        <v>52</v>
      </c>
      <c r="DI7" s="516" t="s">
        <v>61</v>
      </c>
      <c r="DJ7" s="517"/>
      <c r="DK7" s="566"/>
      <c r="DL7" s="565" t="s">
        <v>62</v>
      </c>
      <c r="DM7" s="517"/>
      <c r="DN7" s="517"/>
      <c r="DO7" s="517"/>
      <c r="DP7" s="517"/>
      <c r="DQ7" s="517"/>
      <c r="DR7" s="566"/>
      <c r="DS7" s="549" t="s">
        <v>52</v>
      </c>
      <c r="DT7" s="524" t="s">
        <v>61</v>
      </c>
      <c r="DU7" s="525"/>
      <c r="DV7" s="526"/>
      <c r="DW7" s="547" t="s">
        <v>62</v>
      </c>
      <c r="DX7" s="525"/>
      <c r="DY7" s="525"/>
      <c r="DZ7" s="525"/>
      <c r="EA7" s="525"/>
      <c r="EB7" s="525"/>
      <c r="EC7" s="548"/>
      <c r="ED7" s="437" t="s">
        <v>52</v>
      </c>
      <c r="EE7" s="524" t="s">
        <v>61</v>
      </c>
      <c r="EF7" s="525"/>
      <c r="EG7" s="526"/>
      <c r="EH7" s="547" t="s">
        <v>62</v>
      </c>
      <c r="EI7" s="525"/>
      <c r="EJ7" s="525"/>
      <c r="EK7" s="525"/>
      <c r="EL7" s="525"/>
      <c r="EM7" s="525"/>
      <c r="EN7" s="548"/>
      <c r="EO7" s="437" t="s">
        <v>52</v>
      </c>
      <c r="EP7" s="524" t="s">
        <v>61</v>
      </c>
      <c r="EQ7" s="525"/>
      <c r="ER7" s="526"/>
      <c r="ES7" s="547" t="s">
        <v>62</v>
      </c>
      <c r="ET7" s="525"/>
      <c r="EU7" s="525"/>
      <c r="EV7" s="525"/>
      <c r="EW7" s="525"/>
      <c r="EX7" s="525"/>
      <c r="EY7" s="548"/>
      <c r="EZ7" s="437" t="s">
        <v>52</v>
      </c>
      <c r="FA7" s="524" t="s">
        <v>61</v>
      </c>
      <c r="FB7" s="525"/>
      <c r="FC7" s="526"/>
      <c r="FD7" s="547" t="s">
        <v>62</v>
      </c>
      <c r="FE7" s="525"/>
      <c r="FF7" s="525"/>
      <c r="FG7" s="525"/>
      <c r="FH7" s="525"/>
      <c r="FI7" s="525"/>
      <c r="FJ7" s="548"/>
      <c r="FK7" s="437" t="s">
        <v>52</v>
      </c>
      <c r="FL7" s="516" t="s">
        <v>61</v>
      </c>
      <c r="FM7" s="517"/>
      <c r="FN7" s="518"/>
      <c r="FO7" s="565" t="s">
        <v>62</v>
      </c>
      <c r="FP7" s="517"/>
      <c r="FQ7" s="517"/>
      <c r="FR7" s="517"/>
      <c r="FS7" s="517"/>
      <c r="FT7" s="517"/>
      <c r="FU7" s="566"/>
      <c r="FV7" s="520" t="s">
        <v>52</v>
      </c>
      <c r="FW7" s="524" t="s">
        <v>61</v>
      </c>
      <c r="FX7" s="525"/>
      <c r="FY7" s="526"/>
      <c r="FZ7" s="547" t="s">
        <v>62</v>
      </c>
      <c r="GA7" s="525"/>
      <c r="GB7" s="525"/>
      <c r="GC7" s="525"/>
      <c r="GD7" s="525"/>
      <c r="GE7" s="525"/>
      <c r="GF7" s="548"/>
      <c r="GG7" s="437" t="s">
        <v>52</v>
      </c>
      <c r="GH7" s="435" t="s">
        <v>61</v>
      </c>
      <c r="GI7" s="436"/>
      <c r="GJ7" s="436"/>
      <c r="GK7" s="527" t="s">
        <v>62</v>
      </c>
      <c r="GL7" s="436"/>
      <c r="GM7" s="436"/>
      <c r="GN7" s="436"/>
      <c r="GO7" s="436"/>
      <c r="GP7" s="436"/>
      <c r="GQ7" s="528"/>
      <c r="GR7" s="568" t="s">
        <v>52</v>
      </c>
      <c r="GS7" s="435" t="s">
        <v>61</v>
      </c>
      <c r="GT7" s="436"/>
      <c r="GU7" s="528"/>
      <c r="GV7" s="527" t="s">
        <v>62</v>
      </c>
      <c r="GW7" s="436"/>
      <c r="GX7" s="436"/>
      <c r="GY7" s="436"/>
      <c r="GZ7" s="436"/>
      <c r="HA7" s="436"/>
      <c r="HB7" s="528"/>
      <c r="HC7" s="568" t="s">
        <v>52</v>
      </c>
      <c r="HD7" s="524" t="s">
        <v>61</v>
      </c>
      <c r="HE7" s="525"/>
      <c r="HF7" s="526"/>
      <c r="HG7" s="547" t="s">
        <v>62</v>
      </c>
      <c r="HH7" s="525"/>
      <c r="HI7" s="525"/>
      <c r="HJ7" s="525"/>
      <c r="HK7" s="525"/>
      <c r="HL7" s="525"/>
      <c r="HM7" s="548"/>
      <c r="HN7" s="437" t="s">
        <v>52</v>
      </c>
      <c r="HO7" s="524" t="s">
        <v>61</v>
      </c>
      <c r="HP7" s="525"/>
      <c r="HQ7" s="526"/>
      <c r="HR7" s="547" t="s">
        <v>62</v>
      </c>
      <c r="HS7" s="525"/>
      <c r="HT7" s="525"/>
      <c r="HU7" s="525"/>
      <c r="HV7" s="525"/>
      <c r="HW7" s="525"/>
      <c r="HX7" s="548"/>
      <c r="HY7" s="437" t="s">
        <v>52</v>
      </c>
      <c r="HZ7" s="516" t="s">
        <v>61</v>
      </c>
      <c r="IA7" s="517"/>
      <c r="IB7" s="518"/>
      <c r="IC7" s="565" t="s">
        <v>62</v>
      </c>
      <c r="ID7" s="517"/>
      <c r="IE7" s="517"/>
      <c r="IF7" s="517"/>
      <c r="IG7" s="517"/>
      <c r="IH7" s="517"/>
      <c r="II7" s="566"/>
      <c r="IJ7" s="520" t="s">
        <v>52</v>
      </c>
      <c r="IK7" s="524" t="s">
        <v>61</v>
      </c>
      <c r="IL7" s="525"/>
      <c r="IM7" s="526"/>
      <c r="IN7" s="547" t="s">
        <v>62</v>
      </c>
      <c r="IO7" s="525"/>
      <c r="IP7" s="525"/>
      <c r="IQ7" s="525"/>
      <c r="IR7" s="525"/>
      <c r="IS7" s="525"/>
      <c r="IT7" s="548"/>
      <c r="IU7" s="437" t="s">
        <v>52</v>
      </c>
      <c r="IV7" s="524" t="s">
        <v>61</v>
      </c>
      <c r="IW7" s="525"/>
      <c r="IX7" s="548"/>
      <c r="IY7" s="547" t="s">
        <v>62</v>
      </c>
      <c r="IZ7" s="525"/>
      <c r="JA7" s="525"/>
      <c r="JB7" s="525"/>
      <c r="JC7" s="525"/>
      <c r="JD7" s="525"/>
      <c r="JE7" s="548"/>
      <c r="JF7" s="437" t="s">
        <v>52</v>
      </c>
      <c r="JG7" s="524" t="s">
        <v>61</v>
      </c>
      <c r="JH7" s="525"/>
      <c r="JI7" s="526"/>
      <c r="JJ7" s="547" t="s">
        <v>62</v>
      </c>
      <c r="JK7" s="525"/>
      <c r="JL7" s="525"/>
      <c r="JM7" s="525"/>
      <c r="JN7" s="525"/>
      <c r="JO7" s="525"/>
      <c r="JP7" s="548"/>
      <c r="JQ7" s="571" t="s">
        <v>52</v>
      </c>
      <c r="JR7" s="524" t="s">
        <v>61</v>
      </c>
      <c r="JS7" s="525"/>
      <c r="JT7" s="526"/>
      <c r="JU7" s="547" t="s">
        <v>62</v>
      </c>
      <c r="JV7" s="525"/>
      <c r="JW7" s="525"/>
      <c r="JX7" s="525"/>
      <c r="JY7" s="525"/>
      <c r="JZ7" s="525"/>
      <c r="KA7" s="548"/>
      <c r="KB7" s="571" t="s">
        <v>52</v>
      </c>
      <c r="KC7" s="524" t="s">
        <v>61</v>
      </c>
      <c r="KD7" s="525"/>
      <c r="KE7" s="526"/>
      <c r="KF7" s="547" t="s">
        <v>62</v>
      </c>
      <c r="KG7" s="525"/>
      <c r="KH7" s="525"/>
      <c r="KI7" s="525"/>
      <c r="KJ7" s="525"/>
      <c r="KK7" s="525"/>
      <c r="KL7" s="548"/>
      <c r="KM7" s="571" t="s">
        <v>52</v>
      </c>
      <c r="KN7" s="524" t="s">
        <v>61</v>
      </c>
      <c r="KO7" s="525"/>
      <c r="KP7" s="526"/>
      <c r="KQ7" s="547" t="s">
        <v>62</v>
      </c>
      <c r="KR7" s="525"/>
      <c r="KS7" s="525"/>
      <c r="KT7" s="525"/>
      <c r="KU7" s="525"/>
      <c r="KV7" s="525"/>
      <c r="KW7" s="548"/>
      <c r="KX7" s="571" t="s">
        <v>52</v>
      </c>
      <c r="KY7" s="524" t="s">
        <v>61</v>
      </c>
      <c r="KZ7" s="525"/>
      <c r="LA7" s="526"/>
      <c r="LB7" s="547" t="s">
        <v>62</v>
      </c>
      <c r="LC7" s="525"/>
      <c r="LD7" s="525"/>
      <c r="LE7" s="525"/>
      <c r="LF7" s="525"/>
      <c r="LG7" s="525"/>
      <c r="LH7" s="548"/>
      <c r="LI7" s="571" t="s">
        <v>52</v>
      </c>
      <c r="LJ7" s="524" t="s">
        <v>61</v>
      </c>
      <c r="LK7" s="525"/>
      <c r="LL7" s="526"/>
      <c r="LM7" s="547" t="s">
        <v>62</v>
      </c>
      <c r="LN7" s="525"/>
      <c r="LO7" s="525"/>
      <c r="LP7" s="525"/>
      <c r="LQ7" s="525"/>
      <c r="LR7" s="525"/>
      <c r="LS7" s="548"/>
      <c r="LT7" s="571" t="s">
        <v>52</v>
      </c>
      <c r="LU7" s="524" t="s">
        <v>61</v>
      </c>
      <c r="LV7" s="525"/>
      <c r="LW7" s="526"/>
      <c r="LX7" s="547" t="s">
        <v>62</v>
      </c>
      <c r="LY7" s="525"/>
      <c r="LZ7" s="525"/>
      <c r="MA7" s="525"/>
      <c r="MB7" s="525"/>
      <c r="MC7" s="525"/>
      <c r="MD7" s="548"/>
      <c r="ME7" s="571" t="s">
        <v>52</v>
      </c>
      <c r="MF7" s="516" t="s">
        <v>61</v>
      </c>
      <c r="MG7" s="517"/>
      <c r="MH7" s="518"/>
      <c r="MI7" s="565" t="s">
        <v>62</v>
      </c>
      <c r="MJ7" s="517"/>
      <c r="MK7" s="517"/>
      <c r="ML7" s="517"/>
      <c r="MM7" s="517"/>
      <c r="MN7" s="517"/>
      <c r="MO7" s="566"/>
      <c r="MP7" s="549" t="s">
        <v>52</v>
      </c>
      <c r="MQ7" s="524" t="s">
        <v>61</v>
      </c>
      <c r="MR7" s="525"/>
      <c r="MS7" s="526"/>
      <c r="MT7" s="547" t="s">
        <v>62</v>
      </c>
      <c r="MU7" s="525"/>
      <c r="MV7" s="525"/>
      <c r="MW7" s="525"/>
      <c r="MX7" s="525"/>
      <c r="MY7" s="525"/>
      <c r="MZ7" s="548"/>
      <c r="NA7" s="571" t="s">
        <v>52</v>
      </c>
      <c r="NB7" s="524" t="s">
        <v>61</v>
      </c>
      <c r="NC7" s="525"/>
      <c r="ND7" s="526"/>
      <c r="NE7" s="547" t="s">
        <v>62</v>
      </c>
      <c r="NF7" s="525"/>
      <c r="NG7" s="525"/>
      <c r="NH7" s="525"/>
      <c r="NI7" s="525"/>
      <c r="NJ7" s="525"/>
      <c r="NK7" s="548"/>
      <c r="NL7" s="571" t="s">
        <v>52</v>
      </c>
      <c r="NM7" s="524" t="s">
        <v>61</v>
      </c>
      <c r="NN7" s="525"/>
      <c r="NO7" s="526"/>
      <c r="NP7" s="547" t="s">
        <v>62</v>
      </c>
      <c r="NQ7" s="525"/>
      <c r="NR7" s="525"/>
      <c r="NS7" s="525"/>
      <c r="NT7" s="525"/>
      <c r="NU7" s="525"/>
      <c r="NV7" s="548"/>
      <c r="NW7" s="571" t="s">
        <v>52</v>
      </c>
      <c r="NX7" s="524" t="s">
        <v>61</v>
      </c>
      <c r="NY7" s="525"/>
      <c r="NZ7" s="526"/>
      <c r="OA7" s="547" t="s">
        <v>62</v>
      </c>
      <c r="OB7" s="525"/>
      <c r="OC7" s="525"/>
      <c r="OD7" s="525"/>
      <c r="OE7" s="525"/>
      <c r="OF7" s="525"/>
      <c r="OG7" s="548"/>
      <c r="OH7" s="571" t="s">
        <v>52</v>
      </c>
      <c r="OI7" s="516" t="s">
        <v>61</v>
      </c>
      <c r="OJ7" s="517"/>
      <c r="OK7" s="518"/>
      <c r="OL7" s="565" t="s">
        <v>62</v>
      </c>
      <c r="OM7" s="517"/>
      <c r="ON7" s="517"/>
      <c r="OO7" s="517"/>
      <c r="OP7" s="517"/>
      <c r="OQ7" s="517"/>
      <c r="OR7" s="566"/>
      <c r="OS7" s="549" t="s">
        <v>52</v>
      </c>
    </row>
    <row r="8" spans="1:409" ht="30" customHeight="1" thickBot="1" x14ac:dyDescent="0.25">
      <c r="B8" s="553"/>
      <c r="C8" s="248" t="s">
        <v>43</v>
      </c>
      <c r="D8" s="422" t="s">
        <v>44</v>
      </c>
      <c r="E8" s="249" t="s">
        <v>45</v>
      </c>
      <c r="F8" s="76" t="s">
        <v>83</v>
      </c>
      <c r="G8" s="422" t="s">
        <v>47</v>
      </c>
      <c r="H8" s="422" t="s">
        <v>48</v>
      </c>
      <c r="I8" s="422" t="s">
        <v>49</v>
      </c>
      <c r="J8" s="422" t="s">
        <v>50</v>
      </c>
      <c r="K8" s="422" t="s">
        <v>51</v>
      </c>
      <c r="L8" s="75" t="s">
        <v>45</v>
      </c>
      <c r="M8" s="563"/>
      <c r="N8" s="421" t="s">
        <v>43</v>
      </c>
      <c r="O8" s="422" t="s">
        <v>44</v>
      </c>
      <c r="P8" s="75" t="s">
        <v>45</v>
      </c>
      <c r="Q8" s="76" t="s">
        <v>83</v>
      </c>
      <c r="R8" s="422" t="s">
        <v>47</v>
      </c>
      <c r="S8" s="422" t="s">
        <v>48</v>
      </c>
      <c r="T8" s="422" t="s">
        <v>49</v>
      </c>
      <c r="U8" s="422" t="s">
        <v>50</v>
      </c>
      <c r="V8" s="422" t="s">
        <v>51</v>
      </c>
      <c r="W8" s="75" t="s">
        <v>45</v>
      </c>
      <c r="X8" s="550"/>
      <c r="Y8" s="421" t="s">
        <v>43</v>
      </c>
      <c r="Z8" s="422" t="s">
        <v>44</v>
      </c>
      <c r="AA8" s="75" t="s">
        <v>45</v>
      </c>
      <c r="AB8" s="76" t="s">
        <v>83</v>
      </c>
      <c r="AC8" s="422" t="s">
        <v>47</v>
      </c>
      <c r="AD8" s="422" t="s">
        <v>48</v>
      </c>
      <c r="AE8" s="422" t="s">
        <v>49</v>
      </c>
      <c r="AF8" s="422" t="s">
        <v>50</v>
      </c>
      <c r="AG8" s="422" t="s">
        <v>51</v>
      </c>
      <c r="AH8" s="75" t="s">
        <v>45</v>
      </c>
      <c r="AI8" s="536"/>
      <c r="AJ8" s="421" t="s">
        <v>43</v>
      </c>
      <c r="AK8" s="422" t="s">
        <v>44</v>
      </c>
      <c r="AL8" s="249" t="s">
        <v>45</v>
      </c>
      <c r="AM8" s="76" t="s">
        <v>83</v>
      </c>
      <c r="AN8" s="422" t="s">
        <v>47</v>
      </c>
      <c r="AO8" s="422" t="s">
        <v>48</v>
      </c>
      <c r="AP8" s="422" t="s">
        <v>49</v>
      </c>
      <c r="AQ8" s="422" t="s">
        <v>50</v>
      </c>
      <c r="AR8" s="422" t="s">
        <v>51</v>
      </c>
      <c r="AS8" s="75" t="s">
        <v>45</v>
      </c>
      <c r="AT8" s="536"/>
      <c r="AU8" s="421" t="s">
        <v>43</v>
      </c>
      <c r="AV8" s="422" t="s">
        <v>44</v>
      </c>
      <c r="AW8" s="249" t="s">
        <v>45</v>
      </c>
      <c r="AX8" s="76" t="s">
        <v>83</v>
      </c>
      <c r="AY8" s="422" t="s">
        <v>47</v>
      </c>
      <c r="AZ8" s="422" t="s">
        <v>48</v>
      </c>
      <c r="BA8" s="422" t="s">
        <v>49</v>
      </c>
      <c r="BB8" s="422" t="s">
        <v>50</v>
      </c>
      <c r="BC8" s="422" t="s">
        <v>51</v>
      </c>
      <c r="BD8" s="75" t="s">
        <v>45</v>
      </c>
      <c r="BE8" s="536"/>
      <c r="BF8" s="250" t="s">
        <v>43</v>
      </c>
      <c r="BG8" s="422" t="s">
        <v>44</v>
      </c>
      <c r="BH8" s="249" t="s">
        <v>45</v>
      </c>
      <c r="BI8" s="76" t="s">
        <v>83</v>
      </c>
      <c r="BJ8" s="422" t="s">
        <v>47</v>
      </c>
      <c r="BK8" s="422" t="s">
        <v>48</v>
      </c>
      <c r="BL8" s="422" t="s">
        <v>49</v>
      </c>
      <c r="BM8" s="422" t="s">
        <v>50</v>
      </c>
      <c r="BN8" s="422" t="s">
        <v>51</v>
      </c>
      <c r="BO8" s="75" t="s">
        <v>45</v>
      </c>
      <c r="BP8" s="536"/>
      <c r="BQ8" s="421" t="s">
        <v>43</v>
      </c>
      <c r="BR8" s="422" t="s">
        <v>44</v>
      </c>
      <c r="BS8" s="249" t="s">
        <v>45</v>
      </c>
      <c r="BT8" s="76" t="s">
        <v>83</v>
      </c>
      <c r="BU8" s="422" t="s">
        <v>47</v>
      </c>
      <c r="BV8" s="422" t="s">
        <v>48</v>
      </c>
      <c r="BW8" s="422" t="s">
        <v>49</v>
      </c>
      <c r="BX8" s="422" t="s">
        <v>50</v>
      </c>
      <c r="BY8" s="422" t="s">
        <v>51</v>
      </c>
      <c r="BZ8" s="75" t="s">
        <v>45</v>
      </c>
      <c r="CA8" s="536"/>
      <c r="CB8" s="421" t="s">
        <v>43</v>
      </c>
      <c r="CC8" s="422" t="s">
        <v>44</v>
      </c>
      <c r="CD8" s="249" t="s">
        <v>45</v>
      </c>
      <c r="CE8" s="76" t="s">
        <v>83</v>
      </c>
      <c r="CF8" s="422" t="s">
        <v>47</v>
      </c>
      <c r="CG8" s="422" t="s">
        <v>48</v>
      </c>
      <c r="CH8" s="422" t="s">
        <v>49</v>
      </c>
      <c r="CI8" s="422" t="s">
        <v>50</v>
      </c>
      <c r="CJ8" s="422" t="s">
        <v>51</v>
      </c>
      <c r="CK8" s="75" t="s">
        <v>45</v>
      </c>
      <c r="CL8" s="550"/>
      <c r="CM8" s="421" t="s">
        <v>43</v>
      </c>
      <c r="CN8" s="422" t="s">
        <v>44</v>
      </c>
      <c r="CO8" s="75" t="s">
        <v>45</v>
      </c>
      <c r="CP8" s="76" t="s">
        <v>83</v>
      </c>
      <c r="CQ8" s="422" t="s">
        <v>47</v>
      </c>
      <c r="CR8" s="422" t="s">
        <v>48</v>
      </c>
      <c r="CS8" s="422" t="s">
        <v>49</v>
      </c>
      <c r="CT8" s="422" t="s">
        <v>50</v>
      </c>
      <c r="CU8" s="422" t="s">
        <v>51</v>
      </c>
      <c r="CV8" s="75" t="s">
        <v>45</v>
      </c>
      <c r="CW8" s="550"/>
      <c r="CX8" s="421" t="s">
        <v>43</v>
      </c>
      <c r="CY8" s="422" t="s">
        <v>44</v>
      </c>
      <c r="CZ8" s="75" t="s">
        <v>45</v>
      </c>
      <c r="DA8" s="76" t="s">
        <v>83</v>
      </c>
      <c r="DB8" s="422" t="s">
        <v>47</v>
      </c>
      <c r="DC8" s="422" t="s">
        <v>48</v>
      </c>
      <c r="DD8" s="422" t="s">
        <v>49</v>
      </c>
      <c r="DE8" s="422" t="s">
        <v>50</v>
      </c>
      <c r="DF8" s="422" t="s">
        <v>51</v>
      </c>
      <c r="DG8" s="75" t="s">
        <v>45</v>
      </c>
      <c r="DH8" s="550"/>
      <c r="DI8" s="421" t="s">
        <v>43</v>
      </c>
      <c r="DJ8" s="422" t="s">
        <v>44</v>
      </c>
      <c r="DK8" s="75" t="s">
        <v>45</v>
      </c>
      <c r="DL8" s="76" t="s">
        <v>83</v>
      </c>
      <c r="DM8" s="422" t="s">
        <v>47</v>
      </c>
      <c r="DN8" s="422" t="s">
        <v>48</v>
      </c>
      <c r="DO8" s="422" t="s">
        <v>49</v>
      </c>
      <c r="DP8" s="422" t="s">
        <v>50</v>
      </c>
      <c r="DQ8" s="422" t="s">
        <v>51</v>
      </c>
      <c r="DR8" s="75" t="s">
        <v>45</v>
      </c>
      <c r="DS8" s="550"/>
      <c r="DT8" s="421" t="s">
        <v>43</v>
      </c>
      <c r="DU8" s="422" t="s">
        <v>44</v>
      </c>
      <c r="DV8" s="249" t="s">
        <v>45</v>
      </c>
      <c r="DW8" s="76" t="s">
        <v>83</v>
      </c>
      <c r="DX8" s="422" t="s">
        <v>47</v>
      </c>
      <c r="DY8" s="422" t="s">
        <v>48</v>
      </c>
      <c r="DZ8" s="422" t="s">
        <v>49</v>
      </c>
      <c r="EA8" s="422" t="s">
        <v>50</v>
      </c>
      <c r="EB8" s="422" t="s">
        <v>51</v>
      </c>
      <c r="EC8" s="75" t="s">
        <v>45</v>
      </c>
      <c r="ED8" s="536"/>
      <c r="EE8" s="421" t="s">
        <v>43</v>
      </c>
      <c r="EF8" s="422" t="s">
        <v>44</v>
      </c>
      <c r="EG8" s="249" t="s">
        <v>45</v>
      </c>
      <c r="EH8" s="76" t="s">
        <v>83</v>
      </c>
      <c r="EI8" s="422" t="s">
        <v>47</v>
      </c>
      <c r="EJ8" s="422" t="s">
        <v>48</v>
      </c>
      <c r="EK8" s="422" t="s">
        <v>49</v>
      </c>
      <c r="EL8" s="422" t="s">
        <v>50</v>
      </c>
      <c r="EM8" s="422" t="s">
        <v>51</v>
      </c>
      <c r="EN8" s="75" t="s">
        <v>45</v>
      </c>
      <c r="EO8" s="536"/>
      <c r="EP8" s="421" t="s">
        <v>43</v>
      </c>
      <c r="EQ8" s="422" t="s">
        <v>44</v>
      </c>
      <c r="ER8" s="249" t="s">
        <v>45</v>
      </c>
      <c r="ES8" s="76" t="s">
        <v>83</v>
      </c>
      <c r="ET8" s="422" t="s">
        <v>47</v>
      </c>
      <c r="EU8" s="422" t="s">
        <v>48</v>
      </c>
      <c r="EV8" s="422" t="s">
        <v>49</v>
      </c>
      <c r="EW8" s="422" t="s">
        <v>50</v>
      </c>
      <c r="EX8" s="422" t="s">
        <v>51</v>
      </c>
      <c r="EY8" s="75" t="s">
        <v>45</v>
      </c>
      <c r="EZ8" s="536"/>
      <c r="FA8" s="421" t="s">
        <v>43</v>
      </c>
      <c r="FB8" s="422" t="s">
        <v>44</v>
      </c>
      <c r="FC8" s="249" t="s">
        <v>45</v>
      </c>
      <c r="FD8" s="76" t="s">
        <v>83</v>
      </c>
      <c r="FE8" s="422" t="s">
        <v>47</v>
      </c>
      <c r="FF8" s="422" t="s">
        <v>48</v>
      </c>
      <c r="FG8" s="422" t="s">
        <v>49</v>
      </c>
      <c r="FH8" s="422" t="s">
        <v>50</v>
      </c>
      <c r="FI8" s="422" t="s">
        <v>51</v>
      </c>
      <c r="FJ8" s="75" t="s">
        <v>45</v>
      </c>
      <c r="FK8" s="536"/>
      <c r="FL8" s="421" t="s">
        <v>43</v>
      </c>
      <c r="FM8" s="422" t="s">
        <v>44</v>
      </c>
      <c r="FN8" s="249" t="s">
        <v>45</v>
      </c>
      <c r="FO8" s="76" t="s">
        <v>83</v>
      </c>
      <c r="FP8" s="422" t="s">
        <v>47</v>
      </c>
      <c r="FQ8" s="422" t="s">
        <v>48</v>
      </c>
      <c r="FR8" s="422" t="s">
        <v>49</v>
      </c>
      <c r="FS8" s="422" t="s">
        <v>50</v>
      </c>
      <c r="FT8" s="422" t="s">
        <v>51</v>
      </c>
      <c r="FU8" s="75" t="s">
        <v>45</v>
      </c>
      <c r="FV8" s="570"/>
      <c r="FW8" s="421" t="s">
        <v>43</v>
      </c>
      <c r="FX8" s="422" t="s">
        <v>44</v>
      </c>
      <c r="FY8" s="249" t="s">
        <v>45</v>
      </c>
      <c r="FZ8" s="76" t="s">
        <v>83</v>
      </c>
      <c r="GA8" s="422" t="s">
        <v>47</v>
      </c>
      <c r="GB8" s="422" t="s">
        <v>48</v>
      </c>
      <c r="GC8" s="422" t="s">
        <v>49</v>
      </c>
      <c r="GD8" s="422" t="s">
        <v>50</v>
      </c>
      <c r="GE8" s="422" t="s">
        <v>51</v>
      </c>
      <c r="GF8" s="75" t="s">
        <v>45</v>
      </c>
      <c r="GG8" s="536"/>
      <c r="GH8" s="421" t="s">
        <v>43</v>
      </c>
      <c r="GI8" s="422" t="s">
        <v>44</v>
      </c>
      <c r="GJ8" s="249" t="s">
        <v>45</v>
      </c>
      <c r="GK8" s="76" t="s">
        <v>83</v>
      </c>
      <c r="GL8" s="422" t="s">
        <v>47</v>
      </c>
      <c r="GM8" s="422" t="s">
        <v>48</v>
      </c>
      <c r="GN8" s="422" t="s">
        <v>49</v>
      </c>
      <c r="GO8" s="422" t="s">
        <v>50</v>
      </c>
      <c r="GP8" s="422" t="s">
        <v>51</v>
      </c>
      <c r="GQ8" s="75" t="s">
        <v>45</v>
      </c>
      <c r="GR8" s="569"/>
      <c r="GS8" s="421" t="s">
        <v>43</v>
      </c>
      <c r="GT8" s="422" t="s">
        <v>44</v>
      </c>
      <c r="GU8" s="249" t="s">
        <v>45</v>
      </c>
      <c r="GV8" s="76" t="s">
        <v>83</v>
      </c>
      <c r="GW8" s="422" t="s">
        <v>47</v>
      </c>
      <c r="GX8" s="422" t="s">
        <v>48</v>
      </c>
      <c r="GY8" s="422" t="s">
        <v>49</v>
      </c>
      <c r="GZ8" s="422" t="s">
        <v>50</v>
      </c>
      <c r="HA8" s="422" t="s">
        <v>51</v>
      </c>
      <c r="HB8" s="75" t="s">
        <v>45</v>
      </c>
      <c r="HC8" s="569"/>
      <c r="HD8" s="421" t="s">
        <v>43</v>
      </c>
      <c r="HE8" s="422" t="s">
        <v>44</v>
      </c>
      <c r="HF8" s="249" t="s">
        <v>45</v>
      </c>
      <c r="HG8" s="76" t="s">
        <v>83</v>
      </c>
      <c r="HH8" s="422" t="s">
        <v>47</v>
      </c>
      <c r="HI8" s="422" t="s">
        <v>48</v>
      </c>
      <c r="HJ8" s="422" t="s">
        <v>49</v>
      </c>
      <c r="HK8" s="422" t="s">
        <v>50</v>
      </c>
      <c r="HL8" s="422" t="s">
        <v>51</v>
      </c>
      <c r="HM8" s="75" t="s">
        <v>45</v>
      </c>
      <c r="HN8" s="536"/>
      <c r="HO8" s="421" t="s">
        <v>43</v>
      </c>
      <c r="HP8" s="422" t="s">
        <v>44</v>
      </c>
      <c r="HQ8" s="249" t="s">
        <v>45</v>
      </c>
      <c r="HR8" s="76" t="s">
        <v>83</v>
      </c>
      <c r="HS8" s="422" t="s">
        <v>47</v>
      </c>
      <c r="HT8" s="422" t="s">
        <v>48</v>
      </c>
      <c r="HU8" s="422" t="s">
        <v>49</v>
      </c>
      <c r="HV8" s="422" t="s">
        <v>50</v>
      </c>
      <c r="HW8" s="422" t="s">
        <v>51</v>
      </c>
      <c r="HX8" s="75" t="s">
        <v>45</v>
      </c>
      <c r="HY8" s="536"/>
      <c r="HZ8" s="421" t="s">
        <v>43</v>
      </c>
      <c r="IA8" s="422" t="s">
        <v>44</v>
      </c>
      <c r="IB8" s="249" t="s">
        <v>45</v>
      </c>
      <c r="IC8" s="76" t="s">
        <v>83</v>
      </c>
      <c r="ID8" s="422" t="s">
        <v>47</v>
      </c>
      <c r="IE8" s="422" t="s">
        <v>48</v>
      </c>
      <c r="IF8" s="422" t="s">
        <v>49</v>
      </c>
      <c r="IG8" s="422" t="s">
        <v>50</v>
      </c>
      <c r="IH8" s="422" t="s">
        <v>51</v>
      </c>
      <c r="II8" s="75" t="s">
        <v>45</v>
      </c>
      <c r="IJ8" s="570"/>
      <c r="IK8" s="421" t="s">
        <v>43</v>
      </c>
      <c r="IL8" s="422" t="s">
        <v>44</v>
      </c>
      <c r="IM8" s="249" t="s">
        <v>45</v>
      </c>
      <c r="IN8" s="76" t="s">
        <v>83</v>
      </c>
      <c r="IO8" s="251" t="s">
        <v>47</v>
      </c>
      <c r="IP8" s="251" t="s">
        <v>48</v>
      </c>
      <c r="IQ8" s="251" t="s">
        <v>49</v>
      </c>
      <c r="IR8" s="251" t="s">
        <v>50</v>
      </c>
      <c r="IS8" s="251" t="s">
        <v>51</v>
      </c>
      <c r="IT8" s="252" t="s">
        <v>45</v>
      </c>
      <c r="IU8" s="573"/>
      <c r="IV8" s="250" t="s">
        <v>43</v>
      </c>
      <c r="IW8" s="251" t="s">
        <v>44</v>
      </c>
      <c r="IX8" s="252" t="s">
        <v>45</v>
      </c>
      <c r="IY8" s="231" t="s">
        <v>83</v>
      </c>
      <c r="IZ8" s="251" t="s">
        <v>47</v>
      </c>
      <c r="JA8" s="251" t="s">
        <v>48</v>
      </c>
      <c r="JB8" s="251" t="s">
        <v>49</v>
      </c>
      <c r="JC8" s="251" t="s">
        <v>50</v>
      </c>
      <c r="JD8" s="251" t="s">
        <v>51</v>
      </c>
      <c r="JE8" s="252" t="s">
        <v>45</v>
      </c>
      <c r="JF8" s="573"/>
      <c r="JG8" s="250" t="s">
        <v>43</v>
      </c>
      <c r="JH8" s="251" t="s">
        <v>44</v>
      </c>
      <c r="JI8" s="253" t="s">
        <v>45</v>
      </c>
      <c r="JJ8" s="231" t="s">
        <v>83</v>
      </c>
      <c r="JK8" s="251" t="s">
        <v>47</v>
      </c>
      <c r="JL8" s="251" t="s">
        <v>48</v>
      </c>
      <c r="JM8" s="251" t="s">
        <v>49</v>
      </c>
      <c r="JN8" s="251" t="s">
        <v>50</v>
      </c>
      <c r="JO8" s="251" t="s">
        <v>51</v>
      </c>
      <c r="JP8" s="252" t="s">
        <v>45</v>
      </c>
      <c r="JQ8" s="572"/>
      <c r="JR8" s="250" t="s">
        <v>43</v>
      </c>
      <c r="JS8" s="251" t="s">
        <v>44</v>
      </c>
      <c r="JT8" s="253" t="s">
        <v>45</v>
      </c>
      <c r="JU8" s="231" t="s">
        <v>83</v>
      </c>
      <c r="JV8" s="251" t="s">
        <v>47</v>
      </c>
      <c r="JW8" s="251" t="s">
        <v>48</v>
      </c>
      <c r="JX8" s="251" t="s">
        <v>49</v>
      </c>
      <c r="JY8" s="251" t="s">
        <v>50</v>
      </c>
      <c r="JZ8" s="251" t="s">
        <v>51</v>
      </c>
      <c r="KA8" s="252" t="s">
        <v>45</v>
      </c>
      <c r="KB8" s="572"/>
      <c r="KC8" s="250" t="s">
        <v>43</v>
      </c>
      <c r="KD8" s="251" t="s">
        <v>44</v>
      </c>
      <c r="KE8" s="253" t="s">
        <v>45</v>
      </c>
      <c r="KF8" s="231" t="s">
        <v>83</v>
      </c>
      <c r="KG8" s="251" t="s">
        <v>47</v>
      </c>
      <c r="KH8" s="251" t="s">
        <v>48</v>
      </c>
      <c r="KI8" s="251" t="s">
        <v>49</v>
      </c>
      <c r="KJ8" s="251" t="s">
        <v>50</v>
      </c>
      <c r="KK8" s="251" t="s">
        <v>51</v>
      </c>
      <c r="KL8" s="252" t="s">
        <v>45</v>
      </c>
      <c r="KM8" s="572"/>
      <c r="KN8" s="250" t="s">
        <v>43</v>
      </c>
      <c r="KO8" s="251" t="s">
        <v>44</v>
      </c>
      <c r="KP8" s="253" t="s">
        <v>45</v>
      </c>
      <c r="KQ8" s="76" t="s">
        <v>83</v>
      </c>
      <c r="KR8" s="251" t="s">
        <v>47</v>
      </c>
      <c r="KS8" s="251" t="s">
        <v>48</v>
      </c>
      <c r="KT8" s="251" t="s">
        <v>49</v>
      </c>
      <c r="KU8" s="251" t="s">
        <v>50</v>
      </c>
      <c r="KV8" s="251" t="s">
        <v>51</v>
      </c>
      <c r="KW8" s="252" t="s">
        <v>45</v>
      </c>
      <c r="KX8" s="572"/>
      <c r="KY8" s="250" t="s">
        <v>43</v>
      </c>
      <c r="KZ8" s="251" t="s">
        <v>44</v>
      </c>
      <c r="LA8" s="253" t="s">
        <v>45</v>
      </c>
      <c r="LB8" s="76" t="s">
        <v>83</v>
      </c>
      <c r="LC8" s="251" t="s">
        <v>47</v>
      </c>
      <c r="LD8" s="251" t="s">
        <v>48</v>
      </c>
      <c r="LE8" s="251" t="s">
        <v>49</v>
      </c>
      <c r="LF8" s="251" t="s">
        <v>50</v>
      </c>
      <c r="LG8" s="251" t="s">
        <v>51</v>
      </c>
      <c r="LH8" s="252" t="s">
        <v>45</v>
      </c>
      <c r="LI8" s="572"/>
      <c r="LJ8" s="250" t="s">
        <v>43</v>
      </c>
      <c r="LK8" s="251" t="s">
        <v>44</v>
      </c>
      <c r="LL8" s="253" t="s">
        <v>45</v>
      </c>
      <c r="LM8" s="76" t="s">
        <v>83</v>
      </c>
      <c r="LN8" s="251" t="s">
        <v>47</v>
      </c>
      <c r="LO8" s="251" t="s">
        <v>48</v>
      </c>
      <c r="LP8" s="251" t="s">
        <v>49</v>
      </c>
      <c r="LQ8" s="251" t="s">
        <v>50</v>
      </c>
      <c r="LR8" s="251" t="s">
        <v>51</v>
      </c>
      <c r="LS8" s="252" t="s">
        <v>45</v>
      </c>
      <c r="LT8" s="572"/>
      <c r="LU8" s="250" t="s">
        <v>43</v>
      </c>
      <c r="LV8" s="251" t="s">
        <v>44</v>
      </c>
      <c r="LW8" s="253" t="s">
        <v>45</v>
      </c>
      <c r="LX8" s="76" t="s">
        <v>83</v>
      </c>
      <c r="LY8" s="251" t="s">
        <v>47</v>
      </c>
      <c r="LZ8" s="251" t="s">
        <v>48</v>
      </c>
      <c r="MA8" s="251" t="s">
        <v>49</v>
      </c>
      <c r="MB8" s="251" t="s">
        <v>50</v>
      </c>
      <c r="MC8" s="251" t="s">
        <v>51</v>
      </c>
      <c r="MD8" s="252" t="s">
        <v>45</v>
      </c>
      <c r="ME8" s="572"/>
      <c r="MF8" s="250" t="s">
        <v>43</v>
      </c>
      <c r="MG8" s="251" t="s">
        <v>44</v>
      </c>
      <c r="MH8" s="253" t="s">
        <v>45</v>
      </c>
      <c r="MI8" s="76" t="s">
        <v>83</v>
      </c>
      <c r="MJ8" s="251" t="s">
        <v>47</v>
      </c>
      <c r="MK8" s="251" t="s">
        <v>48</v>
      </c>
      <c r="ML8" s="251" t="s">
        <v>49</v>
      </c>
      <c r="MM8" s="251" t="s">
        <v>50</v>
      </c>
      <c r="MN8" s="251" t="s">
        <v>51</v>
      </c>
      <c r="MO8" s="252" t="s">
        <v>45</v>
      </c>
      <c r="MP8" s="572"/>
      <c r="MQ8" s="250" t="s">
        <v>43</v>
      </c>
      <c r="MR8" s="251" t="s">
        <v>44</v>
      </c>
      <c r="MS8" s="253" t="s">
        <v>45</v>
      </c>
      <c r="MT8" s="76" t="s">
        <v>83</v>
      </c>
      <c r="MU8" s="251" t="s">
        <v>47</v>
      </c>
      <c r="MV8" s="251" t="s">
        <v>48</v>
      </c>
      <c r="MW8" s="251" t="s">
        <v>49</v>
      </c>
      <c r="MX8" s="251" t="s">
        <v>50</v>
      </c>
      <c r="MY8" s="251" t="s">
        <v>51</v>
      </c>
      <c r="MZ8" s="252" t="s">
        <v>45</v>
      </c>
      <c r="NA8" s="572"/>
      <c r="NB8" s="250" t="s">
        <v>43</v>
      </c>
      <c r="NC8" s="251" t="s">
        <v>44</v>
      </c>
      <c r="ND8" s="253" t="s">
        <v>45</v>
      </c>
      <c r="NE8" s="76" t="s">
        <v>83</v>
      </c>
      <c r="NF8" s="251" t="s">
        <v>47</v>
      </c>
      <c r="NG8" s="251" t="s">
        <v>48</v>
      </c>
      <c r="NH8" s="251" t="s">
        <v>49</v>
      </c>
      <c r="NI8" s="251" t="s">
        <v>50</v>
      </c>
      <c r="NJ8" s="251" t="s">
        <v>51</v>
      </c>
      <c r="NK8" s="252" t="s">
        <v>45</v>
      </c>
      <c r="NL8" s="572"/>
      <c r="NM8" s="250" t="s">
        <v>43</v>
      </c>
      <c r="NN8" s="251" t="s">
        <v>44</v>
      </c>
      <c r="NO8" s="253" t="s">
        <v>45</v>
      </c>
      <c r="NP8" s="76" t="s">
        <v>83</v>
      </c>
      <c r="NQ8" s="251" t="s">
        <v>47</v>
      </c>
      <c r="NR8" s="251" t="s">
        <v>48</v>
      </c>
      <c r="NS8" s="251" t="s">
        <v>49</v>
      </c>
      <c r="NT8" s="251" t="s">
        <v>50</v>
      </c>
      <c r="NU8" s="251" t="s">
        <v>51</v>
      </c>
      <c r="NV8" s="252" t="s">
        <v>45</v>
      </c>
      <c r="NW8" s="572"/>
      <c r="NX8" s="250" t="s">
        <v>43</v>
      </c>
      <c r="NY8" s="251" t="s">
        <v>44</v>
      </c>
      <c r="NZ8" s="253" t="s">
        <v>45</v>
      </c>
      <c r="OA8" s="76" t="s">
        <v>83</v>
      </c>
      <c r="OB8" s="251" t="s">
        <v>47</v>
      </c>
      <c r="OC8" s="251" t="s">
        <v>48</v>
      </c>
      <c r="OD8" s="251" t="s">
        <v>49</v>
      </c>
      <c r="OE8" s="251" t="s">
        <v>50</v>
      </c>
      <c r="OF8" s="251" t="s">
        <v>51</v>
      </c>
      <c r="OG8" s="252" t="s">
        <v>45</v>
      </c>
      <c r="OH8" s="572"/>
      <c r="OI8" s="250" t="s">
        <v>43</v>
      </c>
      <c r="OJ8" s="251" t="s">
        <v>44</v>
      </c>
      <c r="OK8" s="253" t="s">
        <v>45</v>
      </c>
      <c r="OL8" s="231" t="s">
        <v>83</v>
      </c>
      <c r="OM8" s="251" t="s">
        <v>47</v>
      </c>
      <c r="ON8" s="251" t="s">
        <v>48</v>
      </c>
      <c r="OO8" s="251" t="s">
        <v>49</v>
      </c>
      <c r="OP8" s="251" t="s">
        <v>50</v>
      </c>
      <c r="OQ8" s="251" t="s">
        <v>51</v>
      </c>
      <c r="OR8" s="252" t="s">
        <v>45</v>
      </c>
      <c r="OS8" s="572"/>
    </row>
    <row r="9" spans="1:409" s="406" customFormat="1" ht="21" customHeight="1" x14ac:dyDescent="0.2">
      <c r="A9" s="70"/>
      <c r="B9" s="407" t="s">
        <v>4</v>
      </c>
      <c r="C9" s="254">
        <v>430219544</v>
      </c>
      <c r="D9" s="255">
        <v>905063442</v>
      </c>
      <c r="E9" s="256">
        <v>1335282986</v>
      </c>
      <c r="F9" s="257">
        <v>0</v>
      </c>
      <c r="G9" s="255">
        <v>5327838853</v>
      </c>
      <c r="H9" s="255">
        <v>7488194336</v>
      </c>
      <c r="I9" s="255">
        <v>6152325515</v>
      </c>
      <c r="J9" s="255">
        <v>5798087410</v>
      </c>
      <c r="K9" s="255">
        <v>4320012644</v>
      </c>
      <c r="L9" s="258">
        <v>29086458758</v>
      </c>
      <c r="M9" s="259">
        <v>30421741744</v>
      </c>
      <c r="N9" s="254">
        <v>99766694</v>
      </c>
      <c r="O9" s="255">
        <v>269559171</v>
      </c>
      <c r="P9" s="260">
        <v>369325865</v>
      </c>
      <c r="Q9" s="254">
        <v>0</v>
      </c>
      <c r="R9" s="255">
        <v>1519426838</v>
      </c>
      <c r="S9" s="255">
        <v>2442028092</v>
      </c>
      <c r="T9" s="255">
        <v>2080634975</v>
      </c>
      <c r="U9" s="255">
        <v>2282272958</v>
      </c>
      <c r="V9" s="255">
        <v>2243100569</v>
      </c>
      <c r="W9" s="260">
        <v>10567463432</v>
      </c>
      <c r="X9" s="259">
        <v>10936789297</v>
      </c>
      <c r="Y9" s="254">
        <v>0</v>
      </c>
      <c r="Z9" s="255">
        <v>5734</v>
      </c>
      <c r="AA9" s="260">
        <v>5734</v>
      </c>
      <c r="AB9" s="261">
        <v>0</v>
      </c>
      <c r="AC9" s="262">
        <v>708413617</v>
      </c>
      <c r="AD9" s="262">
        <v>1184071672</v>
      </c>
      <c r="AE9" s="262">
        <v>1159162765</v>
      </c>
      <c r="AF9" s="262">
        <v>1357070929</v>
      </c>
      <c r="AG9" s="262">
        <v>1333853573</v>
      </c>
      <c r="AH9" s="260">
        <v>5742572556</v>
      </c>
      <c r="AI9" s="259">
        <v>5742578290</v>
      </c>
      <c r="AJ9" s="263">
        <v>59753</v>
      </c>
      <c r="AK9" s="262">
        <v>663487</v>
      </c>
      <c r="AL9" s="260">
        <v>723240</v>
      </c>
      <c r="AM9" s="261">
        <v>0</v>
      </c>
      <c r="AN9" s="262">
        <v>5537215</v>
      </c>
      <c r="AO9" s="258">
        <v>23061387</v>
      </c>
      <c r="AP9" s="262">
        <v>46805573</v>
      </c>
      <c r="AQ9" s="262">
        <v>126778655</v>
      </c>
      <c r="AR9" s="262">
        <v>239252345</v>
      </c>
      <c r="AS9" s="260">
        <v>441435175</v>
      </c>
      <c r="AT9" s="259">
        <v>442158415</v>
      </c>
      <c r="AU9" s="263">
        <v>55520731</v>
      </c>
      <c r="AV9" s="262">
        <v>192328370</v>
      </c>
      <c r="AW9" s="260">
        <v>247849101</v>
      </c>
      <c r="AX9" s="261">
        <v>0</v>
      </c>
      <c r="AY9" s="262">
        <v>492018996</v>
      </c>
      <c r="AZ9" s="262">
        <v>817352416</v>
      </c>
      <c r="BA9" s="262">
        <v>517206405</v>
      </c>
      <c r="BB9" s="262">
        <v>456465525</v>
      </c>
      <c r="BC9" s="262">
        <v>415474734</v>
      </c>
      <c r="BD9" s="260">
        <v>2698518076</v>
      </c>
      <c r="BE9" s="264">
        <v>2946367177</v>
      </c>
      <c r="BF9" s="263">
        <v>6537645</v>
      </c>
      <c r="BG9" s="258">
        <v>27242744</v>
      </c>
      <c r="BH9" s="265">
        <v>33780389</v>
      </c>
      <c r="BI9" s="261">
        <v>0</v>
      </c>
      <c r="BJ9" s="262">
        <v>40661408</v>
      </c>
      <c r="BK9" s="262">
        <v>69101629</v>
      </c>
      <c r="BL9" s="262">
        <v>43159482</v>
      </c>
      <c r="BM9" s="262">
        <v>34583243</v>
      </c>
      <c r="BN9" s="262">
        <v>22156972</v>
      </c>
      <c r="BO9" s="260">
        <v>209662734</v>
      </c>
      <c r="BP9" s="259">
        <v>243443123</v>
      </c>
      <c r="BQ9" s="263">
        <v>37648565</v>
      </c>
      <c r="BR9" s="262">
        <v>49318836</v>
      </c>
      <c r="BS9" s="260">
        <v>86967401</v>
      </c>
      <c r="BT9" s="261">
        <v>0</v>
      </c>
      <c r="BU9" s="262">
        <v>272795602</v>
      </c>
      <c r="BV9" s="262">
        <v>348440988</v>
      </c>
      <c r="BW9" s="262">
        <v>314300750</v>
      </c>
      <c r="BX9" s="262">
        <v>307374606</v>
      </c>
      <c r="BY9" s="262">
        <v>232362945</v>
      </c>
      <c r="BZ9" s="260">
        <v>1475274891</v>
      </c>
      <c r="CA9" s="259">
        <v>1562242292</v>
      </c>
      <c r="CB9" s="263">
        <v>39504207</v>
      </c>
      <c r="CC9" s="262">
        <v>121909828</v>
      </c>
      <c r="CD9" s="260">
        <v>161414035</v>
      </c>
      <c r="CE9" s="261">
        <v>0</v>
      </c>
      <c r="CF9" s="262">
        <v>1449461642</v>
      </c>
      <c r="CG9" s="262">
        <v>1985852358</v>
      </c>
      <c r="CH9" s="266">
        <v>1381144154</v>
      </c>
      <c r="CI9" s="262">
        <v>889337064</v>
      </c>
      <c r="CJ9" s="262">
        <v>448603631</v>
      </c>
      <c r="CK9" s="260">
        <v>6154398849</v>
      </c>
      <c r="CL9" s="259">
        <v>6315812884</v>
      </c>
      <c r="CM9" s="254">
        <v>0</v>
      </c>
      <c r="CN9" s="255">
        <v>0</v>
      </c>
      <c r="CO9" s="260">
        <v>0</v>
      </c>
      <c r="CP9" s="261">
        <v>0</v>
      </c>
      <c r="CQ9" s="262">
        <v>1221484292</v>
      </c>
      <c r="CR9" s="262">
        <v>1561043833</v>
      </c>
      <c r="CS9" s="262">
        <v>1084271121</v>
      </c>
      <c r="CT9" s="262">
        <v>681415690</v>
      </c>
      <c r="CU9" s="262">
        <v>365776559</v>
      </c>
      <c r="CV9" s="267">
        <v>4913991495</v>
      </c>
      <c r="CW9" s="259">
        <v>4913991495</v>
      </c>
      <c r="CX9" s="263">
        <v>39504207</v>
      </c>
      <c r="CY9" s="262">
        <v>121909828</v>
      </c>
      <c r="CZ9" s="260">
        <v>161414035</v>
      </c>
      <c r="DA9" s="261">
        <v>0</v>
      </c>
      <c r="DB9" s="262">
        <v>227977350</v>
      </c>
      <c r="DC9" s="262">
        <v>424808525</v>
      </c>
      <c r="DD9" s="262">
        <v>296873033</v>
      </c>
      <c r="DE9" s="262">
        <v>207921374</v>
      </c>
      <c r="DF9" s="262">
        <v>82827072</v>
      </c>
      <c r="DG9" s="260">
        <v>1240407354</v>
      </c>
      <c r="DH9" s="259">
        <v>1401821389</v>
      </c>
      <c r="DI9" s="263">
        <v>1925978</v>
      </c>
      <c r="DJ9" s="262">
        <v>8294246</v>
      </c>
      <c r="DK9" s="265">
        <v>10220224</v>
      </c>
      <c r="DL9" s="261">
        <v>0</v>
      </c>
      <c r="DM9" s="262">
        <v>138158402</v>
      </c>
      <c r="DN9" s="262">
        <v>298968655</v>
      </c>
      <c r="DO9" s="262">
        <v>545828172</v>
      </c>
      <c r="DP9" s="262">
        <v>464663124</v>
      </c>
      <c r="DQ9" s="262">
        <v>257333681</v>
      </c>
      <c r="DR9" s="268">
        <v>1704952034</v>
      </c>
      <c r="DS9" s="259">
        <v>1715172258</v>
      </c>
      <c r="DT9" s="263">
        <v>1716910</v>
      </c>
      <c r="DU9" s="262">
        <v>7239783</v>
      </c>
      <c r="DV9" s="260">
        <v>8956693</v>
      </c>
      <c r="DW9" s="261">
        <v>0</v>
      </c>
      <c r="DX9" s="262">
        <v>124660700</v>
      </c>
      <c r="DY9" s="262">
        <v>263674994</v>
      </c>
      <c r="DZ9" s="262">
        <v>498750198</v>
      </c>
      <c r="EA9" s="262">
        <v>412222134</v>
      </c>
      <c r="EB9" s="262">
        <v>225313425</v>
      </c>
      <c r="EC9" s="260">
        <v>1524621451</v>
      </c>
      <c r="ED9" s="259">
        <v>1533578144</v>
      </c>
      <c r="EE9" s="263">
        <v>209068</v>
      </c>
      <c r="EF9" s="258">
        <v>1054463</v>
      </c>
      <c r="EG9" s="260">
        <v>1263531</v>
      </c>
      <c r="EH9" s="264">
        <v>0</v>
      </c>
      <c r="EI9" s="262">
        <v>13497702</v>
      </c>
      <c r="EJ9" s="262">
        <v>35293661</v>
      </c>
      <c r="EK9" s="262">
        <v>47077974</v>
      </c>
      <c r="EL9" s="262">
        <v>52440990</v>
      </c>
      <c r="EM9" s="266">
        <v>32020256</v>
      </c>
      <c r="EN9" s="258">
        <v>180330583</v>
      </c>
      <c r="EO9" s="259">
        <v>181594114</v>
      </c>
      <c r="EP9" s="263">
        <v>0</v>
      </c>
      <c r="EQ9" s="262">
        <v>0</v>
      </c>
      <c r="ER9" s="258">
        <v>0</v>
      </c>
      <c r="ES9" s="261">
        <v>0</v>
      </c>
      <c r="ET9" s="262">
        <v>0</v>
      </c>
      <c r="EU9" s="262">
        <v>0</v>
      </c>
      <c r="EV9" s="262">
        <v>0</v>
      </c>
      <c r="EW9" s="262">
        <v>0</v>
      </c>
      <c r="EX9" s="262">
        <v>0</v>
      </c>
      <c r="EY9" s="267">
        <v>0</v>
      </c>
      <c r="EZ9" s="259">
        <v>0</v>
      </c>
      <c r="FA9" s="263">
        <v>0</v>
      </c>
      <c r="FB9" s="262">
        <v>0</v>
      </c>
      <c r="FC9" s="258">
        <v>0</v>
      </c>
      <c r="FD9" s="261">
        <v>0</v>
      </c>
      <c r="FE9" s="262">
        <v>0</v>
      </c>
      <c r="FF9" s="262">
        <v>0</v>
      </c>
      <c r="FG9" s="262">
        <v>0</v>
      </c>
      <c r="FH9" s="262">
        <v>0</v>
      </c>
      <c r="FI9" s="262">
        <v>0</v>
      </c>
      <c r="FJ9" s="267">
        <v>0</v>
      </c>
      <c r="FK9" s="259">
        <v>0</v>
      </c>
      <c r="FL9" s="263">
        <v>114964628</v>
      </c>
      <c r="FM9" s="262">
        <v>224788532</v>
      </c>
      <c r="FN9" s="260">
        <v>339753160</v>
      </c>
      <c r="FO9" s="261">
        <v>0</v>
      </c>
      <c r="FP9" s="262">
        <v>283986683</v>
      </c>
      <c r="FQ9" s="262">
        <v>699385513</v>
      </c>
      <c r="FR9" s="262">
        <v>480103371</v>
      </c>
      <c r="FS9" s="262">
        <v>434510763</v>
      </c>
      <c r="FT9" s="262">
        <v>307200472</v>
      </c>
      <c r="FU9" s="260">
        <v>2205186802</v>
      </c>
      <c r="FV9" s="259">
        <v>2544939962</v>
      </c>
      <c r="FW9" s="263">
        <v>58628514</v>
      </c>
      <c r="FX9" s="262">
        <v>160217704</v>
      </c>
      <c r="FY9" s="258">
        <v>218846218</v>
      </c>
      <c r="FZ9" s="264">
        <v>0</v>
      </c>
      <c r="GA9" s="262">
        <v>213295989</v>
      </c>
      <c r="GB9" s="269">
        <v>630955889</v>
      </c>
      <c r="GC9" s="262">
        <v>439147265</v>
      </c>
      <c r="GD9" s="269">
        <v>395449908</v>
      </c>
      <c r="GE9" s="262">
        <v>294933216</v>
      </c>
      <c r="GF9" s="267">
        <v>1973782267</v>
      </c>
      <c r="GG9" s="270">
        <v>2192628485</v>
      </c>
      <c r="GH9" s="271">
        <v>7445626</v>
      </c>
      <c r="GI9" s="262">
        <v>12480014</v>
      </c>
      <c r="GJ9" s="269">
        <v>19925640</v>
      </c>
      <c r="GK9" s="257">
        <v>0</v>
      </c>
      <c r="GL9" s="262">
        <v>17269878</v>
      </c>
      <c r="GM9" s="258">
        <v>22234883</v>
      </c>
      <c r="GN9" s="262">
        <v>16238528</v>
      </c>
      <c r="GO9" s="258">
        <v>17172309</v>
      </c>
      <c r="GP9" s="262">
        <v>5907280</v>
      </c>
      <c r="GQ9" s="268">
        <v>78822878</v>
      </c>
      <c r="GR9" s="259">
        <v>98748518</v>
      </c>
      <c r="GS9" s="258">
        <v>48890488</v>
      </c>
      <c r="GT9" s="262">
        <v>52090814</v>
      </c>
      <c r="GU9" s="260">
        <v>100981302</v>
      </c>
      <c r="GV9" s="258">
        <v>0</v>
      </c>
      <c r="GW9" s="262">
        <v>53420816</v>
      </c>
      <c r="GX9" s="258">
        <v>46194741</v>
      </c>
      <c r="GY9" s="262">
        <v>24717578</v>
      </c>
      <c r="GZ9" s="258">
        <v>21888546</v>
      </c>
      <c r="HA9" s="262">
        <v>6359976</v>
      </c>
      <c r="HB9" s="258">
        <v>152581657</v>
      </c>
      <c r="HC9" s="259">
        <v>253562959</v>
      </c>
      <c r="HD9" s="258">
        <v>99205497</v>
      </c>
      <c r="HE9" s="262">
        <v>131230121</v>
      </c>
      <c r="HF9" s="258">
        <v>230435618</v>
      </c>
      <c r="HG9" s="264">
        <v>0</v>
      </c>
      <c r="HH9" s="262">
        <v>1065400217</v>
      </c>
      <c r="HI9" s="269">
        <v>1110428190</v>
      </c>
      <c r="HJ9" s="262">
        <v>1062254922</v>
      </c>
      <c r="HK9" s="269">
        <v>1312017025</v>
      </c>
      <c r="HL9" s="262">
        <v>810674190</v>
      </c>
      <c r="HM9" s="267">
        <v>5360774544</v>
      </c>
      <c r="HN9" s="258">
        <v>5591210162</v>
      </c>
      <c r="HO9" s="271">
        <v>74852540</v>
      </c>
      <c r="HP9" s="262">
        <v>149281544</v>
      </c>
      <c r="HQ9" s="267">
        <v>224134084</v>
      </c>
      <c r="HR9" s="258">
        <v>0</v>
      </c>
      <c r="HS9" s="262">
        <v>871405071</v>
      </c>
      <c r="HT9" s="258">
        <v>951531528</v>
      </c>
      <c r="HU9" s="262">
        <v>602359921</v>
      </c>
      <c r="HV9" s="258">
        <v>415286476</v>
      </c>
      <c r="HW9" s="262">
        <v>253100101</v>
      </c>
      <c r="HX9" s="258">
        <v>3093683097</v>
      </c>
      <c r="HY9" s="259">
        <v>3317817181</v>
      </c>
      <c r="HZ9" s="272">
        <v>8784734</v>
      </c>
      <c r="IA9" s="273">
        <v>33703374</v>
      </c>
      <c r="IB9" s="274">
        <v>42488108</v>
      </c>
      <c r="IC9" s="275">
        <v>0</v>
      </c>
      <c r="ID9" s="273">
        <v>1635107486</v>
      </c>
      <c r="IE9" s="276">
        <v>2242851239</v>
      </c>
      <c r="IF9" s="277">
        <v>2380999164</v>
      </c>
      <c r="IG9" s="273">
        <v>1776596366</v>
      </c>
      <c r="IH9" s="277">
        <v>1244517058</v>
      </c>
      <c r="II9" s="278">
        <v>9280071313</v>
      </c>
      <c r="IJ9" s="279">
        <v>9322559421</v>
      </c>
      <c r="IK9" s="280">
        <v>0</v>
      </c>
      <c r="IL9" s="281">
        <v>0</v>
      </c>
      <c r="IM9" s="282">
        <v>0</v>
      </c>
      <c r="IN9" s="405">
        <v>0</v>
      </c>
      <c r="IO9" s="283">
        <v>23765453</v>
      </c>
      <c r="IP9" s="283">
        <v>48915357</v>
      </c>
      <c r="IQ9" s="283">
        <v>68490518</v>
      </c>
      <c r="IR9" s="283">
        <v>110930750</v>
      </c>
      <c r="IS9" s="283">
        <v>110020418</v>
      </c>
      <c r="IT9" s="284">
        <v>362122496</v>
      </c>
      <c r="IU9" s="285">
        <v>362122496</v>
      </c>
      <c r="IV9" s="286">
        <v>0</v>
      </c>
      <c r="IW9" s="283">
        <v>0</v>
      </c>
      <c r="IX9" s="287">
        <v>0</v>
      </c>
      <c r="IY9" s="411">
        <v>0</v>
      </c>
      <c r="IZ9" s="283">
        <v>3754959</v>
      </c>
      <c r="JA9" s="283">
        <v>10422580</v>
      </c>
      <c r="JB9" s="283">
        <v>10522175</v>
      </c>
      <c r="JC9" s="283">
        <v>13076875</v>
      </c>
      <c r="JD9" s="283">
        <v>17108324</v>
      </c>
      <c r="JE9" s="287">
        <v>54884913</v>
      </c>
      <c r="JF9" s="288">
        <v>54884913</v>
      </c>
      <c r="JG9" s="286">
        <v>0</v>
      </c>
      <c r="JH9" s="283">
        <v>0</v>
      </c>
      <c r="JI9" s="284">
        <v>0</v>
      </c>
      <c r="JJ9" s="289">
        <v>0</v>
      </c>
      <c r="JK9" s="283">
        <v>623116343</v>
      </c>
      <c r="JL9" s="283">
        <v>778518366</v>
      </c>
      <c r="JM9" s="283">
        <v>584685183</v>
      </c>
      <c r="JN9" s="283">
        <v>339131089</v>
      </c>
      <c r="JO9" s="283">
        <v>178807250</v>
      </c>
      <c r="JP9" s="287">
        <v>2504258231</v>
      </c>
      <c r="JQ9" s="285">
        <v>2504258231</v>
      </c>
      <c r="JR9" s="286">
        <v>175912</v>
      </c>
      <c r="JS9" s="283">
        <v>364916</v>
      </c>
      <c r="JT9" s="284">
        <v>540828</v>
      </c>
      <c r="JU9" s="289">
        <v>0</v>
      </c>
      <c r="JV9" s="283">
        <v>68073498</v>
      </c>
      <c r="JW9" s="283">
        <v>103239399</v>
      </c>
      <c r="JX9" s="283">
        <v>148616184</v>
      </c>
      <c r="JY9" s="283">
        <v>93673987</v>
      </c>
      <c r="JZ9" s="283">
        <v>73056183</v>
      </c>
      <c r="KA9" s="287">
        <v>486659251</v>
      </c>
      <c r="KB9" s="285">
        <v>487200079</v>
      </c>
      <c r="KC9" s="290">
        <v>8608822</v>
      </c>
      <c r="KD9" s="291">
        <v>24554123</v>
      </c>
      <c r="KE9" s="287">
        <v>33162945</v>
      </c>
      <c r="KF9" s="289">
        <v>0</v>
      </c>
      <c r="KG9" s="283">
        <v>207395691</v>
      </c>
      <c r="KH9" s="283">
        <v>318558311</v>
      </c>
      <c r="KI9" s="283">
        <v>358481850</v>
      </c>
      <c r="KJ9" s="283">
        <v>266054327</v>
      </c>
      <c r="KK9" s="283">
        <v>169204168</v>
      </c>
      <c r="KL9" s="287">
        <v>1319694347</v>
      </c>
      <c r="KM9" s="292">
        <v>1352857292</v>
      </c>
      <c r="KN9" s="280">
        <v>0</v>
      </c>
      <c r="KO9" s="281">
        <v>8784335</v>
      </c>
      <c r="KP9" s="282">
        <v>8784335</v>
      </c>
      <c r="KQ9" s="411">
        <v>0</v>
      </c>
      <c r="KR9" s="283">
        <v>668618540</v>
      </c>
      <c r="KS9" s="283">
        <v>901311167</v>
      </c>
      <c r="KT9" s="283">
        <v>1058699122</v>
      </c>
      <c r="KU9" s="283">
        <v>707659723</v>
      </c>
      <c r="KV9" s="283">
        <v>454932945</v>
      </c>
      <c r="KW9" s="287">
        <v>3791221497</v>
      </c>
      <c r="KX9" s="285">
        <v>3800005832</v>
      </c>
      <c r="KY9" s="286">
        <v>0</v>
      </c>
      <c r="KZ9" s="283">
        <v>0</v>
      </c>
      <c r="LA9" s="287">
        <v>0</v>
      </c>
      <c r="LB9" s="411">
        <v>0</v>
      </c>
      <c r="LC9" s="283">
        <v>7892583</v>
      </c>
      <c r="LD9" s="283">
        <v>8141902</v>
      </c>
      <c r="LE9" s="283">
        <v>12713788</v>
      </c>
      <c r="LF9" s="283">
        <v>16384625</v>
      </c>
      <c r="LG9" s="283">
        <v>12029240</v>
      </c>
      <c r="LH9" s="287">
        <v>57162138</v>
      </c>
      <c r="LI9" s="288">
        <v>57162138</v>
      </c>
      <c r="LJ9" s="286">
        <v>0</v>
      </c>
      <c r="LK9" s="283">
        <v>0</v>
      </c>
      <c r="LL9" s="287">
        <v>0</v>
      </c>
      <c r="LM9" s="411">
        <v>0</v>
      </c>
      <c r="LN9" s="283">
        <v>1438528</v>
      </c>
      <c r="LO9" s="283">
        <v>8340893</v>
      </c>
      <c r="LP9" s="283">
        <v>56604239</v>
      </c>
      <c r="LQ9" s="283">
        <v>104689165</v>
      </c>
      <c r="LR9" s="283">
        <v>70966778</v>
      </c>
      <c r="LS9" s="287">
        <v>242039603</v>
      </c>
      <c r="LT9" s="285">
        <v>242039603</v>
      </c>
      <c r="LU9" s="286">
        <v>0</v>
      </c>
      <c r="LV9" s="283">
        <v>0</v>
      </c>
      <c r="LW9" s="287">
        <v>0</v>
      </c>
      <c r="LX9" s="411">
        <v>0</v>
      </c>
      <c r="LY9" s="283">
        <v>31051891</v>
      </c>
      <c r="LZ9" s="283">
        <v>65403264</v>
      </c>
      <c r="MA9" s="283">
        <v>82186105</v>
      </c>
      <c r="MB9" s="283">
        <v>124995825</v>
      </c>
      <c r="MC9" s="283">
        <v>158391752</v>
      </c>
      <c r="MD9" s="287">
        <v>462028837</v>
      </c>
      <c r="ME9" s="288">
        <v>462028837</v>
      </c>
      <c r="MF9" s="286">
        <v>0</v>
      </c>
      <c r="MG9" s="283">
        <v>0</v>
      </c>
      <c r="MH9" s="287">
        <v>0</v>
      </c>
      <c r="MI9" s="411">
        <v>0</v>
      </c>
      <c r="MJ9" s="283">
        <v>548855201</v>
      </c>
      <c r="MK9" s="283">
        <v>1416559657</v>
      </c>
      <c r="ML9" s="283">
        <v>4210372462</v>
      </c>
      <c r="MM9" s="283">
        <v>6310956604</v>
      </c>
      <c r="MN9" s="283">
        <v>4280398572</v>
      </c>
      <c r="MO9" s="287">
        <v>16767142496</v>
      </c>
      <c r="MP9" s="292">
        <v>16767142496</v>
      </c>
      <c r="MQ9" s="286">
        <v>0</v>
      </c>
      <c r="MR9" s="283">
        <v>0</v>
      </c>
      <c r="MS9" s="287">
        <v>0</v>
      </c>
      <c r="MT9" s="411">
        <v>0</v>
      </c>
      <c r="MU9" s="283">
        <v>106473516</v>
      </c>
      <c r="MV9" s="283">
        <v>430307240</v>
      </c>
      <c r="MW9" s="283">
        <v>2707452145</v>
      </c>
      <c r="MX9" s="283">
        <v>4287177499</v>
      </c>
      <c r="MY9" s="283">
        <v>3047855505</v>
      </c>
      <c r="MZ9" s="287">
        <v>10579265905</v>
      </c>
      <c r="NA9" s="292">
        <v>10579265905</v>
      </c>
      <c r="NB9" s="286">
        <v>0</v>
      </c>
      <c r="NC9" s="283">
        <v>0</v>
      </c>
      <c r="ND9" s="287">
        <v>0</v>
      </c>
      <c r="NE9" s="411">
        <v>0</v>
      </c>
      <c r="NF9" s="283">
        <v>438647036</v>
      </c>
      <c r="NG9" s="283">
        <v>979787119</v>
      </c>
      <c r="NH9" s="283">
        <v>1477090325</v>
      </c>
      <c r="NI9" s="283">
        <v>1876442284</v>
      </c>
      <c r="NJ9" s="283">
        <v>1020609515</v>
      </c>
      <c r="NK9" s="287">
        <v>5792576279</v>
      </c>
      <c r="NL9" s="285">
        <v>5792576279</v>
      </c>
      <c r="NM9" s="286">
        <v>0</v>
      </c>
      <c r="NN9" s="283">
        <v>0</v>
      </c>
      <c r="NO9" s="287">
        <v>0</v>
      </c>
      <c r="NP9" s="411">
        <v>0</v>
      </c>
      <c r="NQ9" s="283">
        <v>0</v>
      </c>
      <c r="NR9" s="283">
        <v>0</v>
      </c>
      <c r="NS9" s="283">
        <v>1328190</v>
      </c>
      <c r="NT9" s="283">
        <v>14938561</v>
      </c>
      <c r="NU9" s="283">
        <v>25762819</v>
      </c>
      <c r="NV9" s="287">
        <v>42029570</v>
      </c>
      <c r="NW9" s="288">
        <v>42029570</v>
      </c>
      <c r="NX9" s="286">
        <v>0</v>
      </c>
      <c r="NY9" s="283">
        <v>0</v>
      </c>
      <c r="NZ9" s="287">
        <v>0</v>
      </c>
      <c r="OA9" s="411">
        <v>0</v>
      </c>
      <c r="OB9" s="283">
        <v>3734649</v>
      </c>
      <c r="OC9" s="283">
        <v>6465298</v>
      </c>
      <c r="OD9" s="283">
        <v>24501802</v>
      </c>
      <c r="OE9" s="283">
        <v>132398260</v>
      </c>
      <c r="OF9" s="283">
        <v>186170733</v>
      </c>
      <c r="OG9" s="287">
        <v>353270742</v>
      </c>
      <c r="OH9" s="288">
        <v>353270742</v>
      </c>
      <c r="OI9" s="286">
        <v>439004278</v>
      </c>
      <c r="OJ9" s="283">
        <v>938766816</v>
      </c>
      <c r="OK9" s="284">
        <v>1377771094</v>
      </c>
      <c r="OL9" s="289">
        <v>0</v>
      </c>
      <c r="OM9" s="283">
        <v>7511801540</v>
      </c>
      <c r="ON9" s="283">
        <v>11147605232</v>
      </c>
      <c r="OO9" s="283">
        <v>12743697141</v>
      </c>
      <c r="OP9" s="283">
        <v>13885640380</v>
      </c>
      <c r="OQ9" s="283">
        <v>9844928274</v>
      </c>
      <c r="OR9" s="287">
        <v>55133672567</v>
      </c>
      <c r="OS9" s="292">
        <v>56511443661</v>
      </c>
    </row>
    <row r="10" spans="1:409" s="406" customFormat="1" ht="21" customHeight="1" x14ac:dyDescent="0.2">
      <c r="A10" s="70"/>
      <c r="B10" s="408" t="s">
        <v>5</v>
      </c>
      <c r="C10" s="294">
        <v>178858362</v>
      </c>
      <c r="D10" s="295">
        <v>437681055</v>
      </c>
      <c r="E10" s="296">
        <v>616539417</v>
      </c>
      <c r="F10" s="297">
        <v>0</v>
      </c>
      <c r="G10" s="295">
        <v>1844646978</v>
      </c>
      <c r="H10" s="295">
        <v>3394213270</v>
      </c>
      <c r="I10" s="295">
        <v>2564515896</v>
      </c>
      <c r="J10" s="295">
        <v>2362579252</v>
      </c>
      <c r="K10" s="295">
        <v>1756301865</v>
      </c>
      <c r="L10" s="297">
        <v>11922257261</v>
      </c>
      <c r="M10" s="298">
        <v>12538796678</v>
      </c>
      <c r="N10" s="294">
        <v>42321422</v>
      </c>
      <c r="O10" s="295">
        <v>143723429</v>
      </c>
      <c r="P10" s="296">
        <v>186044851</v>
      </c>
      <c r="Q10" s="294">
        <v>0</v>
      </c>
      <c r="R10" s="295">
        <v>535096375</v>
      </c>
      <c r="S10" s="295">
        <v>1146981736</v>
      </c>
      <c r="T10" s="295">
        <v>877466664</v>
      </c>
      <c r="U10" s="295">
        <v>907758324</v>
      </c>
      <c r="V10" s="295">
        <v>908483565</v>
      </c>
      <c r="W10" s="296">
        <v>4375786664</v>
      </c>
      <c r="X10" s="298">
        <v>4561831515</v>
      </c>
      <c r="Y10" s="294">
        <v>0</v>
      </c>
      <c r="Z10" s="295">
        <v>5734</v>
      </c>
      <c r="AA10" s="296">
        <v>5734</v>
      </c>
      <c r="AB10" s="294">
        <v>0</v>
      </c>
      <c r="AC10" s="295">
        <v>239778102</v>
      </c>
      <c r="AD10" s="295">
        <v>525716152</v>
      </c>
      <c r="AE10" s="295">
        <v>444313616</v>
      </c>
      <c r="AF10" s="295">
        <v>496942603</v>
      </c>
      <c r="AG10" s="295">
        <v>506635153</v>
      </c>
      <c r="AH10" s="296">
        <v>2213385626</v>
      </c>
      <c r="AI10" s="298">
        <v>2213391360</v>
      </c>
      <c r="AJ10" s="294">
        <v>41259</v>
      </c>
      <c r="AK10" s="295">
        <v>318364</v>
      </c>
      <c r="AL10" s="296">
        <v>359623</v>
      </c>
      <c r="AM10" s="294">
        <v>0</v>
      </c>
      <c r="AN10" s="295">
        <v>1055221</v>
      </c>
      <c r="AO10" s="295">
        <v>7888524</v>
      </c>
      <c r="AP10" s="295">
        <v>19169480</v>
      </c>
      <c r="AQ10" s="295">
        <v>50992802</v>
      </c>
      <c r="AR10" s="295">
        <v>108791943</v>
      </c>
      <c r="AS10" s="296">
        <v>187897970</v>
      </c>
      <c r="AT10" s="298">
        <v>188257593</v>
      </c>
      <c r="AU10" s="294">
        <v>24031697</v>
      </c>
      <c r="AV10" s="295">
        <v>104557910</v>
      </c>
      <c r="AW10" s="296">
        <v>128589607</v>
      </c>
      <c r="AX10" s="294">
        <v>0</v>
      </c>
      <c r="AY10" s="295">
        <v>179998988</v>
      </c>
      <c r="AZ10" s="295">
        <v>430411834</v>
      </c>
      <c r="BA10" s="295">
        <v>264018300</v>
      </c>
      <c r="BB10" s="295">
        <v>216656020</v>
      </c>
      <c r="BC10" s="295">
        <v>187629157</v>
      </c>
      <c r="BD10" s="296">
        <v>1278714299</v>
      </c>
      <c r="BE10" s="298">
        <v>1407303906</v>
      </c>
      <c r="BF10" s="294">
        <v>2150241</v>
      </c>
      <c r="BG10" s="295">
        <v>13894596</v>
      </c>
      <c r="BH10" s="299">
        <v>16044837</v>
      </c>
      <c r="BI10" s="300">
        <v>0</v>
      </c>
      <c r="BJ10" s="295">
        <v>10029134</v>
      </c>
      <c r="BK10" s="295">
        <v>28866934</v>
      </c>
      <c r="BL10" s="295">
        <v>18803998</v>
      </c>
      <c r="BM10" s="295">
        <v>14428228</v>
      </c>
      <c r="BN10" s="295">
        <v>9178525</v>
      </c>
      <c r="BO10" s="296">
        <v>81306819</v>
      </c>
      <c r="BP10" s="298">
        <v>97351656</v>
      </c>
      <c r="BQ10" s="294">
        <v>16098225</v>
      </c>
      <c r="BR10" s="295">
        <v>24946825</v>
      </c>
      <c r="BS10" s="296">
        <v>41045050</v>
      </c>
      <c r="BT10" s="294">
        <v>0</v>
      </c>
      <c r="BU10" s="295">
        <v>104234930</v>
      </c>
      <c r="BV10" s="295">
        <v>154098292</v>
      </c>
      <c r="BW10" s="295">
        <v>131161270</v>
      </c>
      <c r="BX10" s="295">
        <v>128738671</v>
      </c>
      <c r="BY10" s="295">
        <v>96248787</v>
      </c>
      <c r="BZ10" s="296">
        <v>614481950</v>
      </c>
      <c r="CA10" s="298">
        <v>655527000</v>
      </c>
      <c r="CB10" s="294">
        <v>17860645</v>
      </c>
      <c r="CC10" s="295">
        <v>57093069</v>
      </c>
      <c r="CD10" s="296">
        <v>74953714</v>
      </c>
      <c r="CE10" s="294">
        <v>0</v>
      </c>
      <c r="CF10" s="295">
        <v>454207989</v>
      </c>
      <c r="CG10" s="295">
        <v>827093715</v>
      </c>
      <c r="CH10" s="295">
        <v>525487213</v>
      </c>
      <c r="CI10" s="295">
        <v>333317847</v>
      </c>
      <c r="CJ10" s="295">
        <v>163037649</v>
      </c>
      <c r="CK10" s="296">
        <v>2303144413</v>
      </c>
      <c r="CL10" s="298">
        <v>2378098127</v>
      </c>
      <c r="CM10" s="294">
        <v>0</v>
      </c>
      <c r="CN10" s="295">
        <v>0</v>
      </c>
      <c r="CO10" s="296">
        <v>0</v>
      </c>
      <c r="CP10" s="300">
        <v>0</v>
      </c>
      <c r="CQ10" s="295">
        <v>387089107</v>
      </c>
      <c r="CR10" s="295">
        <v>635024681</v>
      </c>
      <c r="CS10" s="295">
        <v>390100221</v>
      </c>
      <c r="CT10" s="295">
        <v>235113966</v>
      </c>
      <c r="CU10" s="295">
        <v>127987637</v>
      </c>
      <c r="CV10" s="296">
        <v>1775315612</v>
      </c>
      <c r="CW10" s="298">
        <v>1775315612</v>
      </c>
      <c r="CX10" s="294">
        <v>17860645</v>
      </c>
      <c r="CY10" s="295">
        <v>57093069</v>
      </c>
      <c r="CZ10" s="296">
        <v>74953714</v>
      </c>
      <c r="DA10" s="294">
        <v>0</v>
      </c>
      <c r="DB10" s="295">
        <v>67118882</v>
      </c>
      <c r="DC10" s="295">
        <v>192069034</v>
      </c>
      <c r="DD10" s="295">
        <v>135386992</v>
      </c>
      <c r="DE10" s="295">
        <v>98203881</v>
      </c>
      <c r="DF10" s="295">
        <v>35050012</v>
      </c>
      <c r="DG10" s="296">
        <v>527828801</v>
      </c>
      <c r="DH10" s="298">
        <v>602782515</v>
      </c>
      <c r="DI10" s="294">
        <v>595303</v>
      </c>
      <c r="DJ10" s="295">
        <v>3269014</v>
      </c>
      <c r="DK10" s="299">
        <v>3864317</v>
      </c>
      <c r="DL10" s="300">
        <v>0</v>
      </c>
      <c r="DM10" s="295">
        <v>44814795</v>
      </c>
      <c r="DN10" s="295">
        <v>125030939</v>
      </c>
      <c r="DO10" s="295">
        <v>227419342</v>
      </c>
      <c r="DP10" s="295">
        <v>177999786</v>
      </c>
      <c r="DQ10" s="295">
        <v>107365036</v>
      </c>
      <c r="DR10" s="296">
        <v>682629898</v>
      </c>
      <c r="DS10" s="298">
        <v>686494215</v>
      </c>
      <c r="DT10" s="294">
        <v>475236</v>
      </c>
      <c r="DU10" s="295">
        <v>2669332</v>
      </c>
      <c r="DV10" s="296">
        <v>3144568</v>
      </c>
      <c r="DW10" s="294">
        <v>0</v>
      </c>
      <c r="DX10" s="295">
        <v>39174636</v>
      </c>
      <c r="DY10" s="295">
        <v>104337719</v>
      </c>
      <c r="DZ10" s="295">
        <v>198749721</v>
      </c>
      <c r="EA10" s="295">
        <v>145212006</v>
      </c>
      <c r="EB10" s="295">
        <v>87975229</v>
      </c>
      <c r="EC10" s="296">
        <v>575449311</v>
      </c>
      <c r="ED10" s="298">
        <v>578593879</v>
      </c>
      <c r="EE10" s="294">
        <v>120067</v>
      </c>
      <c r="EF10" s="299">
        <v>599682</v>
      </c>
      <c r="EG10" s="296">
        <v>719749</v>
      </c>
      <c r="EH10" s="294">
        <v>0</v>
      </c>
      <c r="EI10" s="295">
        <v>5640159</v>
      </c>
      <c r="EJ10" s="295">
        <v>20693220</v>
      </c>
      <c r="EK10" s="295">
        <v>28669621</v>
      </c>
      <c r="EL10" s="295">
        <v>32787780</v>
      </c>
      <c r="EM10" s="295">
        <v>19389807</v>
      </c>
      <c r="EN10" s="299">
        <v>107180587</v>
      </c>
      <c r="EO10" s="298">
        <v>107900336</v>
      </c>
      <c r="EP10" s="294">
        <v>0</v>
      </c>
      <c r="EQ10" s="295">
        <v>0</v>
      </c>
      <c r="ER10" s="299">
        <v>0</v>
      </c>
      <c r="ES10" s="300">
        <v>0</v>
      </c>
      <c r="ET10" s="295">
        <v>0</v>
      </c>
      <c r="EU10" s="295">
        <v>0</v>
      </c>
      <c r="EV10" s="295">
        <v>0</v>
      </c>
      <c r="EW10" s="295">
        <v>0</v>
      </c>
      <c r="EX10" s="295">
        <v>0</v>
      </c>
      <c r="EY10" s="296">
        <v>0</v>
      </c>
      <c r="EZ10" s="298">
        <v>0</v>
      </c>
      <c r="FA10" s="294">
        <v>0</v>
      </c>
      <c r="FB10" s="295">
        <v>0</v>
      </c>
      <c r="FC10" s="299">
        <v>0</v>
      </c>
      <c r="FD10" s="300">
        <v>0</v>
      </c>
      <c r="FE10" s="295">
        <v>0</v>
      </c>
      <c r="FF10" s="295">
        <v>0</v>
      </c>
      <c r="FG10" s="295">
        <v>0</v>
      </c>
      <c r="FH10" s="295">
        <v>0</v>
      </c>
      <c r="FI10" s="295">
        <v>0</v>
      </c>
      <c r="FJ10" s="296">
        <v>0</v>
      </c>
      <c r="FK10" s="298">
        <v>0</v>
      </c>
      <c r="FL10" s="294">
        <v>49213114</v>
      </c>
      <c r="FM10" s="295">
        <v>104960181</v>
      </c>
      <c r="FN10" s="296">
        <v>154173295</v>
      </c>
      <c r="FO10" s="294">
        <v>0</v>
      </c>
      <c r="FP10" s="295">
        <v>86120509</v>
      </c>
      <c r="FQ10" s="295">
        <v>315297338</v>
      </c>
      <c r="FR10" s="295">
        <v>205251483</v>
      </c>
      <c r="FS10" s="295">
        <v>177867967</v>
      </c>
      <c r="FT10" s="295">
        <v>125302294</v>
      </c>
      <c r="FU10" s="296">
        <v>909839591</v>
      </c>
      <c r="FV10" s="298">
        <v>1064012886</v>
      </c>
      <c r="FW10" s="301">
        <v>18233708</v>
      </c>
      <c r="FX10" s="295">
        <v>67048118</v>
      </c>
      <c r="FY10" s="299">
        <v>85281826</v>
      </c>
      <c r="FZ10" s="300">
        <v>0</v>
      </c>
      <c r="GA10" s="295">
        <v>55215784</v>
      </c>
      <c r="GB10" s="295">
        <v>274135045</v>
      </c>
      <c r="GC10" s="295">
        <v>180900269</v>
      </c>
      <c r="GD10" s="295">
        <v>154840726</v>
      </c>
      <c r="GE10" s="295">
        <v>118848735</v>
      </c>
      <c r="GF10" s="296">
        <v>783940559</v>
      </c>
      <c r="GG10" s="302">
        <v>869222385</v>
      </c>
      <c r="GH10" s="301">
        <v>3545990</v>
      </c>
      <c r="GI10" s="295">
        <v>7067471</v>
      </c>
      <c r="GJ10" s="299">
        <v>10613461</v>
      </c>
      <c r="GK10" s="300">
        <v>0</v>
      </c>
      <c r="GL10" s="295">
        <v>7247420</v>
      </c>
      <c r="GM10" s="295">
        <v>12802645</v>
      </c>
      <c r="GN10" s="295">
        <v>9245527</v>
      </c>
      <c r="GO10" s="295">
        <v>10152467</v>
      </c>
      <c r="GP10" s="295">
        <v>3604377</v>
      </c>
      <c r="GQ10" s="296">
        <v>43052436</v>
      </c>
      <c r="GR10" s="298">
        <v>53665897</v>
      </c>
      <c r="GS10" s="294">
        <v>27433416</v>
      </c>
      <c r="GT10" s="295">
        <v>30844592</v>
      </c>
      <c r="GU10" s="296">
        <v>58278008</v>
      </c>
      <c r="GV10" s="294">
        <v>0</v>
      </c>
      <c r="GW10" s="295">
        <v>23657305</v>
      </c>
      <c r="GX10" s="295">
        <v>28359648</v>
      </c>
      <c r="GY10" s="295">
        <v>15105687</v>
      </c>
      <c r="GZ10" s="295">
        <v>12874774</v>
      </c>
      <c r="HA10" s="295">
        <v>2849182</v>
      </c>
      <c r="HB10" s="299">
        <v>82846596</v>
      </c>
      <c r="HC10" s="298">
        <v>141124604</v>
      </c>
      <c r="HD10" s="294">
        <v>41739680</v>
      </c>
      <c r="HE10" s="295">
        <v>61685774</v>
      </c>
      <c r="HF10" s="299">
        <v>103425454</v>
      </c>
      <c r="HG10" s="300">
        <v>0</v>
      </c>
      <c r="HH10" s="295">
        <v>431752516</v>
      </c>
      <c r="HI10" s="295">
        <v>535518186</v>
      </c>
      <c r="HJ10" s="295">
        <v>467520942</v>
      </c>
      <c r="HK10" s="295">
        <v>591790245</v>
      </c>
      <c r="HL10" s="295">
        <v>345806942</v>
      </c>
      <c r="HM10" s="296">
        <v>2372388831</v>
      </c>
      <c r="HN10" s="297">
        <v>2475814285</v>
      </c>
      <c r="HO10" s="301">
        <v>27128198</v>
      </c>
      <c r="HP10" s="295">
        <v>66949588</v>
      </c>
      <c r="HQ10" s="296">
        <v>94077786</v>
      </c>
      <c r="HR10" s="294">
        <v>0</v>
      </c>
      <c r="HS10" s="295">
        <v>292654794</v>
      </c>
      <c r="HT10" s="295">
        <v>444291356</v>
      </c>
      <c r="HU10" s="295">
        <v>261370252</v>
      </c>
      <c r="HV10" s="295">
        <v>173845083</v>
      </c>
      <c r="HW10" s="295">
        <v>106306379</v>
      </c>
      <c r="HX10" s="299">
        <v>1278467864</v>
      </c>
      <c r="HY10" s="298">
        <v>1372545650</v>
      </c>
      <c r="HZ10" s="303">
        <v>3826975</v>
      </c>
      <c r="IA10" s="304">
        <v>13851465</v>
      </c>
      <c r="IB10" s="305">
        <v>17678440</v>
      </c>
      <c r="IC10" s="306">
        <v>0</v>
      </c>
      <c r="ID10" s="307">
        <v>657641205</v>
      </c>
      <c r="IE10" s="308">
        <v>1016335228</v>
      </c>
      <c r="IF10" s="309">
        <v>1031589119</v>
      </c>
      <c r="IG10" s="307">
        <v>754551505</v>
      </c>
      <c r="IH10" s="309">
        <v>561566736</v>
      </c>
      <c r="II10" s="310">
        <v>4021683793</v>
      </c>
      <c r="IJ10" s="311">
        <v>4039362233</v>
      </c>
      <c r="IK10" s="312">
        <v>0</v>
      </c>
      <c r="IL10" s="313">
        <v>0</v>
      </c>
      <c r="IM10" s="314">
        <v>0</v>
      </c>
      <c r="IN10" s="402">
        <v>0</v>
      </c>
      <c r="IO10" s="315">
        <v>10344484</v>
      </c>
      <c r="IP10" s="315">
        <v>22703134</v>
      </c>
      <c r="IQ10" s="315">
        <v>37722113</v>
      </c>
      <c r="IR10" s="315">
        <v>55708879</v>
      </c>
      <c r="IS10" s="315">
        <v>52533921</v>
      </c>
      <c r="IT10" s="316">
        <v>179012531</v>
      </c>
      <c r="IU10" s="317">
        <v>179012531</v>
      </c>
      <c r="IV10" s="318">
        <v>0</v>
      </c>
      <c r="IW10" s="315">
        <v>0</v>
      </c>
      <c r="IX10" s="319">
        <v>0</v>
      </c>
      <c r="IY10" s="412">
        <v>0</v>
      </c>
      <c r="IZ10" s="315">
        <v>1978517</v>
      </c>
      <c r="JA10" s="315">
        <v>7560661</v>
      </c>
      <c r="JB10" s="315">
        <v>7636540</v>
      </c>
      <c r="JC10" s="315">
        <v>9888555</v>
      </c>
      <c r="JD10" s="315">
        <v>13346218</v>
      </c>
      <c r="JE10" s="319">
        <v>40410491</v>
      </c>
      <c r="JF10" s="320">
        <v>40410491</v>
      </c>
      <c r="JG10" s="318">
        <v>0</v>
      </c>
      <c r="JH10" s="315">
        <v>0</v>
      </c>
      <c r="JI10" s="316">
        <v>0</v>
      </c>
      <c r="JJ10" s="321">
        <v>0</v>
      </c>
      <c r="JK10" s="315">
        <v>221850064</v>
      </c>
      <c r="JL10" s="315">
        <v>373871266</v>
      </c>
      <c r="JM10" s="315">
        <v>281921219</v>
      </c>
      <c r="JN10" s="315">
        <v>155503129</v>
      </c>
      <c r="JO10" s="315">
        <v>84783848</v>
      </c>
      <c r="JP10" s="319">
        <v>1117929526</v>
      </c>
      <c r="JQ10" s="317">
        <v>1117929526</v>
      </c>
      <c r="JR10" s="318">
        <v>89628</v>
      </c>
      <c r="JS10" s="315">
        <v>24301</v>
      </c>
      <c r="JT10" s="316">
        <v>113929</v>
      </c>
      <c r="JU10" s="321">
        <v>0</v>
      </c>
      <c r="JV10" s="315">
        <v>35682754</v>
      </c>
      <c r="JW10" s="315">
        <v>54968895</v>
      </c>
      <c r="JX10" s="315">
        <v>78758162</v>
      </c>
      <c r="JY10" s="315">
        <v>54249806</v>
      </c>
      <c r="JZ10" s="315">
        <v>40275582</v>
      </c>
      <c r="KA10" s="319">
        <v>263935199</v>
      </c>
      <c r="KB10" s="317">
        <v>264049128</v>
      </c>
      <c r="KC10" s="322">
        <v>3737347</v>
      </c>
      <c r="KD10" s="323">
        <v>9849481</v>
      </c>
      <c r="KE10" s="319">
        <v>13586828</v>
      </c>
      <c r="KF10" s="321">
        <v>0</v>
      </c>
      <c r="KG10" s="315">
        <v>80284135</v>
      </c>
      <c r="KH10" s="315">
        <v>146036540</v>
      </c>
      <c r="KI10" s="315">
        <v>146227843</v>
      </c>
      <c r="KJ10" s="315">
        <v>125250224</v>
      </c>
      <c r="KK10" s="315">
        <v>82869245</v>
      </c>
      <c r="KL10" s="319">
        <v>580667987</v>
      </c>
      <c r="KM10" s="324">
        <v>594254815</v>
      </c>
      <c r="KN10" s="312">
        <v>0</v>
      </c>
      <c r="KO10" s="313">
        <v>3977683</v>
      </c>
      <c r="KP10" s="314">
        <v>3977683</v>
      </c>
      <c r="KQ10" s="412">
        <v>0</v>
      </c>
      <c r="KR10" s="315">
        <v>303433298</v>
      </c>
      <c r="KS10" s="315">
        <v>392676698</v>
      </c>
      <c r="KT10" s="315">
        <v>455619221</v>
      </c>
      <c r="KU10" s="315">
        <v>309807360</v>
      </c>
      <c r="KV10" s="315">
        <v>210896983</v>
      </c>
      <c r="KW10" s="319">
        <v>1672433560</v>
      </c>
      <c r="KX10" s="317">
        <v>1676411243</v>
      </c>
      <c r="KY10" s="318">
        <v>0</v>
      </c>
      <c r="KZ10" s="315">
        <v>0</v>
      </c>
      <c r="LA10" s="319">
        <v>0</v>
      </c>
      <c r="LB10" s="412">
        <v>0</v>
      </c>
      <c r="LC10" s="315">
        <v>-164083</v>
      </c>
      <c r="LD10" s="315">
        <v>394158</v>
      </c>
      <c r="LE10" s="315">
        <v>949815</v>
      </c>
      <c r="LF10" s="315">
        <v>240765</v>
      </c>
      <c r="LG10" s="315">
        <v>1052400</v>
      </c>
      <c r="LH10" s="319">
        <v>2473055</v>
      </c>
      <c r="LI10" s="320">
        <v>2473055</v>
      </c>
      <c r="LJ10" s="318">
        <v>0</v>
      </c>
      <c r="LK10" s="315">
        <v>0</v>
      </c>
      <c r="LL10" s="319">
        <v>0</v>
      </c>
      <c r="LM10" s="412">
        <v>0</v>
      </c>
      <c r="LN10" s="315">
        <v>759297</v>
      </c>
      <c r="LO10" s="315">
        <v>3155875</v>
      </c>
      <c r="LP10" s="315">
        <v>6226630</v>
      </c>
      <c r="LQ10" s="315">
        <v>13893936</v>
      </c>
      <c r="LR10" s="315">
        <v>12226068</v>
      </c>
      <c r="LS10" s="319">
        <v>36261806</v>
      </c>
      <c r="LT10" s="317">
        <v>36261806</v>
      </c>
      <c r="LU10" s="318">
        <v>0</v>
      </c>
      <c r="LV10" s="315">
        <v>0</v>
      </c>
      <c r="LW10" s="319">
        <v>0</v>
      </c>
      <c r="LX10" s="412">
        <v>0</v>
      </c>
      <c r="LY10" s="315">
        <v>3472739</v>
      </c>
      <c r="LZ10" s="315">
        <v>14968001</v>
      </c>
      <c r="MA10" s="315">
        <v>16527576</v>
      </c>
      <c r="MB10" s="315">
        <v>30008851</v>
      </c>
      <c r="MC10" s="315">
        <v>63582471</v>
      </c>
      <c r="MD10" s="319">
        <v>128559638</v>
      </c>
      <c r="ME10" s="320">
        <v>128559638</v>
      </c>
      <c r="MF10" s="318">
        <v>0</v>
      </c>
      <c r="MG10" s="315">
        <v>0</v>
      </c>
      <c r="MH10" s="319">
        <v>0</v>
      </c>
      <c r="MI10" s="412">
        <v>0</v>
      </c>
      <c r="MJ10" s="315">
        <v>226401521</v>
      </c>
      <c r="MK10" s="315">
        <v>737034028</v>
      </c>
      <c r="ML10" s="315">
        <v>1865822051</v>
      </c>
      <c r="MM10" s="315">
        <v>2733517098</v>
      </c>
      <c r="MN10" s="315">
        <v>1842832538</v>
      </c>
      <c r="MO10" s="319">
        <v>7405607236</v>
      </c>
      <c r="MP10" s="324">
        <v>7405607236</v>
      </c>
      <c r="MQ10" s="318">
        <v>0</v>
      </c>
      <c r="MR10" s="315">
        <v>0</v>
      </c>
      <c r="MS10" s="319">
        <v>0</v>
      </c>
      <c r="MT10" s="412">
        <v>0</v>
      </c>
      <c r="MU10" s="315">
        <v>61524109</v>
      </c>
      <c r="MV10" s="315">
        <v>291205921</v>
      </c>
      <c r="MW10" s="315">
        <v>1217538241</v>
      </c>
      <c r="MX10" s="315">
        <v>1831330408</v>
      </c>
      <c r="MY10" s="315">
        <v>1305457347</v>
      </c>
      <c r="MZ10" s="319">
        <v>4707056026</v>
      </c>
      <c r="NA10" s="324">
        <v>4707056026</v>
      </c>
      <c r="NB10" s="318">
        <v>0</v>
      </c>
      <c r="NC10" s="315">
        <v>0</v>
      </c>
      <c r="ND10" s="319">
        <v>0</v>
      </c>
      <c r="NE10" s="412">
        <v>0</v>
      </c>
      <c r="NF10" s="315">
        <v>164599562</v>
      </c>
      <c r="NG10" s="315">
        <v>444633992</v>
      </c>
      <c r="NH10" s="315">
        <v>643468864</v>
      </c>
      <c r="NI10" s="315">
        <v>859524996</v>
      </c>
      <c r="NJ10" s="315">
        <v>481830267</v>
      </c>
      <c r="NK10" s="319">
        <v>2594057681</v>
      </c>
      <c r="NL10" s="317">
        <v>2594057681</v>
      </c>
      <c r="NM10" s="318">
        <v>0</v>
      </c>
      <c r="NN10" s="315">
        <v>0</v>
      </c>
      <c r="NO10" s="319">
        <v>0</v>
      </c>
      <c r="NP10" s="412">
        <v>0</v>
      </c>
      <c r="NQ10" s="315">
        <v>0</v>
      </c>
      <c r="NR10" s="315">
        <v>0</v>
      </c>
      <c r="NS10" s="315">
        <v>304116</v>
      </c>
      <c r="NT10" s="315">
        <v>3112001</v>
      </c>
      <c r="NU10" s="315">
        <v>8087723</v>
      </c>
      <c r="NV10" s="319">
        <v>11503840</v>
      </c>
      <c r="NW10" s="320">
        <v>11503840</v>
      </c>
      <c r="NX10" s="318">
        <v>0</v>
      </c>
      <c r="NY10" s="315">
        <v>0</v>
      </c>
      <c r="NZ10" s="319">
        <v>0</v>
      </c>
      <c r="OA10" s="412">
        <v>0</v>
      </c>
      <c r="OB10" s="315">
        <v>277850</v>
      </c>
      <c r="OC10" s="315">
        <v>1194115</v>
      </c>
      <c r="OD10" s="315">
        <v>4510830</v>
      </c>
      <c r="OE10" s="315">
        <v>39549693</v>
      </c>
      <c r="OF10" s="315">
        <v>47457201</v>
      </c>
      <c r="OG10" s="319">
        <v>92989689</v>
      </c>
      <c r="OH10" s="320">
        <v>92989689</v>
      </c>
      <c r="OI10" s="318">
        <v>182685337</v>
      </c>
      <c r="OJ10" s="315">
        <v>451532520</v>
      </c>
      <c r="OK10" s="316">
        <v>634217857</v>
      </c>
      <c r="OL10" s="321">
        <v>0</v>
      </c>
      <c r="OM10" s="315">
        <v>2728689704</v>
      </c>
      <c r="ON10" s="315">
        <v>5147582526</v>
      </c>
      <c r="OO10" s="315">
        <v>5461927066</v>
      </c>
      <c r="OP10" s="315">
        <v>5850647855</v>
      </c>
      <c r="OQ10" s="315">
        <v>4160701139</v>
      </c>
      <c r="OR10" s="319">
        <v>23349548290</v>
      </c>
      <c r="OS10" s="324">
        <v>23983766147</v>
      </c>
    </row>
    <row r="11" spans="1:409" s="70" customFormat="1" ht="21" customHeight="1" x14ac:dyDescent="0.2">
      <c r="B11" s="409" t="s">
        <v>6</v>
      </c>
      <c r="C11" s="325">
        <v>58113628</v>
      </c>
      <c r="D11" s="326">
        <v>102123642</v>
      </c>
      <c r="E11" s="327">
        <v>160237270</v>
      </c>
      <c r="F11" s="328">
        <v>0</v>
      </c>
      <c r="G11" s="326">
        <v>899033105</v>
      </c>
      <c r="H11" s="326">
        <v>1023106925</v>
      </c>
      <c r="I11" s="326">
        <v>852433044</v>
      </c>
      <c r="J11" s="326">
        <v>820766785</v>
      </c>
      <c r="K11" s="326">
        <v>680088463</v>
      </c>
      <c r="L11" s="328">
        <v>4275428322</v>
      </c>
      <c r="M11" s="329">
        <v>4435665592</v>
      </c>
      <c r="N11" s="325">
        <v>15790886</v>
      </c>
      <c r="O11" s="326">
        <v>33626140</v>
      </c>
      <c r="P11" s="327">
        <v>49417026</v>
      </c>
      <c r="Q11" s="325">
        <v>0</v>
      </c>
      <c r="R11" s="326">
        <v>294933913</v>
      </c>
      <c r="S11" s="326">
        <v>367215023</v>
      </c>
      <c r="T11" s="326">
        <v>309132765</v>
      </c>
      <c r="U11" s="326">
        <v>338147675</v>
      </c>
      <c r="V11" s="326">
        <v>365011913</v>
      </c>
      <c r="W11" s="327">
        <v>1674441289</v>
      </c>
      <c r="X11" s="329">
        <v>1723858315</v>
      </c>
      <c r="Y11" s="325">
        <v>0</v>
      </c>
      <c r="Z11" s="326">
        <v>0</v>
      </c>
      <c r="AA11" s="327">
        <v>0</v>
      </c>
      <c r="AB11" s="325">
        <v>0</v>
      </c>
      <c r="AC11" s="326">
        <v>137917408</v>
      </c>
      <c r="AD11" s="326">
        <v>186031122</v>
      </c>
      <c r="AE11" s="326">
        <v>178393426</v>
      </c>
      <c r="AF11" s="326">
        <v>208442017</v>
      </c>
      <c r="AG11" s="326">
        <v>223373194</v>
      </c>
      <c r="AH11" s="327">
        <v>934157167</v>
      </c>
      <c r="AI11" s="329">
        <v>934157167</v>
      </c>
      <c r="AJ11" s="325">
        <v>18494</v>
      </c>
      <c r="AK11" s="326">
        <v>57634</v>
      </c>
      <c r="AL11" s="327">
        <v>76128</v>
      </c>
      <c r="AM11" s="325">
        <v>0</v>
      </c>
      <c r="AN11" s="326">
        <v>1239371</v>
      </c>
      <c r="AO11" s="326">
        <v>2789775</v>
      </c>
      <c r="AP11" s="326">
        <v>6481449</v>
      </c>
      <c r="AQ11" s="326">
        <v>15809980</v>
      </c>
      <c r="AR11" s="326">
        <v>35287696</v>
      </c>
      <c r="AS11" s="327">
        <v>61608271</v>
      </c>
      <c r="AT11" s="329">
        <v>61684399</v>
      </c>
      <c r="AU11" s="325">
        <v>8798226</v>
      </c>
      <c r="AV11" s="326">
        <v>24079776</v>
      </c>
      <c r="AW11" s="327">
        <v>32878002</v>
      </c>
      <c r="AX11" s="325">
        <v>0</v>
      </c>
      <c r="AY11" s="326">
        <v>96681748</v>
      </c>
      <c r="AZ11" s="326">
        <v>111138620</v>
      </c>
      <c r="BA11" s="326">
        <v>68214131</v>
      </c>
      <c r="BB11" s="326">
        <v>59435029</v>
      </c>
      <c r="BC11" s="326">
        <v>61864533</v>
      </c>
      <c r="BD11" s="327">
        <v>397334061</v>
      </c>
      <c r="BE11" s="329">
        <v>430212063</v>
      </c>
      <c r="BF11" s="325">
        <v>657237</v>
      </c>
      <c r="BG11" s="326">
        <v>2141742</v>
      </c>
      <c r="BH11" s="330">
        <v>2798979</v>
      </c>
      <c r="BI11" s="331">
        <v>0</v>
      </c>
      <c r="BJ11" s="326">
        <v>7384136</v>
      </c>
      <c r="BK11" s="326">
        <v>8018973</v>
      </c>
      <c r="BL11" s="326">
        <v>4310410</v>
      </c>
      <c r="BM11" s="326">
        <v>4624189</v>
      </c>
      <c r="BN11" s="326">
        <v>2845609</v>
      </c>
      <c r="BO11" s="327">
        <v>27183317</v>
      </c>
      <c r="BP11" s="329">
        <v>29982296</v>
      </c>
      <c r="BQ11" s="325">
        <v>6316929</v>
      </c>
      <c r="BR11" s="326">
        <v>7346988</v>
      </c>
      <c r="BS11" s="327">
        <v>13663917</v>
      </c>
      <c r="BT11" s="325">
        <v>0</v>
      </c>
      <c r="BU11" s="326">
        <v>51711250</v>
      </c>
      <c r="BV11" s="326">
        <v>59236533</v>
      </c>
      <c r="BW11" s="326">
        <v>51733349</v>
      </c>
      <c r="BX11" s="326">
        <v>49836460</v>
      </c>
      <c r="BY11" s="326">
        <v>41640881</v>
      </c>
      <c r="BZ11" s="327">
        <v>254158473</v>
      </c>
      <c r="CA11" s="329">
        <v>267822390</v>
      </c>
      <c r="CB11" s="325">
        <v>2864815</v>
      </c>
      <c r="CC11" s="326">
        <v>9247896</v>
      </c>
      <c r="CD11" s="327">
        <v>12112711</v>
      </c>
      <c r="CE11" s="325">
        <v>0</v>
      </c>
      <c r="CF11" s="326">
        <v>234284751</v>
      </c>
      <c r="CG11" s="326">
        <v>267473736</v>
      </c>
      <c r="CH11" s="326">
        <v>188810518</v>
      </c>
      <c r="CI11" s="326">
        <v>126451078</v>
      </c>
      <c r="CJ11" s="326">
        <v>65717545</v>
      </c>
      <c r="CK11" s="327">
        <v>882737628</v>
      </c>
      <c r="CL11" s="329">
        <v>894850339</v>
      </c>
      <c r="CM11" s="325">
        <v>0</v>
      </c>
      <c r="CN11" s="326">
        <v>0</v>
      </c>
      <c r="CO11" s="327">
        <v>0</v>
      </c>
      <c r="CP11" s="331">
        <v>0</v>
      </c>
      <c r="CQ11" s="326">
        <v>197909872</v>
      </c>
      <c r="CR11" s="326">
        <v>216794757</v>
      </c>
      <c r="CS11" s="326">
        <v>151236853</v>
      </c>
      <c r="CT11" s="326">
        <v>99773069</v>
      </c>
      <c r="CU11" s="326">
        <v>54703850</v>
      </c>
      <c r="CV11" s="327">
        <v>720418401</v>
      </c>
      <c r="CW11" s="329">
        <v>720418401</v>
      </c>
      <c r="CX11" s="325">
        <v>2864815</v>
      </c>
      <c r="CY11" s="326">
        <v>9247896</v>
      </c>
      <c r="CZ11" s="327">
        <v>12112711</v>
      </c>
      <c r="DA11" s="325">
        <v>0</v>
      </c>
      <c r="DB11" s="326">
        <v>36374879</v>
      </c>
      <c r="DC11" s="326">
        <v>50678979</v>
      </c>
      <c r="DD11" s="326">
        <v>37573665</v>
      </c>
      <c r="DE11" s="326">
        <v>26678009</v>
      </c>
      <c r="DF11" s="326">
        <v>11013695</v>
      </c>
      <c r="DG11" s="327">
        <v>162319227</v>
      </c>
      <c r="DH11" s="329">
        <v>174431938</v>
      </c>
      <c r="DI11" s="325">
        <v>205772</v>
      </c>
      <c r="DJ11" s="326">
        <v>876519</v>
      </c>
      <c r="DK11" s="330">
        <v>1082291</v>
      </c>
      <c r="DL11" s="331">
        <v>0</v>
      </c>
      <c r="DM11" s="326">
        <v>15537438</v>
      </c>
      <c r="DN11" s="326">
        <v>32707840</v>
      </c>
      <c r="DO11" s="326">
        <v>56833946</v>
      </c>
      <c r="DP11" s="326">
        <v>52473577</v>
      </c>
      <c r="DQ11" s="326">
        <v>33422039</v>
      </c>
      <c r="DR11" s="327">
        <v>190974840</v>
      </c>
      <c r="DS11" s="329">
        <v>192057131</v>
      </c>
      <c r="DT11" s="325">
        <v>172922</v>
      </c>
      <c r="DU11" s="326">
        <v>719731</v>
      </c>
      <c r="DV11" s="327">
        <v>892653</v>
      </c>
      <c r="DW11" s="325">
        <v>0</v>
      </c>
      <c r="DX11" s="326">
        <v>13139305</v>
      </c>
      <c r="DY11" s="326">
        <v>28438069</v>
      </c>
      <c r="DZ11" s="326">
        <v>50972013</v>
      </c>
      <c r="EA11" s="326">
        <v>46890449</v>
      </c>
      <c r="EB11" s="326">
        <v>28162802</v>
      </c>
      <c r="EC11" s="327">
        <v>167602638</v>
      </c>
      <c r="ED11" s="329">
        <v>168495291</v>
      </c>
      <c r="EE11" s="325">
        <v>32850</v>
      </c>
      <c r="EF11" s="330">
        <v>156788</v>
      </c>
      <c r="EG11" s="327">
        <v>189638</v>
      </c>
      <c r="EH11" s="325">
        <v>0</v>
      </c>
      <c r="EI11" s="326">
        <v>2398133</v>
      </c>
      <c r="EJ11" s="326">
        <v>4269771</v>
      </c>
      <c r="EK11" s="326">
        <v>5861933</v>
      </c>
      <c r="EL11" s="326">
        <v>5583128</v>
      </c>
      <c r="EM11" s="326">
        <v>5259237</v>
      </c>
      <c r="EN11" s="330">
        <v>23372202</v>
      </c>
      <c r="EO11" s="329">
        <v>23561840</v>
      </c>
      <c r="EP11" s="325">
        <v>0</v>
      </c>
      <c r="EQ11" s="326">
        <v>0</v>
      </c>
      <c r="ER11" s="330">
        <v>0</v>
      </c>
      <c r="ES11" s="331">
        <v>0</v>
      </c>
      <c r="ET11" s="326">
        <v>0</v>
      </c>
      <c r="EU11" s="326">
        <v>0</v>
      </c>
      <c r="EV11" s="326">
        <v>0</v>
      </c>
      <c r="EW11" s="326">
        <v>0</v>
      </c>
      <c r="EX11" s="326">
        <v>0</v>
      </c>
      <c r="EY11" s="327">
        <v>0</v>
      </c>
      <c r="EZ11" s="329">
        <v>0</v>
      </c>
      <c r="FA11" s="325">
        <v>0</v>
      </c>
      <c r="FB11" s="326">
        <v>0</v>
      </c>
      <c r="FC11" s="330">
        <v>0</v>
      </c>
      <c r="FD11" s="331">
        <v>0</v>
      </c>
      <c r="FE11" s="326">
        <v>0</v>
      </c>
      <c r="FF11" s="326">
        <v>0</v>
      </c>
      <c r="FG11" s="326">
        <v>0</v>
      </c>
      <c r="FH11" s="326">
        <v>0</v>
      </c>
      <c r="FI11" s="326">
        <v>0</v>
      </c>
      <c r="FJ11" s="327">
        <v>0</v>
      </c>
      <c r="FK11" s="329">
        <v>0</v>
      </c>
      <c r="FL11" s="325">
        <v>14144433</v>
      </c>
      <c r="FM11" s="326">
        <v>24006994</v>
      </c>
      <c r="FN11" s="327">
        <v>38151427</v>
      </c>
      <c r="FO11" s="325">
        <v>0</v>
      </c>
      <c r="FP11" s="326">
        <v>52832279</v>
      </c>
      <c r="FQ11" s="326">
        <v>92115219</v>
      </c>
      <c r="FR11" s="326">
        <v>65133876</v>
      </c>
      <c r="FS11" s="326">
        <v>60445665</v>
      </c>
      <c r="FT11" s="326">
        <v>47537439</v>
      </c>
      <c r="FU11" s="327">
        <v>318064478</v>
      </c>
      <c r="FV11" s="329">
        <v>356215905</v>
      </c>
      <c r="FW11" s="332">
        <v>8600453</v>
      </c>
      <c r="FX11" s="326">
        <v>19110872</v>
      </c>
      <c r="FY11" s="330">
        <v>27711325</v>
      </c>
      <c r="FZ11" s="331">
        <v>0</v>
      </c>
      <c r="GA11" s="326">
        <v>42906764</v>
      </c>
      <c r="GB11" s="326">
        <v>85816222</v>
      </c>
      <c r="GC11" s="326">
        <v>61453760</v>
      </c>
      <c r="GD11" s="326">
        <v>57356738</v>
      </c>
      <c r="GE11" s="326">
        <v>46344318</v>
      </c>
      <c r="GF11" s="327">
        <v>293877802</v>
      </c>
      <c r="GG11" s="333">
        <v>321589127</v>
      </c>
      <c r="GH11" s="332">
        <v>975321</v>
      </c>
      <c r="GI11" s="326">
        <v>928630</v>
      </c>
      <c r="GJ11" s="330">
        <v>1903951</v>
      </c>
      <c r="GK11" s="331">
        <v>0</v>
      </c>
      <c r="GL11" s="326">
        <v>2488344</v>
      </c>
      <c r="GM11" s="326">
        <v>2307068</v>
      </c>
      <c r="GN11" s="326">
        <v>1874210</v>
      </c>
      <c r="GO11" s="326">
        <v>1661420</v>
      </c>
      <c r="GP11" s="326">
        <v>572555</v>
      </c>
      <c r="GQ11" s="327">
        <v>8903597</v>
      </c>
      <c r="GR11" s="329">
        <v>10807548</v>
      </c>
      <c r="GS11" s="325">
        <v>4568659</v>
      </c>
      <c r="GT11" s="326">
        <v>3967492</v>
      </c>
      <c r="GU11" s="327">
        <v>8536151</v>
      </c>
      <c r="GV11" s="325">
        <v>0</v>
      </c>
      <c r="GW11" s="326">
        <v>7437171</v>
      </c>
      <c r="GX11" s="326">
        <v>3991929</v>
      </c>
      <c r="GY11" s="326">
        <v>1805906</v>
      </c>
      <c r="GZ11" s="326">
        <v>1427507</v>
      </c>
      <c r="HA11" s="326">
        <v>620566</v>
      </c>
      <c r="HB11" s="330">
        <v>15283079</v>
      </c>
      <c r="HC11" s="329">
        <v>23819230</v>
      </c>
      <c r="HD11" s="325">
        <v>14398899</v>
      </c>
      <c r="HE11" s="326">
        <v>16215026</v>
      </c>
      <c r="HF11" s="330">
        <v>30613925</v>
      </c>
      <c r="HG11" s="331">
        <v>0</v>
      </c>
      <c r="HH11" s="326">
        <v>159598823</v>
      </c>
      <c r="HI11" s="326">
        <v>144088587</v>
      </c>
      <c r="HJ11" s="326">
        <v>153374912</v>
      </c>
      <c r="HK11" s="326">
        <v>185826320</v>
      </c>
      <c r="HL11" s="326">
        <v>130112155</v>
      </c>
      <c r="HM11" s="327">
        <v>773000797</v>
      </c>
      <c r="HN11" s="328">
        <v>803614722</v>
      </c>
      <c r="HO11" s="332">
        <v>10708823</v>
      </c>
      <c r="HP11" s="326">
        <v>18151067</v>
      </c>
      <c r="HQ11" s="327">
        <v>28859890</v>
      </c>
      <c r="HR11" s="325">
        <v>0</v>
      </c>
      <c r="HS11" s="326">
        <v>141845901</v>
      </c>
      <c r="HT11" s="326">
        <v>119506520</v>
      </c>
      <c r="HU11" s="326">
        <v>79147027</v>
      </c>
      <c r="HV11" s="326">
        <v>57422470</v>
      </c>
      <c r="HW11" s="326">
        <v>38287372</v>
      </c>
      <c r="HX11" s="330">
        <v>436209290</v>
      </c>
      <c r="HY11" s="329">
        <v>465069180</v>
      </c>
      <c r="HZ11" s="334">
        <v>1054975</v>
      </c>
      <c r="IA11" s="335">
        <v>4420878</v>
      </c>
      <c r="IB11" s="336">
        <v>5475853</v>
      </c>
      <c r="IC11" s="337">
        <v>0</v>
      </c>
      <c r="ID11" s="335">
        <v>276606818</v>
      </c>
      <c r="IE11" s="338">
        <v>348132698</v>
      </c>
      <c r="IF11" s="336">
        <v>368494301</v>
      </c>
      <c r="IG11" s="335">
        <v>302123551</v>
      </c>
      <c r="IH11" s="336">
        <v>231044296</v>
      </c>
      <c r="II11" s="339">
        <v>1526401664</v>
      </c>
      <c r="IJ11" s="340">
        <v>1531877517</v>
      </c>
      <c r="IK11" s="341">
        <v>0</v>
      </c>
      <c r="IL11" s="342">
        <v>0</v>
      </c>
      <c r="IM11" s="343">
        <v>0</v>
      </c>
      <c r="IN11" s="403">
        <v>0</v>
      </c>
      <c r="IO11" s="344">
        <v>4902748</v>
      </c>
      <c r="IP11" s="344">
        <v>9396607</v>
      </c>
      <c r="IQ11" s="344">
        <v>11279626</v>
      </c>
      <c r="IR11" s="344">
        <v>28953412</v>
      </c>
      <c r="IS11" s="344">
        <v>30347466</v>
      </c>
      <c r="IT11" s="345">
        <v>84879859</v>
      </c>
      <c r="IU11" s="346">
        <v>84879859</v>
      </c>
      <c r="IV11" s="347">
        <v>0</v>
      </c>
      <c r="IW11" s="344">
        <v>0</v>
      </c>
      <c r="IX11" s="348">
        <v>0</v>
      </c>
      <c r="IY11" s="412">
        <v>0</v>
      </c>
      <c r="IZ11" s="344">
        <v>1360587</v>
      </c>
      <c r="JA11" s="344">
        <v>2410268</v>
      </c>
      <c r="JB11" s="344">
        <v>2452104</v>
      </c>
      <c r="JC11" s="344">
        <v>1966976</v>
      </c>
      <c r="JD11" s="344">
        <v>3251665</v>
      </c>
      <c r="JE11" s="348">
        <v>11441600</v>
      </c>
      <c r="JF11" s="349">
        <v>11441600</v>
      </c>
      <c r="JG11" s="347">
        <v>0</v>
      </c>
      <c r="JH11" s="344">
        <v>0</v>
      </c>
      <c r="JI11" s="345">
        <v>0</v>
      </c>
      <c r="JJ11" s="350">
        <v>0</v>
      </c>
      <c r="JK11" s="344">
        <v>84808135</v>
      </c>
      <c r="JL11" s="344">
        <v>83324818</v>
      </c>
      <c r="JM11" s="344">
        <v>67579464</v>
      </c>
      <c r="JN11" s="344">
        <v>47295782</v>
      </c>
      <c r="JO11" s="344">
        <v>26370150</v>
      </c>
      <c r="JP11" s="348">
        <v>309378349</v>
      </c>
      <c r="JQ11" s="346">
        <v>309378349</v>
      </c>
      <c r="JR11" s="347">
        <v>30403</v>
      </c>
      <c r="JS11" s="344">
        <v>0</v>
      </c>
      <c r="JT11" s="345">
        <v>30403</v>
      </c>
      <c r="JU11" s="350">
        <v>0</v>
      </c>
      <c r="JV11" s="344">
        <v>14540033</v>
      </c>
      <c r="JW11" s="344">
        <v>24762347</v>
      </c>
      <c r="JX11" s="344">
        <v>32962180</v>
      </c>
      <c r="JY11" s="344">
        <v>19466983</v>
      </c>
      <c r="JZ11" s="344">
        <v>17761772</v>
      </c>
      <c r="KA11" s="348">
        <v>109493315</v>
      </c>
      <c r="KB11" s="346">
        <v>109523718</v>
      </c>
      <c r="KC11" s="351">
        <v>1024572</v>
      </c>
      <c r="KD11" s="352">
        <v>3375191</v>
      </c>
      <c r="KE11" s="348">
        <v>4399763</v>
      </c>
      <c r="KF11" s="350">
        <v>0</v>
      </c>
      <c r="KG11" s="344">
        <v>35734676</v>
      </c>
      <c r="KH11" s="344">
        <v>44055952</v>
      </c>
      <c r="KI11" s="344">
        <v>49176729</v>
      </c>
      <c r="KJ11" s="344">
        <v>31114644</v>
      </c>
      <c r="KK11" s="344">
        <v>20817467</v>
      </c>
      <c r="KL11" s="348">
        <v>180899468</v>
      </c>
      <c r="KM11" s="353">
        <v>185299231</v>
      </c>
      <c r="KN11" s="341">
        <v>0</v>
      </c>
      <c r="KO11" s="342">
        <v>1045687</v>
      </c>
      <c r="KP11" s="343">
        <v>1045687</v>
      </c>
      <c r="KQ11" s="412">
        <v>0</v>
      </c>
      <c r="KR11" s="344">
        <v>123811279</v>
      </c>
      <c r="KS11" s="344">
        <v>161453949</v>
      </c>
      <c r="KT11" s="344">
        <v>165795147</v>
      </c>
      <c r="KU11" s="344">
        <v>115891357</v>
      </c>
      <c r="KV11" s="344">
        <v>74476558</v>
      </c>
      <c r="KW11" s="348">
        <v>641428290</v>
      </c>
      <c r="KX11" s="346">
        <v>642473977</v>
      </c>
      <c r="KY11" s="347">
        <v>0</v>
      </c>
      <c r="KZ11" s="344">
        <v>0</v>
      </c>
      <c r="LA11" s="348">
        <v>0</v>
      </c>
      <c r="LB11" s="412">
        <v>0</v>
      </c>
      <c r="LC11" s="344">
        <v>0</v>
      </c>
      <c r="LD11" s="344">
        <v>0</v>
      </c>
      <c r="LE11" s="344">
        <v>0</v>
      </c>
      <c r="LF11" s="344">
        <v>0</v>
      </c>
      <c r="LG11" s="344">
        <v>0</v>
      </c>
      <c r="LH11" s="348">
        <v>0</v>
      </c>
      <c r="LI11" s="349">
        <v>0</v>
      </c>
      <c r="LJ11" s="347">
        <v>0</v>
      </c>
      <c r="LK11" s="344">
        <v>0</v>
      </c>
      <c r="LL11" s="348">
        <v>0</v>
      </c>
      <c r="LM11" s="412">
        <v>0</v>
      </c>
      <c r="LN11" s="344">
        <v>495163</v>
      </c>
      <c r="LO11" s="344">
        <v>2906372</v>
      </c>
      <c r="LP11" s="344">
        <v>19088834</v>
      </c>
      <c r="LQ11" s="344">
        <v>29459742</v>
      </c>
      <c r="LR11" s="344">
        <v>21938416</v>
      </c>
      <c r="LS11" s="348">
        <v>73888527</v>
      </c>
      <c r="LT11" s="346">
        <v>73888527</v>
      </c>
      <c r="LU11" s="347">
        <v>0</v>
      </c>
      <c r="LV11" s="344">
        <v>0</v>
      </c>
      <c r="LW11" s="348">
        <v>0</v>
      </c>
      <c r="LX11" s="412">
        <v>0</v>
      </c>
      <c r="LY11" s="344">
        <v>10954197</v>
      </c>
      <c r="LZ11" s="344">
        <v>19822385</v>
      </c>
      <c r="MA11" s="344">
        <v>20160217</v>
      </c>
      <c r="MB11" s="344">
        <v>27974655</v>
      </c>
      <c r="MC11" s="344">
        <v>36080802</v>
      </c>
      <c r="MD11" s="348">
        <v>114992256</v>
      </c>
      <c r="ME11" s="349">
        <v>114992256</v>
      </c>
      <c r="MF11" s="347">
        <v>0</v>
      </c>
      <c r="MG11" s="344">
        <v>0</v>
      </c>
      <c r="MH11" s="348">
        <v>0</v>
      </c>
      <c r="MI11" s="412">
        <v>0</v>
      </c>
      <c r="MJ11" s="344">
        <v>77413416</v>
      </c>
      <c r="MK11" s="344">
        <v>138487730</v>
      </c>
      <c r="ML11" s="344">
        <v>487144985</v>
      </c>
      <c r="MM11" s="344">
        <v>768728674</v>
      </c>
      <c r="MN11" s="344">
        <v>539134387</v>
      </c>
      <c r="MO11" s="348">
        <v>2010909192</v>
      </c>
      <c r="MP11" s="353">
        <v>2010909192</v>
      </c>
      <c r="MQ11" s="347">
        <v>0</v>
      </c>
      <c r="MR11" s="344">
        <v>0</v>
      </c>
      <c r="MS11" s="348">
        <v>0</v>
      </c>
      <c r="MT11" s="412">
        <v>0</v>
      </c>
      <c r="MU11" s="344">
        <v>19794348</v>
      </c>
      <c r="MV11" s="344">
        <v>45516429</v>
      </c>
      <c r="MW11" s="344">
        <v>327256772</v>
      </c>
      <c r="MX11" s="344">
        <v>528351498</v>
      </c>
      <c r="MY11" s="344">
        <v>387408900</v>
      </c>
      <c r="MZ11" s="348">
        <v>1308327947</v>
      </c>
      <c r="NA11" s="353">
        <v>1308327947</v>
      </c>
      <c r="NB11" s="347">
        <v>0</v>
      </c>
      <c r="NC11" s="344">
        <v>0</v>
      </c>
      <c r="ND11" s="348">
        <v>0</v>
      </c>
      <c r="NE11" s="412">
        <v>0</v>
      </c>
      <c r="NF11" s="344">
        <v>57619068</v>
      </c>
      <c r="NG11" s="344">
        <v>92640170</v>
      </c>
      <c r="NH11" s="344">
        <v>159120632</v>
      </c>
      <c r="NI11" s="344">
        <v>220665179</v>
      </c>
      <c r="NJ11" s="344">
        <v>123665881</v>
      </c>
      <c r="NK11" s="348">
        <v>653710930</v>
      </c>
      <c r="NL11" s="346">
        <v>653710930</v>
      </c>
      <c r="NM11" s="347">
        <v>0</v>
      </c>
      <c r="NN11" s="344">
        <v>0</v>
      </c>
      <c r="NO11" s="348">
        <v>0</v>
      </c>
      <c r="NP11" s="412">
        <v>0</v>
      </c>
      <c r="NQ11" s="344">
        <v>0</v>
      </c>
      <c r="NR11" s="344">
        <v>0</v>
      </c>
      <c r="NS11" s="344">
        <v>396934</v>
      </c>
      <c r="NT11" s="344">
        <v>3724591</v>
      </c>
      <c r="NU11" s="344">
        <v>5438542</v>
      </c>
      <c r="NV11" s="348">
        <v>9560067</v>
      </c>
      <c r="NW11" s="349">
        <v>9560067</v>
      </c>
      <c r="NX11" s="347">
        <v>0</v>
      </c>
      <c r="NY11" s="344">
        <v>0</v>
      </c>
      <c r="NZ11" s="348">
        <v>0</v>
      </c>
      <c r="OA11" s="412">
        <v>0</v>
      </c>
      <c r="OB11" s="344">
        <v>0</v>
      </c>
      <c r="OC11" s="344">
        <v>331131</v>
      </c>
      <c r="OD11" s="344">
        <v>370647</v>
      </c>
      <c r="OE11" s="344">
        <v>15987406</v>
      </c>
      <c r="OF11" s="344">
        <v>22621064</v>
      </c>
      <c r="OG11" s="348">
        <v>39310248</v>
      </c>
      <c r="OH11" s="349">
        <v>39310248</v>
      </c>
      <c r="OI11" s="347">
        <v>59168603</v>
      </c>
      <c r="OJ11" s="344">
        <v>106544520</v>
      </c>
      <c r="OK11" s="345">
        <v>165713123</v>
      </c>
      <c r="OL11" s="350">
        <v>0</v>
      </c>
      <c r="OM11" s="344">
        <v>1253053339</v>
      </c>
      <c r="ON11" s="344">
        <v>1509727353</v>
      </c>
      <c r="OO11" s="344">
        <v>1708072330</v>
      </c>
      <c r="OP11" s="344">
        <v>1891619010</v>
      </c>
      <c r="OQ11" s="344">
        <v>1450267146</v>
      </c>
      <c r="OR11" s="348">
        <v>7812739178</v>
      </c>
      <c r="OS11" s="353">
        <v>7978452301</v>
      </c>
    </row>
    <row r="12" spans="1:409" s="70" customFormat="1" ht="21" customHeight="1" x14ac:dyDescent="0.2">
      <c r="B12" s="409" t="s">
        <v>14</v>
      </c>
      <c r="C12" s="325">
        <v>26515885</v>
      </c>
      <c r="D12" s="326">
        <v>75067817</v>
      </c>
      <c r="E12" s="327">
        <v>101583702</v>
      </c>
      <c r="F12" s="328">
        <v>0</v>
      </c>
      <c r="G12" s="326">
        <v>339295746</v>
      </c>
      <c r="H12" s="326">
        <v>554774702</v>
      </c>
      <c r="I12" s="326">
        <v>514985142</v>
      </c>
      <c r="J12" s="326">
        <v>449694261</v>
      </c>
      <c r="K12" s="326">
        <v>297176445</v>
      </c>
      <c r="L12" s="330">
        <v>2155926296</v>
      </c>
      <c r="M12" s="329">
        <v>2257509998</v>
      </c>
      <c r="N12" s="325">
        <v>5338390</v>
      </c>
      <c r="O12" s="326">
        <v>18269933</v>
      </c>
      <c r="P12" s="327">
        <v>23608323</v>
      </c>
      <c r="Q12" s="325">
        <v>0</v>
      </c>
      <c r="R12" s="326">
        <v>92900175</v>
      </c>
      <c r="S12" s="326">
        <v>177037999</v>
      </c>
      <c r="T12" s="326">
        <v>176154516</v>
      </c>
      <c r="U12" s="326">
        <v>185506566</v>
      </c>
      <c r="V12" s="326">
        <v>152905958</v>
      </c>
      <c r="W12" s="327">
        <v>784505214</v>
      </c>
      <c r="X12" s="329">
        <v>808113537</v>
      </c>
      <c r="Y12" s="325">
        <v>0</v>
      </c>
      <c r="Z12" s="326">
        <v>0</v>
      </c>
      <c r="AA12" s="327">
        <v>0</v>
      </c>
      <c r="AB12" s="325">
        <v>0</v>
      </c>
      <c r="AC12" s="326">
        <v>46921572</v>
      </c>
      <c r="AD12" s="326">
        <v>94937363</v>
      </c>
      <c r="AE12" s="326">
        <v>104290355</v>
      </c>
      <c r="AF12" s="326">
        <v>116995894</v>
      </c>
      <c r="AG12" s="326">
        <v>94398947</v>
      </c>
      <c r="AH12" s="327">
        <v>457544131</v>
      </c>
      <c r="AI12" s="329">
        <v>457544131</v>
      </c>
      <c r="AJ12" s="325">
        <v>0</v>
      </c>
      <c r="AK12" s="326">
        <v>36037</v>
      </c>
      <c r="AL12" s="327">
        <v>36037</v>
      </c>
      <c r="AM12" s="325">
        <v>0</v>
      </c>
      <c r="AN12" s="326">
        <v>75672</v>
      </c>
      <c r="AO12" s="326">
        <v>1056669</v>
      </c>
      <c r="AP12" s="326">
        <v>2933138</v>
      </c>
      <c r="AQ12" s="326">
        <v>9508911</v>
      </c>
      <c r="AR12" s="326">
        <v>15090389</v>
      </c>
      <c r="AS12" s="327">
        <v>28664779</v>
      </c>
      <c r="AT12" s="329">
        <v>28700816</v>
      </c>
      <c r="AU12" s="325">
        <v>2426843</v>
      </c>
      <c r="AV12" s="326">
        <v>12790253</v>
      </c>
      <c r="AW12" s="327">
        <v>15217096</v>
      </c>
      <c r="AX12" s="325">
        <v>0</v>
      </c>
      <c r="AY12" s="326">
        <v>26633092</v>
      </c>
      <c r="AZ12" s="326">
        <v>52498871</v>
      </c>
      <c r="BA12" s="326">
        <v>38438513</v>
      </c>
      <c r="BB12" s="326">
        <v>32850285</v>
      </c>
      <c r="BC12" s="326">
        <v>26023728</v>
      </c>
      <c r="BD12" s="327">
        <v>176444489</v>
      </c>
      <c r="BE12" s="329">
        <v>191661585</v>
      </c>
      <c r="BF12" s="325">
        <v>188586</v>
      </c>
      <c r="BG12" s="326">
        <v>1329404</v>
      </c>
      <c r="BH12" s="330">
        <v>1517990</v>
      </c>
      <c r="BI12" s="331">
        <v>0</v>
      </c>
      <c r="BJ12" s="326">
        <v>936240</v>
      </c>
      <c r="BK12" s="326">
        <v>3055344</v>
      </c>
      <c r="BL12" s="326">
        <v>1978279</v>
      </c>
      <c r="BM12" s="326">
        <v>1783571</v>
      </c>
      <c r="BN12" s="326">
        <v>642634</v>
      </c>
      <c r="BO12" s="327">
        <v>8396068</v>
      </c>
      <c r="BP12" s="329">
        <v>9914058</v>
      </c>
      <c r="BQ12" s="325">
        <v>2722961</v>
      </c>
      <c r="BR12" s="326">
        <v>4114239</v>
      </c>
      <c r="BS12" s="327">
        <v>6837200</v>
      </c>
      <c r="BT12" s="325">
        <v>0</v>
      </c>
      <c r="BU12" s="326">
        <v>18333599</v>
      </c>
      <c r="BV12" s="326">
        <v>25489752</v>
      </c>
      <c r="BW12" s="326">
        <v>28514231</v>
      </c>
      <c r="BX12" s="326">
        <v>24367905</v>
      </c>
      <c r="BY12" s="326">
        <v>16750260</v>
      </c>
      <c r="BZ12" s="327">
        <v>113455747</v>
      </c>
      <c r="CA12" s="329">
        <v>120292947</v>
      </c>
      <c r="CB12" s="325">
        <v>1474734</v>
      </c>
      <c r="CC12" s="326">
        <v>7518979</v>
      </c>
      <c r="CD12" s="327">
        <v>8993713</v>
      </c>
      <c r="CE12" s="325">
        <v>0</v>
      </c>
      <c r="CF12" s="326">
        <v>100905290</v>
      </c>
      <c r="CG12" s="326">
        <v>166898546</v>
      </c>
      <c r="CH12" s="326">
        <v>134382501</v>
      </c>
      <c r="CI12" s="326">
        <v>76107414</v>
      </c>
      <c r="CJ12" s="326">
        <v>40436512</v>
      </c>
      <c r="CK12" s="327">
        <v>518730263</v>
      </c>
      <c r="CL12" s="329">
        <v>527723976</v>
      </c>
      <c r="CM12" s="325">
        <v>0</v>
      </c>
      <c r="CN12" s="326">
        <v>0</v>
      </c>
      <c r="CO12" s="327">
        <v>0</v>
      </c>
      <c r="CP12" s="331">
        <v>0</v>
      </c>
      <c r="CQ12" s="326">
        <v>94031960</v>
      </c>
      <c r="CR12" s="326">
        <v>142075459</v>
      </c>
      <c r="CS12" s="326">
        <v>115704012</v>
      </c>
      <c r="CT12" s="326">
        <v>64247206</v>
      </c>
      <c r="CU12" s="326">
        <v>35152601</v>
      </c>
      <c r="CV12" s="327">
        <v>451211238</v>
      </c>
      <c r="CW12" s="329">
        <v>451211238</v>
      </c>
      <c r="CX12" s="325">
        <v>1474734</v>
      </c>
      <c r="CY12" s="326">
        <v>7518979</v>
      </c>
      <c r="CZ12" s="327">
        <v>8993713</v>
      </c>
      <c r="DA12" s="325">
        <v>0</v>
      </c>
      <c r="DB12" s="326">
        <v>6873330</v>
      </c>
      <c r="DC12" s="326">
        <v>24823087</v>
      </c>
      <c r="DD12" s="326">
        <v>18678489</v>
      </c>
      <c r="DE12" s="326">
        <v>11860208</v>
      </c>
      <c r="DF12" s="326">
        <v>5283911</v>
      </c>
      <c r="DG12" s="327">
        <v>67519025</v>
      </c>
      <c r="DH12" s="329">
        <v>76512738</v>
      </c>
      <c r="DI12" s="325">
        <v>68272</v>
      </c>
      <c r="DJ12" s="326">
        <v>340822</v>
      </c>
      <c r="DK12" s="330">
        <v>409094</v>
      </c>
      <c r="DL12" s="331">
        <v>0</v>
      </c>
      <c r="DM12" s="326">
        <v>7745487</v>
      </c>
      <c r="DN12" s="326">
        <v>23095342</v>
      </c>
      <c r="DO12" s="326">
        <v>46134432</v>
      </c>
      <c r="DP12" s="326">
        <v>42147180</v>
      </c>
      <c r="DQ12" s="326">
        <v>20489739</v>
      </c>
      <c r="DR12" s="327">
        <v>139612180</v>
      </c>
      <c r="DS12" s="329">
        <v>140021274</v>
      </c>
      <c r="DT12" s="325">
        <v>68272</v>
      </c>
      <c r="DU12" s="326">
        <v>323416</v>
      </c>
      <c r="DV12" s="327">
        <v>391688</v>
      </c>
      <c r="DW12" s="325">
        <v>0</v>
      </c>
      <c r="DX12" s="326">
        <v>7484899</v>
      </c>
      <c r="DY12" s="326">
        <v>22712649</v>
      </c>
      <c r="DZ12" s="326">
        <v>45303667</v>
      </c>
      <c r="EA12" s="326">
        <v>41241712</v>
      </c>
      <c r="EB12" s="326">
        <v>19961495</v>
      </c>
      <c r="EC12" s="327">
        <v>136704422</v>
      </c>
      <c r="ED12" s="329">
        <v>137096110</v>
      </c>
      <c r="EE12" s="325">
        <v>0</v>
      </c>
      <c r="EF12" s="330">
        <v>17406</v>
      </c>
      <c r="EG12" s="327">
        <v>17406</v>
      </c>
      <c r="EH12" s="325">
        <v>0</v>
      </c>
      <c r="EI12" s="326">
        <v>260588</v>
      </c>
      <c r="EJ12" s="326">
        <v>382693</v>
      </c>
      <c r="EK12" s="326">
        <v>830765</v>
      </c>
      <c r="EL12" s="326">
        <v>905468</v>
      </c>
      <c r="EM12" s="326">
        <v>528244</v>
      </c>
      <c r="EN12" s="330">
        <v>2907758</v>
      </c>
      <c r="EO12" s="329">
        <v>2925164</v>
      </c>
      <c r="EP12" s="325">
        <v>0</v>
      </c>
      <c r="EQ12" s="326">
        <v>0</v>
      </c>
      <c r="ER12" s="330">
        <v>0</v>
      </c>
      <c r="ES12" s="331">
        <v>0</v>
      </c>
      <c r="ET12" s="326">
        <v>0</v>
      </c>
      <c r="EU12" s="326">
        <v>0</v>
      </c>
      <c r="EV12" s="326">
        <v>0</v>
      </c>
      <c r="EW12" s="326">
        <v>0</v>
      </c>
      <c r="EX12" s="326">
        <v>0</v>
      </c>
      <c r="EY12" s="327">
        <v>0</v>
      </c>
      <c r="EZ12" s="329">
        <v>0</v>
      </c>
      <c r="FA12" s="325">
        <v>0</v>
      </c>
      <c r="FB12" s="326">
        <v>0</v>
      </c>
      <c r="FC12" s="330">
        <v>0</v>
      </c>
      <c r="FD12" s="331">
        <v>0</v>
      </c>
      <c r="FE12" s="326">
        <v>0</v>
      </c>
      <c r="FF12" s="326">
        <v>0</v>
      </c>
      <c r="FG12" s="326">
        <v>0</v>
      </c>
      <c r="FH12" s="326">
        <v>0</v>
      </c>
      <c r="FI12" s="326">
        <v>0</v>
      </c>
      <c r="FJ12" s="327">
        <v>0</v>
      </c>
      <c r="FK12" s="329">
        <v>0</v>
      </c>
      <c r="FL12" s="325">
        <v>7798830</v>
      </c>
      <c r="FM12" s="326">
        <v>24356568</v>
      </c>
      <c r="FN12" s="327">
        <v>32155398</v>
      </c>
      <c r="FO12" s="325">
        <v>0</v>
      </c>
      <c r="FP12" s="326">
        <v>19672602</v>
      </c>
      <c r="FQ12" s="326">
        <v>57705009</v>
      </c>
      <c r="FR12" s="326">
        <v>43551768</v>
      </c>
      <c r="FS12" s="326">
        <v>36397398</v>
      </c>
      <c r="FT12" s="326">
        <v>23302642</v>
      </c>
      <c r="FU12" s="327">
        <v>180629419</v>
      </c>
      <c r="FV12" s="329">
        <v>212784817</v>
      </c>
      <c r="FW12" s="332">
        <v>4964012</v>
      </c>
      <c r="FX12" s="326">
        <v>18523053</v>
      </c>
      <c r="FY12" s="330">
        <v>23487065</v>
      </c>
      <c r="FZ12" s="331">
        <v>0</v>
      </c>
      <c r="GA12" s="326">
        <v>16242988</v>
      </c>
      <c r="GB12" s="326">
        <v>53950047</v>
      </c>
      <c r="GC12" s="326">
        <v>40517689</v>
      </c>
      <c r="GD12" s="326">
        <v>34058705</v>
      </c>
      <c r="GE12" s="326">
        <v>22018623</v>
      </c>
      <c r="GF12" s="327">
        <v>166788052</v>
      </c>
      <c r="GG12" s="333">
        <v>190275117</v>
      </c>
      <c r="GH12" s="332">
        <v>429502</v>
      </c>
      <c r="GI12" s="326">
        <v>1091634</v>
      </c>
      <c r="GJ12" s="330">
        <v>1521136</v>
      </c>
      <c r="GK12" s="331">
        <v>0</v>
      </c>
      <c r="GL12" s="326">
        <v>1170866</v>
      </c>
      <c r="GM12" s="326">
        <v>1513577</v>
      </c>
      <c r="GN12" s="326">
        <v>1361484</v>
      </c>
      <c r="GO12" s="326">
        <v>831490</v>
      </c>
      <c r="GP12" s="326">
        <v>627307</v>
      </c>
      <c r="GQ12" s="327">
        <v>5504724</v>
      </c>
      <c r="GR12" s="329">
        <v>7025860</v>
      </c>
      <c r="GS12" s="325">
        <v>2405316</v>
      </c>
      <c r="GT12" s="326">
        <v>4741881</v>
      </c>
      <c r="GU12" s="327">
        <v>7147197</v>
      </c>
      <c r="GV12" s="325">
        <v>0</v>
      </c>
      <c r="GW12" s="326">
        <v>2258748</v>
      </c>
      <c r="GX12" s="326">
        <v>2241385</v>
      </c>
      <c r="GY12" s="326">
        <v>1672595</v>
      </c>
      <c r="GZ12" s="326">
        <v>1507203</v>
      </c>
      <c r="HA12" s="326">
        <v>656712</v>
      </c>
      <c r="HB12" s="330">
        <v>8336643</v>
      </c>
      <c r="HC12" s="329">
        <v>15483840</v>
      </c>
      <c r="HD12" s="325">
        <v>6693127</v>
      </c>
      <c r="HE12" s="326">
        <v>11070665</v>
      </c>
      <c r="HF12" s="330">
        <v>17763792</v>
      </c>
      <c r="HG12" s="331">
        <v>0</v>
      </c>
      <c r="HH12" s="326">
        <v>59409731</v>
      </c>
      <c r="HI12" s="326">
        <v>53558415</v>
      </c>
      <c r="HJ12" s="326">
        <v>61743333</v>
      </c>
      <c r="HK12" s="326">
        <v>75239747</v>
      </c>
      <c r="HL12" s="326">
        <v>41593926</v>
      </c>
      <c r="HM12" s="327">
        <v>291545152</v>
      </c>
      <c r="HN12" s="328">
        <v>309308944</v>
      </c>
      <c r="HO12" s="332">
        <v>5142532</v>
      </c>
      <c r="HP12" s="326">
        <v>13510850</v>
      </c>
      <c r="HQ12" s="327">
        <v>18653382</v>
      </c>
      <c r="HR12" s="325">
        <v>0</v>
      </c>
      <c r="HS12" s="326">
        <v>58662461</v>
      </c>
      <c r="HT12" s="326">
        <v>76479391</v>
      </c>
      <c r="HU12" s="326">
        <v>53018592</v>
      </c>
      <c r="HV12" s="326">
        <v>34295956</v>
      </c>
      <c r="HW12" s="326">
        <v>18447668</v>
      </c>
      <c r="HX12" s="330">
        <v>240904068</v>
      </c>
      <c r="HY12" s="329">
        <v>259557450</v>
      </c>
      <c r="HZ12" s="334">
        <v>831477</v>
      </c>
      <c r="IA12" s="335">
        <v>2854399</v>
      </c>
      <c r="IB12" s="336">
        <v>3685876</v>
      </c>
      <c r="IC12" s="354">
        <v>0</v>
      </c>
      <c r="ID12" s="355">
        <v>117733050</v>
      </c>
      <c r="IE12" s="356">
        <v>183132718</v>
      </c>
      <c r="IF12" s="357">
        <v>220668242</v>
      </c>
      <c r="IG12" s="355">
        <v>144000875</v>
      </c>
      <c r="IH12" s="357">
        <v>89015639</v>
      </c>
      <c r="II12" s="358">
        <v>754550524</v>
      </c>
      <c r="IJ12" s="340">
        <v>758236400</v>
      </c>
      <c r="IK12" s="341">
        <v>0</v>
      </c>
      <c r="IL12" s="342">
        <v>0</v>
      </c>
      <c r="IM12" s="343">
        <v>0</v>
      </c>
      <c r="IN12" s="403">
        <v>0</v>
      </c>
      <c r="IO12" s="344">
        <v>1721485</v>
      </c>
      <c r="IP12" s="344">
        <v>4734844</v>
      </c>
      <c r="IQ12" s="344">
        <v>5406679</v>
      </c>
      <c r="IR12" s="344">
        <v>7795369</v>
      </c>
      <c r="IS12" s="344">
        <v>8773762</v>
      </c>
      <c r="IT12" s="345">
        <v>28432139</v>
      </c>
      <c r="IU12" s="346">
        <v>28432139</v>
      </c>
      <c r="IV12" s="347">
        <v>0</v>
      </c>
      <c r="IW12" s="344">
        <v>0</v>
      </c>
      <c r="IX12" s="348">
        <v>0</v>
      </c>
      <c r="IY12" s="412">
        <v>0</v>
      </c>
      <c r="IZ12" s="344">
        <v>0</v>
      </c>
      <c r="JA12" s="344">
        <v>0</v>
      </c>
      <c r="JB12" s="344">
        <v>0</v>
      </c>
      <c r="JC12" s="344">
        <v>0</v>
      </c>
      <c r="JD12" s="344">
        <v>0</v>
      </c>
      <c r="JE12" s="348">
        <v>0</v>
      </c>
      <c r="JF12" s="349">
        <v>0</v>
      </c>
      <c r="JG12" s="347">
        <v>0</v>
      </c>
      <c r="JH12" s="344">
        <v>0</v>
      </c>
      <c r="JI12" s="345">
        <v>0</v>
      </c>
      <c r="JJ12" s="350">
        <v>0</v>
      </c>
      <c r="JK12" s="344">
        <v>45460589</v>
      </c>
      <c r="JL12" s="344">
        <v>66063763</v>
      </c>
      <c r="JM12" s="344">
        <v>51795177</v>
      </c>
      <c r="JN12" s="344">
        <v>28887822</v>
      </c>
      <c r="JO12" s="344">
        <v>15671712</v>
      </c>
      <c r="JP12" s="348">
        <v>207879063</v>
      </c>
      <c r="JQ12" s="346">
        <v>207879063</v>
      </c>
      <c r="JR12" s="347">
        <v>0</v>
      </c>
      <c r="JS12" s="344">
        <v>0</v>
      </c>
      <c r="JT12" s="345">
        <v>0</v>
      </c>
      <c r="JU12" s="350">
        <v>0</v>
      </c>
      <c r="JV12" s="344">
        <v>1036217</v>
      </c>
      <c r="JW12" s="344">
        <v>2311018</v>
      </c>
      <c r="JX12" s="344">
        <v>5398211</v>
      </c>
      <c r="JY12" s="344">
        <v>2859927</v>
      </c>
      <c r="JZ12" s="344">
        <v>3294900</v>
      </c>
      <c r="KA12" s="348">
        <v>14900273</v>
      </c>
      <c r="KB12" s="346">
        <v>14900273</v>
      </c>
      <c r="KC12" s="351">
        <v>831477</v>
      </c>
      <c r="KD12" s="352">
        <v>2362941</v>
      </c>
      <c r="KE12" s="348">
        <v>3194418</v>
      </c>
      <c r="KF12" s="350">
        <v>0</v>
      </c>
      <c r="KG12" s="344">
        <v>16886433</v>
      </c>
      <c r="KH12" s="344">
        <v>28257133</v>
      </c>
      <c r="KI12" s="344">
        <v>31900399</v>
      </c>
      <c r="KJ12" s="344">
        <v>23403840</v>
      </c>
      <c r="KK12" s="344">
        <v>11053608</v>
      </c>
      <c r="KL12" s="348">
        <v>111501413</v>
      </c>
      <c r="KM12" s="353">
        <v>114695831</v>
      </c>
      <c r="KN12" s="341">
        <v>0</v>
      </c>
      <c r="KO12" s="342">
        <v>491458</v>
      </c>
      <c r="KP12" s="343">
        <v>491458</v>
      </c>
      <c r="KQ12" s="412">
        <v>0</v>
      </c>
      <c r="KR12" s="344">
        <v>50261903</v>
      </c>
      <c r="KS12" s="344">
        <v>76959188</v>
      </c>
      <c r="KT12" s="344">
        <v>114423187</v>
      </c>
      <c r="KU12" s="344">
        <v>57162981</v>
      </c>
      <c r="KV12" s="344">
        <v>35442903</v>
      </c>
      <c r="KW12" s="348">
        <v>334250162</v>
      </c>
      <c r="KX12" s="346">
        <v>334741620</v>
      </c>
      <c r="KY12" s="347">
        <v>0</v>
      </c>
      <c r="KZ12" s="344">
        <v>0</v>
      </c>
      <c r="LA12" s="348">
        <v>0</v>
      </c>
      <c r="LB12" s="412">
        <v>0</v>
      </c>
      <c r="LC12" s="344">
        <v>0</v>
      </c>
      <c r="LD12" s="344">
        <v>0</v>
      </c>
      <c r="LE12" s="344">
        <v>0</v>
      </c>
      <c r="LF12" s="344">
        <v>0</v>
      </c>
      <c r="LG12" s="344">
        <v>0</v>
      </c>
      <c r="LH12" s="348">
        <v>0</v>
      </c>
      <c r="LI12" s="349">
        <v>0</v>
      </c>
      <c r="LJ12" s="347">
        <v>0</v>
      </c>
      <c r="LK12" s="344">
        <v>0</v>
      </c>
      <c r="LL12" s="348">
        <v>0</v>
      </c>
      <c r="LM12" s="412">
        <v>0</v>
      </c>
      <c r="LN12" s="344">
        <v>0</v>
      </c>
      <c r="LO12" s="344">
        <v>0</v>
      </c>
      <c r="LP12" s="344">
        <v>2371190</v>
      </c>
      <c r="LQ12" s="344">
        <v>9213835</v>
      </c>
      <c r="LR12" s="344">
        <v>3376309</v>
      </c>
      <c r="LS12" s="348">
        <v>14961334</v>
      </c>
      <c r="LT12" s="346">
        <v>14961334</v>
      </c>
      <c r="LU12" s="347">
        <v>0</v>
      </c>
      <c r="LV12" s="344">
        <v>0</v>
      </c>
      <c r="LW12" s="348">
        <v>0</v>
      </c>
      <c r="LX12" s="412">
        <v>0</v>
      </c>
      <c r="LY12" s="344">
        <v>2366423</v>
      </c>
      <c r="LZ12" s="344">
        <v>4806772</v>
      </c>
      <c r="MA12" s="344">
        <v>9373399</v>
      </c>
      <c r="MB12" s="344">
        <v>14677101</v>
      </c>
      <c r="MC12" s="344">
        <v>11402445</v>
      </c>
      <c r="MD12" s="348">
        <v>42626140</v>
      </c>
      <c r="ME12" s="349">
        <v>42626140</v>
      </c>
      <c r="MF12" s="347">
        <v>0</v>
      </c>
      <c r="MG12" s="344">
        <v>0</v>
      </c>
      <c r="MH12" s="348">
        <v>0</v>
      </c>
      <c r="MI12" s="412">
        <v>0</v>
      </c>
      <c r="MJ12" s="344">
        <v>17820370</v>
      </c>
      <c r="MK12" s="344">
        <v>67708960</v>
      </c>
      <c r="ML12" s="344">
        <v>325976943</v>
      </c>
      <c r="MM12" s="344">
        <v>525597244</v>
      </c>
      <c r="MN12" s="344">
        <v>357857713</v>
      </c>
      <c r="MO12" s="348">
        <v>1294961230</v>
      </c>
      <c r="MP12" s="353">
        <v>1294961230</v>
      </c>
      <c r="MQ12" s="347">
        <v>0</v>
      </c>
      <c r="MR12" s="344">
        <v>0</v>
      </c>
      <c r="MS12" s="348">
        <v>0</v>
      </c>
      <c r="MT12" s="412">
        <v>0</v>
      </c>
      <c r="MU12" s="344">
        <v>2007201</v>
      </c>
      <c r="MV12" s="344">
        <v>9029201</v>
      </c>
      <c r="MW12" s="344">
        <v>226070359</v>
      </c>
      <c r="MX12" s="344">
        <v>363558423</v>
      </c>
      <c r="MY12" s="344">
        <v>251836923</v>
      </c>
      <c r="MZ12" s="348">
        <v>852502107</v>
      </c>
      <c r="NA12" s="353">
        <v>852502107</v>
      </c>
      <c r="NB12" s="347">
        <v>0</v>
      </c>
      <c r="NC12" s="344">
        <v>0</v>
      </c>
      <c r="ND12" s="348">
        <v>0</v>
      </c>
      <c r="NE12" s="412">
        <v>0</v>
      </c>
      <c r="NF12" s="344">
        <v>15813169</v>
      </c>
      <c r="NG12" s="344">
        <v>58679759</v>
      </c>
      <c r="NH12" s="344">
        <v>95005118</v>
      </c>
      <c r="NI12" s="344">
        <v>126155296</v>
      </c>
      <c r="NJ12" s="344">
        <v>64423210</v>
      </c>
      <c r="NK12" s="348">
        <v>360076552</v>
      </c>
      <c r="NL12" s="346">
        <v>360076552</v>
      </c>
      <c r="NM12" s="347">
        <v>0</v>
      </c>
      <c r="NN12" s="344">
        <v>0</v>
      </c>
      <c r="NO12" s="348">
        <v>0</v>
      </c>
      <c r="NP12" s="412">
        <v>0</v>
      </c>
      <c r="NQ12" s="344">
        <v>0</v>
      </c>
      <c r="NR12" s="344">
        <v>0</v>
      </c>
      <c r="NS12" s="344">
        <v>627140</v>
      </c>
      <c r="NT12" s="344">
        <v>6227962</v>
      </c>
      <c r="NU12" s="344">
        <v>7447118</v>
      </c>
      <c r="NV12" s="348">
        <v>14302220</v>
      </c>
      <c r="NW12" s="349">
        <v>14302220</v>
      </c>
      <c r="NX12" s="347">
        <v>0</v>
      </c>
      <c r="NY12" s="344">
        <v>0</v>
      </c>
      <c r="NZ12" s="348">
        <v>0</v>
      </c>
      <c r="OA12" s="412">
        <v>0</v>
      </c>
      <c r="OB12" s="344">
        <v>0</v>
      </c>
      <c r="OC12" s="344">
        <v>0</v>
      </c>
      <c r="OD12" s="344">
        <v>4274326</v>
      </c>
      <c r="OE12" s="344">
        <v>29655563</v>
      </c>
      <c r="OF12" s="344">
        <v>34150462</v>
      </c>
      <c r="OG12" s="348">
        <v>68080351</v>
      </c>
      <c r="OH12" s="349">
        <v>68080351</v>
      </c>
      <c r="OI12" s="347">
        <v>27347362</v>
      </c>
      <c r="OJ12" s="344">
        <v>77922216</v>
      </c>
      <c r="OK12" s="345">
        <v>105269578</v>
      </c>
      <c r="OL12" s="350">
        <v>0</v>
      </c>
      <c r="OM12" s="344">
        <v>474849166</v>
      </c>
      <c r="ON12" s="344">
        <v>805616380</v>
      </c>
      <c r="OO12" s="344">
        <v>1061630327</v>
      </c>
      <c r="OP12" s="344">
        <v>1119292380</v>
      </c>
      <c r="OQ12" s="344">
        <v>744049797</v>
      </c>
      <c r="OR12" s="348">
        <v>4205438050</v>
      </c>
      <c r="OS12" s="353">
        <v>4310707628</v>
      </c>
    </row>
    <row r="13" spans="1:409" s="70" customFormat="1" ht="21" customHeight="1" x14ac:dyDescent="0.2">
      <c r="B13" s="409" t="s">
        <v>7</v>
      </c>
      <c r="C13" s="325">
        <v>16333806</v>
      </c>
      <c r="D13" s="326">
        <v>21164820</v>
      </c>
      <c r="E13" s="327">
        <v>37498626</v>
      </c>
      <c r="F13" s="328">
        <v>0</v>
      </c>
      <c r="G13" s="326">
        <v>376759639</v>
      </c>
      <c r="H13" s="326">
        <v>346833925</v>
      </c>
      <c r="I13" s="326">
        <v>276144000</v>
      </c>
      <c r="J13" s="326">
        <v>297694911</v>
      </c>
      <c r="K13" s="326">
        <v>198570896</v>
      </c>
      <c r="L13" s="328">
        <v>1496003371</v>
      </c>
      <c r="M13" s="329">
        <v>1533501997</v>
      </c>
      <c r="N13" s="325">
        <v>2575018</v>
      </c>
      <c r="O13" s="326">
        <v>2624630</v>
      </c>
      <c r="P13" s="327">
        <v>5199648</v>
      </c>
      <c r="Q13" s="325">
        <v>0</v>
      </c>
      <c r="R13" s="326">
        <v>92418191</v>
      </c>
      <c r="S13" s="326">
        <v>99416265</v>
      </c>
      <c r="T13" s="326">
        <v>89615742</v>
      </c>
      <c r="U13" s="326">
        <v>129043492</v>
      </c>
      <c r="V13" s="326">
        <v>104320925</v>
      </c>
      <c r="W13" s="327">
        <v>514814615</v>
      </c>
      <c r="X13" s="329">
        <v>520014263</v>
      </c>
      <c r="Y13" s="325">
        <v>0</v>
      </c>
      <c r="Z13" s="326">
        <v>0</v>
      </c>
      <c r="AA13" s="327">
        <v>0</v>
      </c>
      <c r="AB13" s="325">
        <v>0</v>
      </c>
      <c r="AC13" s="326">
        <v>49179939</v>
      </c>
      <c r="AD13" s="326">
        <v>54341578</v>
      </c>
      <c r="AE13" s="326">
        <v>56310004</v>
      </c>
      <c r="AF13" s="326">
        <v>85049510</v>
      </c>
      <c r="AG13" s="326">
        <v>61734640</v>
      </c>
      <c r="AH13" s="327">
        <v>306615671</v>
      </c>
      <c r="AI13" s="329">
        <v>306615671</v>
      </c>
      <c r="AJ13" s="325">
        <v>0</v>
      </c>
      <c r="AK13" s="326">
        <v>0</v>
      </c>
      <c r="AL13" s="327">
        <v>0</v>
      </c>
      <c r="AM13" s="325">
        <v>0</v>
      </c>
      <c r="AN13" s="326">
        <v>564818</v>
      </c>
      <c r="AO13" s="326">
        <v>2214263</v>
      </c>
      <c r="AP13" s="326">
        <v>2925655</v>
      </c>
      <c r="AQ13" s="326">
        <v>9475905</v>
      </c>
      <c r="AR13" s="326">
        <v>12953123</v>
      </c>
      <c r="AS13" s="327">
        <v>28133764</v>
      </c>
      <c r="AT13" s="329">
        <v>28133764</v>
      </c>
      <c r="AU13" s="325">
        <v>806351</v>
      </c>
      <c r="AV13" s="326">
        <v>1300436</v>
      </c>
      <c r="AW13" s="327">
        <v>2106787</v>
      </c>
      <c r="AX13" s="325">
        <v>0</v>
      </c>
      <c r="AY13" s="326">
        <v>23766779</v>
      </c>
      <c r="AZ13" s="326">
        <v>24257827</v>
      </c>
      <c r="BA13" s="326">
        <v>15387324</v>
      </c>
      <c r="BB13" s="326">
        <v>17732491</v>
      </c>
      <c r="BC13" s="326">
        <v>19271416</v>
      </c>
      <c r="BD13" s="327">
        <v>100415837</v>
      </c>
      <c r="BE13" s="329">
        <v>102522624</v>
      </c>
      <c r="BF13" s="325">
        <v>90896</v>
      </c>
      <c r="BG13" s="326">
        <v>228292</v>
      </c>
      <c r="BH13" s="330">
        <v>319188</v>
      </c>
      <c r="BI13" s="331">
        <v>0</v>
      </c>
      <c r="BJ13" s="326">
        <v>2776260</v>
      </c>
      <c r="BK13" s="326">
        <v>3148130</v>
      </c>
      <c r="BL13" s="326">
        <v>1869376</v>
      </c>
      <c r="BM13" s="326">
        <v>2049229</v>
      </c>
      <c r="BN13" s="326">
        <v>1055116</v>
      </c>
      <c r="BO13" s="327">
        <v>10898111</v>
      </c>
      <c r="BP13" s="329">
        <v>11217299</v>
      </c>
      <c r="BQ13" s="325">
        <v>1677771</v>
      </c>
      <c r="BR13" s="326">
        <v>1095902</v>
      </c>
      <c r="BS13" s="327">
        <v>2773673</v>
      </c>
      <c r="BT13" s="325">
        <v>0</v>
      </c>
      <c r="BU13" s="326">
        <v>16130395</v>
      </c>
      <c r="BV13" s="326">
        <v>15454467</v>
      </c>
      <c r="BW13" s="326">
        <v>13123383</v>
      </c>
      <c r="BX13" s="326">
        <v>14736357</v>
      </c>
      <c r="BY13" s="326">
        <v>9306630</v>
      </c>
      <c r="BZ13" s="327">
        <v>68751232</v>
      </c>
      <c r="CA13" s="329">
        <v>71524905</v>
      </c>
      <c r="CB13" s="325">
        <v>1225953</v>
      </c>
      <c r="CC13" s="326">
        <v>2878631</v>
      </c>
      <c r="CD13" s="327">
        <v>4104584</v>
      </c>
      <c r="CE13" s="325">
        <v>0</v>
      </c>
      <c r="CF13" s="326">
        <v>106583410</v>
      </c>
      <c r="CG13" s="326">
        <v>90827489</v>
      </c>
      <c r="CH13" s="326">
        <v>55333820</v>
      </c>
      <c r="CI13" s="326">
        <v>33813292</v>
      </c>
      <c r="CJ13" s="326">
        <v>17436554</v>
      </c>
      <c r="CK13" s="327">
        <v>303994565</v>
      </c>
      <c r="CL13" s="329">
        <v>308099149</v>
      </c>
      <c r="CM13" s="325">
        <v>0</v>
      </c>
      <c r="CN13" s="326">
        <v>0</v>
      </c>
      <c r="CO13" s="327">
        <v>0</v>
      </c>
      <c r="CP13" s="331">
        <v>0</v>
      </c>
      <c r="CQ13" s="326">
        <v>90928142</v>
      </c>
      <c r="CR13" s="326">
        <v>75254321</v>
      </c>
      <c r="CS13" s="326">
        <v>45213193</v>
      </c>
      <c r="CT13" s="326">
        <v>27647686</v>
      </c>
      <c r="CU13" s="326">
        <v>15113502</v>
      </c>
      <c r="CV13" s="327">
        <v>254156844</v>
      </c>
      <c r="CW13" s="329">
        <v>254156844</v>
      </c>
      <c r="CX13" s="325">
        <v>1225953</v>
      </c>
      <c r="CY13" s="326">
        <v>2878631</v>
      </c>
      <c r="CZ13" s="327">
        <v>4104584</v>
      </c>
      <c r="DA13" s="325">
        <v>0</v>
      </c>
      <c r="DB13" s="326">
        <v>15655268</v>
      </c>
      <c r="DC13" s="326">
        <v>15573168</v>
      </c>
      <c r="DD13" s="326">
        <v>10120627</v>
      </c>
      <c r="DE13" s="326">
        <v>6165606</v>
      </c>
      <c r="DF13" s="326">
        <v>2323052</v>
      </c>
      <c r="DG13" s="327">
        <v>49837721</v>
      </c>
      <c r="DH13" s="329">
        <v>53942305</v>
      </c>
      <c r="DI13" s="325">
        <v>13938</v>
      </c>
      <c r="DJ13" s="326">
        <v>35292</v>
      </c>
      <c r="DK13" s="330">
        <v>49230</v>
      </c>
      <c r="DL13" s="331">
        <v>0</v>
      </c>
      <c r="DM13" s="326">
        <v>13625161</v>
      </c>
      <c r="DN13" s="326">
        <v>21554094</v>
      </c>
      <c r="DO13" s="326">
        <v>28244642</v>
      </c>
      <c r="DP13" s="326">
        <v>24734384</v>
      </c>
      <c r="DQ13" s="326">
        <v>11902466</v>
      </c>
      <c r="DR13" s="327">
        <v>100060747</v>
      </c>
      <c r="DS13" s="329">
        <v>100109977</v>
      </c>
      <c r="DT13" s="325">
        <v>13938</v>
      </c>
      <c r="DU13" s="326">
        <v>35292</v>
      </c>
      <c r="DV13" s="327">
        <v>49230</v>
      </c>
      <c r="DW13" s="325">
        <v>0</v>
      </c>
      <c r="DX13" s="326">
        <v>12471219</v>
      </c>
      <c r="DY13" s="326">
        <v>20307193</v>
      </c>
      <c r="DZ13" s="326">
        <v>26178331</v>
      </c>
      <c r="EA13" s="326">
        <v>23279573</v>
      </c>
      <c r="EB13" s="326">
        <v>10992145</v>
      </c>
      <c r="EC13" s="327">
        <v>93228461</v>
      </c>
      <c r="ED13" s="329">
        <v>93277691</v>
      </c>
      <c r="EE13" s="325">
        <v>0</v>
      </c>
      <c r="EF13" s="330">
        <v>0</v>
      </c>
      <c r="EG13" s="327">
        <v>0</v>
      </c>
      <c r="EH13" s="325">
        <v>0</v>
      </c>
      <c r="EI13" s="326">
        <v>1153942</v>
      </c>
      <c r="EJ13" s="326">
        <v>1246901</v>
      </c>
      <c r="EK13" s="326">
        <v>2066311</v>
      </c>
      <c r="EL13" s="326">
        <v>1454811</v>
      </c>
      <c r="EM13" s="326">
        <v>910321</v>
      </c>
      <c r="EN13" s="330">
        <v>6832286</v>
      </c>
      <c r="EO13" s="329">
        <v>6832286</v>
      </c>
      <c r="EP13" s="325">
        <v>0</v>
      </c>
      <c r="EQ13" s="326">
        <v>0</v>
      </c>
      <c r="ER13" s="330">
        <v>0</v>
      </c>
      <c r="ES13" s="331">
        <v>0</v>
      </c>
      <c r="ET13" s="326">
        <v>0</v>
      </c>
      <c r="EU13" s="326">
        <v>0</v>
      </c>
      <c r="EV13" s="326">
        <v>0</v>
      </c>
      <c r="EW13" s="326">
        <v>0</v>
      </c>
      <c r="EX13" s="326">
        <v>0</v>
      </c>
      <c r="EY13" s="327">
        <v>0</v>
      </c>
      <c r="EZ13" s="329">
        <v>0</v>
      </c>
      <c r="FA13" s="325">
        <v>0</v>
      </c>
      <c r="FB13" s="326">
        <v>0</v>
      </c>
      <c r="FC13" s="330">
        <v>0</v>
      </c>
      <c r="FD13" s="331">
        <v>0</v>
      </c>
      <c r="FE13" s="326">
        <v>0</v>
      </c>
      <c r="FF13" s="326">
        <v>0</v>
      </c>
      <c r="FG13" s="326">
        <v>0</v>
      </c>
      <c r="FH13" s="326">
        <v>0</v>
      </c>
      <c r="FI13" s="326">
        <v>0</v>
      </c>
      <c r="FJ13" s="327">
        <v>0</v>
      </c>
      <c r="FK13" s="329">
        <v>0</v>
      </c>
      <c r="FL13" s="325">
        <v>4309878</v>
      </c>
      <c r="FM13" s="326">
        <v>6437512</v>
      </c>
      <c r="FN13" s="327">
        <v>10747390</v>
      </c>
      <c r="FO13" s="325">
        <v>0</v>
      </c>
      <c r="FP13" s="326">
        <v>19689719</v>
      </c>
      <c r="FQ13" s="326">
        <v>32620583</v>
      </c>
      <c r="FR13" s="326">
        <v>20309313</v>
      </c>
      <c r="FS13" s="326">
        <v>19553806</v>
      </c>
      <c r="FT13" s="326">
        <v>13252445</v>
      </c>
      <c r="FU13" s="327">
        <v>105425866</v>
      </c>
      <c r="FV13" s="329">
        <v>116173256</v>
      </c>
      <c r="FW13" s="332">
        <v>1767002</v>
      </c>
      <c r="FX13" s="326">
        <v>3865768</v>
      </c>
      <c r="FY13" s="330">
        <v>5632770</v>
      </c>
      <c r="FZ13" s="331">
        <v>0</v>
      </c>
      <c r="GA13" s="326">
        <v>13198578</v>
      </c>
      <c r="GB13" s="326">
        <v>29593741</v>
      </c>
      <c r="GC13" s="326">
        <v>18566944</v>
      </c>
      <c r="GD13" s="326">
        <v>18170946</v>
      </c>
      <c r="GE13" s="326">
        <v>12737960</v>
      </c>
      <c r="GF13" s="327">
        <v>92268169</v>
      </c>
      <c r="GG13" s="333">
        <v>97900939</v>
      </c>
      <c r="GH13" s="332">
        <v>408996</v>
      </c>
      <c r="GI13" s="326">
        <v>351954</v>
      </c>
      <c r="GJ13" s="330">
        <v>760950</v>
      </c>
      <c r="GK13" s="331">
        <v>0</v>
      </c>
      <c r="GL13" s="326">
        <v>1216580</v>
      </c>
      <c r="GM13" s="326">
        <v>779173</v>
      </c>
      <c r="GN13" s="326">
        <v>535993</v>
      </c>
      <c r="GO13" s="326">
        <v>621760</v>
      </c>
      <c r="GP13" s="326">
        <v>197075</v>
      </c>
      <c r="GQ13" s="327">
        <v>3350581</v>
      </c>
      <c r="GR13" s="329">
        <v>4111531</v>
      </c>
      <c r="GS13" s="325">
        <v>2133880</v>
      </c>
      <c r="GT13" s="326">
        <v>2219790</v>
      </c>
      <c r="GU13" s="327">
        <v>4353670</v>
      </c>
      <c r="GV13" s="325">
        <v>0</v>
      </c>
      <c r="GW13" s="326">
        <v>5274561</v>
      </c>
      <c r="GX13" s="326">
        <v>2247669</v>
      </c>
      <c r="GY13" s="326">
        <v>1206376</v>
      </c>
      <c r="GZ13" s="326">
        <v>761100</v>
      </c>
      <c r="HA13" s="326">
        <v>317410</v>
      </c>
      <c r="HB13" s="330">
        <v>9807116</v>
      </c>
      <c r="HC13" s="329">
        <v>14160786</v>
      </c>
      <c r="HD13" s="325">
        <v>5754549</v>
      </c>
      <c r="HE13" s="326">
        <v>4790228</v>
      </c>
      <c r="HF13" s="330">
        <v>10544777</v>
      </c>
      <c r="HG13" s="331">
        <v>0</v>
      </c>
      <c r="HH13" s="326">
        <v>75986125</v>
      </c>
      <c r="HI13" s="326">
        <v>56528632</v>
      </c>
      <c r="HJ13" s="326">
        <v>55656160</v>
      </c>
      <c r="HK13" s="326">
        <v>70184951</v>
      </c>
      <c r="HL13" s="326">
        <v>40133533</v>
      </c>
      <c r="HM13" s="327">
        <v>298489401</v>
      </c>
      <c r="HN13" s="328">
        <v>309034178</v>
      </c>
      <c r="HO13" s="332">
        <v>2454470</v>
      </c>
      <c r="HP13" s="326">
        <v>4398527</v>
      </c>
      <c r="HQ13" s="327">
        <v>6852997</v>
      </c>
      <c r="HR13" s="325">
        <v>0</v>
      </c>
      <c r="HS13" s="326">
        <v>68457033</v>
      </c>
      <c r="HT13" s="326">
        <v>45886862</v>
      </c>
      <c r="HU13" s="326">
        <v>26984323</v>
      </c>
      <c r="HV13" s="326">
        <v>20364986</v>
      </c>
      <c r="HW13" s="326">
        <v>11524973</v>
      </c>
      <c r="HX13" s="330">
        <v>173218177</v>
      </c>
      <c r="HY13" s="329">
        <v>180071174</v>
      </c>
      <c r="HZ13" s="334">
        <v>186050</v>
      </c>
      <c r="IA13" s="335">
        <v>259549</v>
      </c>
      <c r="IB13" s="336">
        <v>445599</v>
      </c>
      <c r="IC13" s="337">
        <v>0</v>
      </c>
      <c r="ID13" s="335">
        <v>100703169</v>
      </c>
      <c r="IE13" s="338">
        <v>102432253</v>
      </c>
      <c r="IF13" s="336">
        <v>92063147</v>
      </c>
      <c r="IG13" s="335">
        <v>64774500</v>
      </c>
      <c r="IH13" s="336">
        <v>39637974</v>
      </c>
      <c r="II13" s="339">
        <v>399611043</v>
      </c>
      <c r="IJ13" s="340">
        <v>400056642</v>
      </c>
      <c r="IK13" s="341">
        <v>0</v>
      </c>
      <c r="IL13" s="342">
        <v>0</v>
      </c>
      <c r="IM13" s="343">
        <v>0</v>
      </c>
      <c r="IN13" s="403">
        <v>0</v>
      </c>
      <c r="IO13" s="344">
        <v>502004</v>
      </c>
      <c r="IP13" s="344">
        <v>1258384</v>
      </c>
      <c r="IQ13" s="344">
        <v>1439777</v>
      </c>
      <c r="IR13" s="344">
        <v>1684485</v>
      </c>
      <c r="IS13" s="344">
        <v>696663</v>
      </c>
      <c r="IT13" s="345">
        <v>5581313</v>
      </c>
      <c r="IU13" s="346">
        <v>5581313</v>
      </c>
      <c r="IV13" s="347">
        <v>0</v>
      </c>
      <c r="IW13" s="344">
        <v>0</v>
      </c>
      <c r="IX13" s="348">
        <v>0</v>
      </c>
      <c r="IY13" s="412">
        <v>0</v>
      </c>
      <c r="IZ13" s="344">
        <v>0</v>
      </c>
      <c r="JA13" s="344">
        <v>0</v>
      </c>
      <c r="JB13" s="344">
        <v>0</v>
      </c>
      <c r="JC13" s="344">
        <v>0</v>
      </c>
      <c r="JD13" s="344">
        <v>0</v>
      </c>
      <c r="JE13" s="348">
        <v>0</v>
      </c>
      <c r="JF13" s="349">
        <v>0</v>
      </c>
      <c r="JG13" s="347">
        <v>0</v>
      </c>
      <c r="JH13" s="344">
        <v>0</v>
      </c>
      <c r="JI13" s="345">
        <v>0</v>
      </c>
      <c r="JJ13" s="350">
        <v>0</v>
      </c>
      <c r="JK13" s="344">
        <v>51976371</v>
      </c>
      <c r="JL13" s="344">
        <v>42202808</v>
      </c>
      <c r="JM13" s="344">
        <v>23064310</v>
      </c>
      <c r="JN13" s="344">
        <v>11121585</v>
      </c>
      <c r="JO13" s="344">
        <v>6709336</v>
      </c>
      <c r="JP13" s="348">
        <v>135074410</v>
      </c>
      <c r="JQ13" s="346">
        <v>135074410</v>
      </c>
      <c r="JR13" s="347">
        <v>0</v>
      </c>
      <c r="JS13" s="344">
        <v>33687</v>
      </c>
      <c r="JT13" s="345">
        <v>33687</v>
      </c>
      <c r="JU13" s="350">
        <v>0</v>
      </c>
      <c r="JV13" s="344">
        <v>7739738</v>
      </c>
      <c r="JW13" s="344">
        <v>9198739</v>
      </c>
      <c r="JX13" s="344">
        <v>11898119</v>
      </c>
      <c r="JY13" s="344">
        <v>6224609</v>
      </c>
      <c r="JZ13" s="344">
        <v>2768441</v>
      </c>
      <c r="KA13" s="348">
        <v>37829646</v>
      </c>
      <c r="KB13" s="346">
        <v>37863333</v>
      </c>
      <c r="KC13" s="351">
        <v>186050</v>
      </c>
      <c r="KD13" s="352">
        <v>225862</v>
      </c>
      <c r="KE13" s="348">
        <v>411912</v>
      </c>
      <c r="KF13" s="350">
        <v>0</v>
      </c>
      <c r="KG13" s="344">
        <v>5964650</v>
      </c>
      <c r="KH13" s="344">
        <v>6782731</v>
      </c>
      <c r="KI13" s="344">
        <v>9075679</v>
      </c>
      <c r="KJ13" s="344">
        <v>5050559</v>
      </c>
      <c r="KK13" s="344">
        <v>3312885</v>
      </c>
      <c r="KL13" s="348">
        <v>30186504</v>
      </c>
      <c r="KM13" s="353">
        <v>30598416</v>
      </c>
      <c r="KN13" s="341">
        <v>0</v>
      </c>
      <c r="KO13" s="342">
        <v>0</v>
      </c>
      <c r="KP13" s="343">
        <v>0</v>
      </c>
      <c r="KQ13" s="412">
        <v>0</v>
      </c>
      <c r="KR13" s="344">
        <v>32951461</v>
      </c>
      <c r="KS13" s="344">
        <v>40864825</v>
      </c>
      <c r="KT13" s="344">
        <v>44314353</v>
      </c>
      <c r="KU13" s="344">
        <v>36686653</v>
      </c>
      <c r="KV13" s="344">
        <v>18893603</v>
      </c>
      <c r="KW13" s="348">
        <v>173710895</v>
      </c>
      <c r="KX13" s="346">
        <v>173710895</v>
      </c>
      <c r="KY13" s="347">
        <v>0</v>
      </c>
      <c r="KZ13" s="344">
        <v>0</v>
      </c>
      <c r="LA13" s="348">
        <v>0</v>
      </c>
      <c r="LB13" s="412">
        <v>0</v>
      </c>
      <c r="LC13" s="344">
        <v>0</v>
      </c>
      <c r="LD13" s="344">
        <v>0</v>
      </c>
      <c r="LE13" s="344">
        <v>0</v>
      </c>
      <c r="LF13" s="344">
        <v>0</v>
      </c>
      <c r="LG13" s="344">
        <v>0</v>
      </c>
      <c r="LH13" s="348">
        <v>0</v>
      </c>
      <c r="LI13" s="349">
        <v>0</v>
      </c>
      <c r="LJ13" s="347">
        <v>0</v>
      </c>
      <c r="LK13" s="344">
        <v>0</v>
      </c>
      <c r="LL13" s="348">
        <v>0</v>
      </c>
      <c r="LM13" s="412">
        <v>0</v>
      </c>
      <c r="LN13" s="344">
        <v>0</v>
      </c>
      <c r="LO13" s="344">
        <v>0</v>
      </c>
      <c r="LP13" s="344">
        <v>0</v>
      </c>
      <c r="LQ13" s="344">
        <v>0</v>
      </c>
      <c r="LR13" s="344">
        <v>0</v>
      </c>
      <c r="LS13" s="348">
        <v>0</v>
      </c>
      <c r="LT13" s="346">
        <v>0</v>
      </c>
      <c r="LU13" s="347">
        <v>0</v>
      </c>
      <c r="LV13" s="344">
        <v>0</v>
      </c>
      <c r="LW13" s="348">
        <v>0</v>
      </c>
      <c r="LX13" s="412">
        <v>0</v>
      </c>
      <c r="LY13" s="344">
        <v>1568945</v>
      </c>
      <c r="LZ13" s="344">
        <v>2124766</v>
      </c>
      <c r="MA13" s="344">
        <v>2270909</v>
      </c>
      <c r="MB13" s="344">
        <v>4006609</v>
      </c>
      <c r="MC13" s="344">
        <v>7257046</v>
      </c>
      <c r="MD13" s="348">
        <v>17228275</v>
      </c>
      <c r="ME13" s="349">
        <v>17228275</v>
      </c>
      <c r="MF13" s="347">
        <v>0</v>
      </c>
      <c r="MG13" s="344">
        <v>0</v>
      </c>
      <c r="MH13" s="348">
        <v>0</v>
      </c>
      <c r="MI13" s="412">
        <v>0</v>
      </c>
      <c r="MJ13" s="344">
        <v>46956639</v>
      </c>
      <c r="MK13" s="344">
        <v>74520234</v>
      </c>
      <c r="ML13" s="344">
        <v>245666286</v>
      </c>
      <c r="MM13" s="344">
        <v>355081320</v>
      </c>
      <c r="MN13" s="344">
        <v>200738364</v>
      </c>
      <c r="MO13" s="348">
        <v>922962843</v>
      </c>
      <c r="MP13" s="353">
        <v>922962843</v>
      </c>
      <c r="MQ13" s="347">
        <v>0</v>
      </c>
      <c r="MR13" s="344">
        <v>0</v>
      </c>
      <c r="MS13" s="348">
        <v>0</v>
      </c>
      <c r="MT13" s="412">
        <v>0</v>
      </c>
      <c r="MU13" s="344">
        <v>5774079</v>
      </c>
      <c r="MV13" s="344">
        <v>11155558</v>
      </c>
      <c r="MW13" s="344">
        <v>160862287</v>
      </c>
      <c r="MX13" s="344">
        <v>249382659</v>
      </c>
      <c r="MY13" s="344">
        <v>162597606</v>
      </c>
      <c r="MZ13" s="348">
        <v>589772189</v>
      </c>
      <c r="NA13" s="353">
        <v>589772189</v>
      </c>
      <c r="NB13" s="347">
        <v>0</v>
      </c>
      <c r="NC13" s="344">
        <v>0</v>
      </c>
      <c r="ND13" s="348">
        <v>0</v>
      </c>
      <c r="NE13" s="412">
        <v>0</v>
      </c>
      <c r="NF13" s="344">
        <v>41182560</v>
      </c>
      <c r="NG13" s="344">
        <v>63364676</v>
      </c>
      <c r="NH13" s="344">
        <v>84450371</v>
      </c>
      <c r="NI13" s="344">
        <v>103679471</v>
      </c>
      <c r="NJ13" s="344">
        <v>37406484</v>
      </c>
      <c r="NK13" s="348">
        <v>330083562</v>
      </c>
      <c r="NL13" s="346">
        <v>330083562</v>
      </c>
      <c r="NM13" s="347">
        <v>0</v>
      </c>
      <c r="NN13" s="344">
        <v>0</v>
      </c>
      <c r="NO13" s="348">
        <v>0</v>
      </c>
      <c r="NP13" s="412">
        <v>0</v>
      </c>
      <c r="NQ13" s="344">
        <v>0</v>
      </c>
      <c r="NR13" s="344">
        <v>0</v>
      </c>
      <c r="NS13" s="344">
        <v>0</v>
      </c>
      <c r="NT13" s="344">
        <v>338841</v>
      </c>
      <c r="NU13" s="344">
        <v>734274</v>
      </c>
      <c r="NV13" s="348">
        <v>1073115</v>
      </c>
      <c r="NW13" s="349">
        <v>1073115</v>
      </c>
      <c r="NX13" s="347">
        <v>0</v>
      </c>
      <c r="NY13" s="344">
        <v>0</v>
      </c>
      <c r="NZ13" s="348">
        <v>0</v>
      </c>
      <c r="OA13" s="412">
        <v>0</v>
      </c>
      <c r="OB13" s="344">
        <v>0</v>
      </c>
      <c r="OC13" s="344">
        <v>0</v>
      </c>
      <c r="OD13" s="344">
        <v>353628</v>
      </c>
      <c r="OE13" s="344">
        <v>1680349</v>
      </c>
      <c r="OF13" s="344">
        <v>0</v>
      </c>
      <c r="OG13" s="348">
        <v>2033977</v>
      </c>
      <c r="OH13" s="349">
        <v>2033977</v>
      </c>
      <c r="OI13" s="347">
        <v>16519856</v>
      </c>
      <c r="OJ13" s="344">
        <v>21424369</v>
      </c>
      <c r="OK13" s="345">
        <v>37944225</v>
      </c>
      <c r="OL13" s="350">
        <v>0</v>
      </c>
      <c r="OM13" s="344">
        <v>524419447</v>
      </c>
      <c r="ON13" s="344">
        <v>523786412</v>
      </c>
      <c r="OO13" s="344">
        <v>613873433</v>
      </c>
      <c r="OP13" s="344">
        <v>717550731</v>
      </c>
      <c r="OQ13" s="344">
        <v>438947234</v>
      </c>
      <c r="OR13" s="348">
        <v>2818577257</v>
      </c>
      <c r="OS13" s="353">
        <v>2856521482</v>
      </c>
    </row>
    <row r="14" spans="1:409" s="70" customFormat="1" ht="21" customHeight="1" x14ac:dyDescent="0.2">
      <c r="B14" s="409" t="s">
        <v>8</v>
      </c>
      <c r="C14" s="325">
        <v>12015078</v>
      </c>
      <c r="D14" s="326">
        <v>16338815</v>
      </c>
      <c r="E14" s="327">
        <v>28353893</v>
      </c>
      <c r="F14" s="328">
        <v>0</v>
      </c>
      <c r="G14" s="326">
        <v>150175781</v>
      </c>
      <c r="H14" s="326">
        <v>210065391</v>
      </c>
      <c r="I14" s="326">
        <v>194377456</v>
      </c>
      <c r="J14" s="326">
        <v>179528390</v>
      </c>
      <c r="K14" s="326">
        <v>135744334</v>
      </c>
      <c r="L14" s="328">
        <v>869891352</v>
      </c>
      <c r="M14" s="329">
        <v>898245245</v>
      </c>
      <c r="N14" s="325">
        <v>2431891</v>
      </c>
      <c r="O14" s="326">
        <v>3940026</v>
      </c>
      <c r="P14" s="327">
        <v>6371917</v>
      </c>
      <c r="Q14" s="325">
        <v>0</v>
      </c>
      <c r="R14" s="326">
        <v>39973377</v>
      </c>
      <c r="S14" s="326">
        <v>66345131</v>
      </c>
      <c r="T14" s="326">
        <v>66949822</v>
      </c>
      <c r="U14" s="326">
        <v>73252078</v>
      </c>
      <c r="V14" s="326">
        <v>75220671</v>
      </c>
      <c r="W14" s="327">
        <v>321741079</v>
      </c>
      <c r="X14" s="329">
        <v>328112996</v>
      </c>
      <c r="Y14" s="325">
        <v>0</v>
      </c>
      <c r="Z14" s="326">
        <v>0</v>
      </c>
      <c r="AA14" s="327">
        <v>0</v>
      </c>
      <c r="AB14" s="325">
        <v>0</v>
      </c>
      <c r="AC14" s="326">
        <v>19556568</v>
      </c>
      <c r="AD14" s="326">
        <v>38062430</v>
      </c>
      <c r="AE14" s="326">
        <v>43802257</v>
      </c>
      <c r="AF14" s="326">
        <v>49084444</v>
      </c>
      <c r="AG14" s="326">
        <v>50327405</v>
      </c>
      <c r="AH14" s="327">
        <v>200833104</v>
      </c>
      <c r="AI14" s="329">
        <v>200833104</v>
      </c>
      <c r="AJ14" s="325">
        <v>0</v>
      </c>
      <c r="AK14" s="326">
        <v>0</v>
      </c>
      <c r="AL14" s="327">
        <v>0</v>
      </c>
      <c r="AM14" s="325">
        <v>0</v>
      </c>
      <c r="AN14" s="326">
        <v>214728</v>
      </c>
      <c r="AO14" s="326">
        <v>1004978</v>
      </c>
      <c r="AP14" s="326">
        <v>1661764</v>
      </c>
      <c r="AQ14" s="326">
        <v>3259655</v>
      </c>
      <c r="AR14" s="326">
        <v>6261639</v>
      </c>
      <c r="AS14" s="327">
        <v>12402764</v>
      </c>
      <c r="AT14" s="329">
        <v>12402764</v>
      </c>
      <c r="AU14" s="325">
        <v>1234149</v>
      </c>
      <c r="AV14" s="326">
        <v>2495801</v>
      </c>
      <c r="AW14" s="327">
        <v>3729950</v>
      </c>
      <c r="AX14" s="325">
        <v>0</v>
      </c>
      <c r="AY14" s="326">
        <v>10575664</v>
      </c>
      <c r="AZ14" s="326">
        <v>16020116</v>
      </c>
      <c r="BA14" s="326">
        <v>12047743</v>
      </c>
      <c r="BB14" s="326">
        <v>11361290</v>
      </c>
      <c r="BC14" s="326">
        <v>11581384</v>
      </c>
      <c r="BD14" s="327">
        <v>61586197</v>
      </c>
      <c r="BE14" s="329">
        <v>65316147</v>
      </c>
      <c r="BF14" s="325">
        <v>285368</v>
      </c>
      <c r="BG14" s="326">
        <v>822910</v>
      </c>
      <c r="BH14" s="330">
        <v>1108278</v>
      </c>
      <c r="BI14" s="331">
        <v>0</v>
      </c>
      <c r="BJ14" s="326">
        <v>2984571</v>
      </c>
      <c r="BK14" s="326">
        <v>3609951</v>
      </c>
      <c r="BL14" s="326">
        <v>1775776</v>
      </c>
      <c r="BM14" s="326">
        <v>1855657</v>
      </c>
      <c r="BN14" s="326">
        <v>1194493</v>
      </c>
      <c r="BO14" s="327">
        <v>11420448</v>
      </c>
      <c r="BP14" s="329">
        <v>12528726</v>
      </c>
      <c r="BQ14" s="325">
        <v>912374</v>
      </c>
      <c r="BR14" s="326">
        <v>621315</v>
      </c>
      <c r="BS14" s="327">
        <v>1533689</v>
      </c>
      <c r="BT14" s="325">
        <v>0</v>
      </c>
      <c r="BU14" s="326">
        <v>6641846</v>
      </c>
      <c r="BV14" s="326">
        <v>7647656</v>
      </c>
      <c r="BW14" s="326">
        <v>7662282</v>
      </c>
      <c r="BX14" s="326">
        <v>7691032</v>
      </c>
      <c r="BY14" s="326">
        <v>5855750</v>
      </c>
      <c r="BZ14" s="327">
        <v>35498566</v>
      </c>
      <c r="CA14" s="329">
        <v>37032255</v>
      </c>
      <c r="CB14" s="325">
        <v>1314579</v>
      </c>
      <c r="CC14" s="326">
        <v>2802711</v>
      </c>
      <c r="CD14" s="327">
        <v>4117290</v>
      </c>
      <c r="CE14" s="325">
        <v>0</v>
      </c>
      <c r="CF14" s="326">
        <v>42756917</v>
      </c>
      <c r="CG14" s="326">
        <v>58260082</v>
      </c>
      <c r="CH14" s="326">
        <v>45079884</v>
      </c>
      <c r="CI14" s="326">
        <v>30635557</v>
      </c>
      <c r="CJ14" s="326">
        <v>16616171</v>
      </c>
      <c r="CK14" s="327">
        <v>193348611</v>
      </c>
      <c r="CL14" s="329">
        <v>197465901</v>
      </c>
      <c r="CM14" s="325">
        <v>0</v>
      </c>
      <c r="CN14" s="326">
        <v>0</v>
      </c>
      <c r="CO14" s="327">
        <v>0</v>
      </c>
      <c r="CP14" s="331">
        <v>0</v>
      </c>
      <c r="CQ14" s="326">
        <v>34973749</v>
      </c>
      <c r="CR14" s="326">
        <v>48190602</v>
      </c>
      <c r="CS14" s="326">
        <v>36917194</v>
      </c>
      <c r="CT14" s="326">
        <v>24846091</v>
      </c>
      <c r="CU14" s="326">
        <v>14637900</v>
      </c>
      <c r="CV14" s="327">
        <v>159565536</v>
      </c>
      <c r="CW14" s="329">
        <v>159565536</v>
      </c>
      <c r="CX14" s="325">
        <v>1314579</v>
      </c>
      <c r="CY14" s="326">
        <v>2802711</v>
      </c>
      <c r="CZ14" s="327">
        <v>4117290</v>
      </c>
      <c r="DA14" s="325">
        <v>0</v>
      </c>
      <c r="DB14" s="326">
        <v>7783168</v>
      </c>
      <c r="DC14" s="326">
        <v>10069480</v>
      </c>
      <c r="DD14" s="326">
        <v>8162690</v>
      </c>
      <c r="DE14" s="326">
        <v>5789466</v>
      </c>
      <c r="DF14" s="326">
        <v>1978271</v>
      </c>
      <c r="DG14" s="327">
        <v>33783075</v>
      </c>
      <c r="DH14" s="329">
        <v>37900365</v>
      </c>
      <c r="DI14" s="325">
        <v>97785</v>
      </c>
      <c r="DJ14" s="326">
        <v>497091</v>
      </c>
      <c r="DK14" s="330">
        <v>594876</v>
      </c>
      <c r="DL14" s="331">
        <v>0</v>
      </c>
      <c r="DM14" s="326">
        <v>4451419</v>
      </c>
      <c r="DN14" s="326">
        <v>10129125</v>
      </c>
      <c r="DO14" s="326">
        <v>24373788</v>
      </c>
      <c r="DP14" s="326">
        <v>19246758</v>
      </c>
      <c r="DQ14" s="326">
        <v>7958448</v>
      </c>
      <c r="DR14" s="327">
        <v>66159538</v>
      </c>
      <c r="DS14" s="329">
        <v>66754414</v>
      </c>
      <c r="DT14" s="325">
        <v>97785</v>
      </c>
      <c r="DU14" s="326">
        <v>497091</v>
      </c>
      <c r="DV14" s="327">
        <v>594876</v>
      </c>
      <c r="DW14" s="325">
        <v>0</v>
      </c>
      <c r="DX14" s="326">
        <v>4307919</v>
      </c>
      <c r="DY14" s="326">
        <v>9207195</v>
      </c>
      <c r="DZ14" s="326">
        <v>23896666</v>
      </c>
      <c r="EA14" s="326">
        <v>18968020</v>
      </c>
      <c r="EB14" s="326">
        <v>7808609</v>
      </c>
      <c r="EC14" s="327">
        <v>64188409</v>
      </c>
      <c r="ED14" s="329">
        <v>64783285</v>
      </c>
      <c r="EE14" s="325">
        <v>0</v>
      </c>
      <c r="EF14" s="330">
        <v>0</v>
      </c>
      <c r="EG14" s="327">
        <v>0</v>
      </c>
      <c r="EH14" s="325">
        <v>0</v>
      </c>
      <c r="EI14" s="326">
        <v>143500</v>
      </c>
      <c r="EJ14" s="326">
        <v>921930</v>
      </c>
      <c r="EK14" s="326">
        <v>477122</v>
      </c>
      <c r="EL14" s="326">
        <v>278738</v>
      </c>
      <c r="EM14" s="326">
        <v>149839</v>
      </c>
      <c r="EN14" s="330">
        <v>1971129</v>
      </c>
      <c r="EO14" s="329">
        <v>1971129</v>
      </c>
      <c r="EP14" s="325">
        <v>0</v>
      </c>
      <c r="EQ14" s="326">
        <v>0</v>
      </c>
      <c r="ER14" s="330">
        <v>0</v>
      </c>
      <c r="ES14" s="331">
        <v>0</v>
      </c>
      <c r="ET14" s="326">
        <v>0</v>
      </c>
      <c r="EU14" s="326">
        <v>0</v>
      </c>
      <c r="EV14" s="326">
        <v>0</v>
      </c>
      <c r="EW14" s="326">
        <v>0</v>
      </c>
      <c r="EX14" s="326">
        <v>0</v>
      </c>
      <c r="EY14" s="327">
        <v>0</v>
      </c>
      <c r="EZ14" s="329">
        <v>0</v>
      </c>
      <c r="FA14" s="325">
        <v>0</v>
      </c>
      <c r="FB14" s="326">
        <v>0</v>
      </c>
      <c r="FC14" s="330">
        <v>0</v>
      </c>
      <c r="FD14" s="331">
        <v>0</v>
      </c>
      <c r="FE14" s="326">
        <v>0</v>
      </c>
      <c r="FF14" s="326">
        <v>0</v>
      </c>
      <c r="FG14" s="326">
        <v>0</v>
      </c>
      <c r="FH14" s="326">
        <v>0</v>
      </c>
      <c r="FI14" s="326">
        <v>0</v>
      </c>
      <c r="FJ14" s="327">
        <v>0</v>
      </c>
      <c r="FK14" s="329">
        <v>0</v>
      </c>
      <c r="FL14" s="325">
        <v>2459139</v>
      </c>
      <c r="FM14" s="326">
        <v>3975684</v>
      </c>
      <c r="FN14" s="327">
        <v>6434823</v>
      </c>
      <c r="FO14" s="325">
        <v>0</v>
      </c>
      <c r="FP14" s="326">
        <v>7904429</v>
      </c>
      <c r="FQ14" s="326">
        <v>21541817</v>
      </c>
      <c r="FR14" s="326">
        <v>14499469</v>
      </c>
      <c r="FS14" s="326">
        <v>12244929</v>
      </c>
      <c r="FT14" s="326">
        <v>9253695</v>
      </c>
      <c r="FU14" s="327">
        <v>65444339</v>
      </c>
      <c r="FV14" s="329">
        <v>71879162</v>
      </c>
      <c r="FW14" s="332">
        <v>2459139</v>
      </c>
      <c r="FX14" s="326">
        <v>3975684</v>
      </c>
      <c r="FY14" s="330">
        <v>6434823</v>
      </c>
      <c r="FZ14" s="331">
        <v>0</v>
      </c>
      <c r="GA14" s="326">
        <v>7904429</v>
      </c>
      <c r="GB14" s="326">
        <v>21541817</v>
      </c>
      <c r="GC14" s="326">
        <v>14499469</v>
      </c>
      <c r="GD14" s="326">
        <v>12244929</v>
      </c>
      <c r="GE14" s="326">
        <v>9253695</v>
      </c>
      <c r="GF14" s="327">
        <v>65444339</v>
      </c>
      <c r="GG14" s="333">
        <v>71879162</v>
      </c>
      <c r="GH14" s="332">
        <v>0</v>
      </c>
      <c r="GI14" s="326">
        <v>0</v>
      </c>
      <c r="GJ14" s="330">
        <v>0</v>
      </c>
      <c r="GK14" s="331">
        <v>0</v>
      </c>
      <c r="GL14" s="326">
        <v>0</v>
      </c>
      <c r="GM14" s="326">
        <v>0</v>
      </c>
      <c r="GN14" s="326">
        <v>0</v>
      </c>
      <c r="GO14" s="326">
        <v>0</v>
      </c>
      <c r="GP14" s="326">
        <v>0</v>
      </c>
      <c r="GQ14" s="327">
        <v>0</v>
      </c>
      <c r="GR14" s="329">
        <v>0</v>
      </c>
      <c r="GS14" s="325">
        <v>0</v>
      </c>
      <c r="GT14" s="326">
        <v>0</v>
      </c>
      <c r="GU14" s="327">
        <v>0</v>
      </c>
      <c r="GV14" s="325">
        <v>0</v>
      </c>
      <c r="GW14" s="326">
        <v>0</v>
      </c>
      <c r="GX14" s="326">
        <v>0</v>
      </c>
      <c r="GY14" s="326">
        <v>0</v>
      </c>
      <c r="GZ14" s="326">
        <v>0</v>
      </c>
      <c r="HA14" s="326">
        <v>0</v>
      </c>
      <c r="HB14" s="330">
        <v>0</v>
      </c>
      <c r="HC14" s="329">
        <v>0</v>
      </c>
      <c r="HD14" s="325">
        <v>3032500</v>
      </c>
      <c r="HE14" s="326">
        <v>1751783</v>
      </c>
      <c r="HF14" s="330">
        <v>4784283</v>
      </c>
      <c r="HG14" s="331">
        <v>0</v>
      </c>
      <c r="HH14" s="326">
        <v>26786282</v>
      </c>
      <c r="HI14" s="326">
        <v>24352213</v>
      </c>
      <c r="HJ14" s="326">
        <v>23897712</v>
      </c>
      <c r="HK14" s="326">
        <v>31036444</v>
      </c>
      <c r="HL14" s="326">
        <v>18539152</v>
      </c>
      <c r="HM14" s="327">
        <v>124611803</v>
      </c>
      <c r="HN14" s="328">
        <v>129396086</v>
      </c>
      <c r="HO14" s="332">
        <v>2679184</v>
      </c>
      <c r="HP14" s="326">
        <v>3371520</v>
      </c>
      <c r="HQ14" s="327">
        <v>6050704</v>
      </c>
      <c r="HR14" s="325">
        <v>0</v>
      </c>
      <c r="HS14" s="326">
        <v>28303357</v>
      </c>
      <c r="HT14" s="326">
        <v>29437023</v>
      </c>
      <c r="HU14" s="326">
        <v>19576781</v>
      </c>
      <c r="HV14" s="326">
        <v>13112624</v>
      </c>
      <c r="HW14" s="326">
        <v>8156197</v>
      </c>
      <c r="HX14" s="330">
        <v>98585982</v>
      </c>
      <c r="HY14" s="329">
        <v>104636686</v>
      </c>
      <c r="HZ14" s="334">
        <v>522844</v>
      </c>
      <c r="IA14" s="335">
        <v>1302050</v>
      </c>
      <c r="IB14" s="336">
        <v>1824894</v>
      </c>
      <c r="IC14" s="354">
        <v>0</v>
      </c>
      <c r="ID14" s="355">
        <v>56650039</v>
      </c>
      <c r="IE14" s="356">
        <v>67803961</v>
      </c>
      <c r="IF14" s="357">
        <v>70254050</v>
      </c>
      <c r="IG14" s="355">
        <v>54099091</v>
      </c>
      <c r="IH14" s="357">
        <v>29803956</v>
      </c>
      <c r="II14" s="358">
        <v>278611097</v>
      </c>
      <c r="IJ14" s="340">
        <v>280435991</v>
      </c>
      <c r="IK14" s="341">
        <v>0</v>
      </c>
      <c r="IL14" s="342">
        <v>0</v>
      </c>
      <c r="IM14" s="343">
        <v>0</v>
      </c>
      <c r="IN14" s="403">
        <v>0</v>
      </c>
      <c r="IO14" s="344">
        <v>450181</v>
      </c>
      <c r="IP14" s="344">
        <v>352272</v>
      </c>
      <c r="IQ14" s="344">
        <v>663291</v>
      </c>
      <c r="IR14" s="344">
        <v>833187</v>
      </c>
      <c r="IS14" s="344">
        <v>663408</v>
      </c>
      <c r="IT14" s="345">
        <v>2962339</v>
      </c>
      <c r="IU14" s="346">
        <v>2962339</v>
      </c>
      <c r="IV14" s="347">
        <v>0</v>
      </c>
      <c r="IW14" s="344">
        <v>0</v>
      </c>
      <c r="IX14" s="348">
        <v>0</v>
      </c>
      <c r="IY14" s="412">
        <v>0</v>
      </c>
      <c r="IZ14" s="344">
        <v>38538</v>
      </c>
      <c r="JA14" s="344">
        <v>60109</v>
      </c>
      <c r="JB14" s="344">
        <v>0</v>
      </c>
      <c r="JC14" s="344">
        <v>19269</v>
      </c>
      <c r="JD14" s="344">
        <v>105553</v>
      </c>
      <c r="JE14" s="348">
        <v>223469</v>
      </c>
      <c r="JF14" s="349">
        <v>223469</v>
      </c>
      <c r="JG14" s="347">
        <v>0</v>
      </c>
      <c r="JH14" s="344">
        <v>0</v>
      </c>
      <c r="JI14" s="345">
        <v>0</v>
      </c>
      <c r="JJ14" s="350">
        <v>0</v>
      </c>
      <c r="JK14" s="344">
        <v>28080433</v>
      </c>
      <c r="JL14" s="344">
        <v>35822653</v>
      </c>
      <c r="JM14" s="344">
        <v>21686968</v>
      </c>
      <c r="JN14" s="344">
        <v>13126733</v>
      </c>
      <c r="JO14" s="344">
        <v>6854597</v>
      </c>
      <c r="JP14" s="348">
        <v>105571384</v>
      </c>
      <c r="JQ14" s="346">
        <v>105571384</v>
      </c>
      <c r="JR14" s="347">
        <v>0</v>
      </c>
      <c r="JS14" s="344">
        <v>0</v>
      </c>
      <c r="JT14" s="345">
        <v>0</v>
      </c>
      <c r="JU14" s="350">
        <v>0</v>
      </c>
      <c r="JV14" s="344">
        <v>442685</v>
      </c>
      <c r="JW14" s="344">
        <v>970883</v>
      </c>
      <c r="JX14" s="344">
        <v>997341</v>
      </c>
      <c r="JY14" s="344">
        <v>2018277</v>
      </c>
      <c r="JZ14" s="344">
        <v>1125012</v>
      </c>
      <c r="KA14" s="348">
        <v>5554198</v>
      </c>
      <c r="KB14" s="346">
        <v>5554198</v>
      </c>
      <c r="KC14" s="351">
        <v>522844</v>
      </c>
      <c r="KD14" s="352">
        <v>1302050</v>
      </c>
      <c r="KE14" s="348">
        <v>1824894</v>
      </c>
      <c r="KF14" s="350">
        <v>0</v>
      </c>
      <c r="KG14" s="344">
        <v>9074074</v>
      </c>
      <c r="KH14" s="344">
        <v>9179941</v>
      </c>
      <c r="KI14" s="344">
        <v>11769504</v>
      </c>
      <c r="KJ14" s="344">
        <v>6575606</v>
      </c>
      <c r="KK14" s="344">
        <v>3777937</v>
      </c>
      <c r="KL14" s="348">
        <v>40377062</v>
      </c>
      <c r="KM14" s="353">
        <v>42201956</v>
      </c>
      <c r="KN14" s="341">
        <v>0</v>
      </c>
      <c r="KO14" s="342">
        <v>0</v>
      </c>
      <c r="KP14" s="343">
        <v>0</v>
      </c>
      <c r="KQ14" s="412">
        <v>0</v>
      </c>
      <c r="KR14" s="344">
        <v>16304688</v>
      </c>
      <c r="KS14" s="344">
        <v>17234072</v>
      </c>
      <c r="KT14" s="344">
        <v>23836459</v>
      </c>
      <c r="KU14" s="344">
        <v>18545333</v>
      </c>
      <c r="KV14" s="344">
        <v>10633997</v>
      </c>
      <c r="KW14" s="348">
        <v>86554549</v>
      </c>
      <c r="KX14" s="346">
        <v>86554549</v>
      </c>
      <c r="KY14" s="347">
        <v>0</v>
      </c>
      <c r="KZ14" s="344">
        <v>0</v>
      </c>
      <c r="LA14" s="348">
        <v>0</v>
      </c>
      <c r="LB14" s="412">
        <v>0</v>
      </c>
      <c r="LC14" s="344">
        <v>530412</v>
      </c>
      <c r="LD14" s="344">
        <v>1216688</v>
      </c>
      <c r="LE14" s="344">
        <v>3067700</v>
      </c>
      <c r="LF14" s="344">
        <v>2715254</v>
      </c>
      <c r="LG14" s="344">
        <v>2057819</v>
      </c>
      <c r="LH14" s="348">
        <v>9587873</v>
      </c>
      <c r="LI14" s="349">
        <v>9587873</v>
      </c>
      <c r="LJ14" s="347">
        <v>0</v>
      </c>
      <c r="LK14" s="344">
        <v>0</v>
      </c>
      <c r="LL14" s="348">
        <v>0</v>
      </c>
      <c r="LM14" s="412">
        <v>0</v>
      </c>
      <c r="LN14" s="344">
        <v>0</v>
      </c>
      <c r="LO14" s="344">
        <v>233901</v>
      </c>
      <c r="LP14" s="344">
        <v>2794447</v>
      </c>
      <c r="LQ14" s="344">
        <v>6480345</v>
      </c>
      <c r="LR14" s="344">
        <v>2214202</v>
      </c>
      <c r="LS14" s="348">
        <v>11722895</v>
      </c>
      <c r="LT14" s="346">
        <v>11722895</v>
      </c>
      <c r="LU14" s="347">
        <v>0</v>
      </c>
      <c r="LV14" s="344">
        <v>0</v>
      </c>
      <c r="LW14" s="348">
        <v>0</v>
      </c>
      <c r="LX14" s="412">
        <v>0</v>
      </c>
      <c r="LY14" s="344">
        <v>1729028</v>
      </c>
      <c r="LZ14" s="344">
        <v>2733442</v>
      </c>
      <c r="MA14" s="344">
        <v>5438340</v>
      </c>
      <c r="MB14" s="344">
        <v>3785087</v>
      </c>
      <c r="MC14" s="344">
        <v>2371431</v>
      </c>
      <c r="MD14" s="348">
        <v>16057328</v>
      </c>
      <c r="ME14" s="349">
        <v>16057328</v>
      </c>
      <c r="MF14" s="347">
        <v>0</v>
      </c>
      <c r="MG14" s="344">
        <v>0</v>
      </c>
      <c r="MH14" s="348">
        <v>0</v>
      </c>
      <c r="MI14" s="412">
        <v>0</v>
      </c>
      <c r="MJ14" s="344">
        <v>16151057</v>
      </c>
      <c r="MK14" s="344">
        <v>38094737</v>
      </c>
      <c r="ML14" s="344">
        <v>152848488</v>
      </c>
      <c r="MM14" s="344">
        <v>166467398</v>
      </c>
      <c r="MN14" s="344">
        <v>102762914</v>
      </c>
      <c r="MO14" s="348">
        <v>476324594</v>
      </c>
      <c r="MP14" s="353">
        <v>476324594</v>
      </c>
      <c r="MQ14" s="347">
        <v>0</v>
      </c>
      <c r="MR14" s="344">
        <v>0</v>
      </c>
      <c r="MS14" s="348">
        <v>0</v>
      </c>
      <c r="MT14" s="412">
        <v>0</v>
      </c>
      <c r="MU14" s="344">
        <v>3104562</v>
      </c>
      <c r="MV14" s="344">
        <v>15385345</v>
      </c>
      <c r="MW14" s="344">
        <v>102046787</v>
      </c>
      <c r="MX14" s="344">
        <v>117267640</v>
      </c>
      <c r="MY14" s="344">
        <v>73878781</v>
      </c>
      <c r="MZ14" s="348">
        <v>311683115</v>
      </c>
      <c r="NA14" s="353">
        <v>311683115</v>
      </c>
      <c r="NB14" s="347">
        <v>0</v>
      </c>
      <c r="NC14" s="344">
        <v>0</v>
      </c>
      <c r="ND14" s="348">
        <v>0</v>
      </c>
      <c r="NE14" s="412">
        <v>0</v>
      </c>
      <c r="NF14" s="344">
        <v>12758873</v>
      </c>
      <c r="NG14" s="344">
        <v>22472669</v>
      </c>
      <c r="NH14" s="344">
        <v>50011256</v>
      </c>
      <c r="NI14" s="344">
        <v>45301048</v>
      </c>
      <c r="NJ14" s="344">
        <v>25562917</v>
      </c>
      <c r="NK14" s="348">
        <v>156106763</v>
      </c>
      <c r="NL14" s="346">
        <v>156106763</v>
      </c>
      <c r="NM14" s="347">
        <v>0</v>
      </c>
      <c r="NN14" s="344">
        <v>0</v>
      </c>
      <c r="NO14" s="348">
        <v>0</v>
      </c>
      <c r="NP14" s="412">
        <v>0</v>
      </c>
      <c r="NQ14" s="344">
        <v>0</v>
      </c>
      <c r="NR14" s="344">
        <v>0</v>
      </c>
      <c r="NS14" s="344">
        <v>0</v>
      </c>
      <c r="NT14" s="344">
        <v>0</v>
      </c>
      <c r="NU14" s="344">
        <v>0</v>
      </c>
      <c r="NV14" s="348">
        <v>0</v>
      </c>
      <c r="NW14" s="349">
        <v>0</v>
      </c>
      <c r="NX14" s="347">
        <v>0</v>
      </c>
      <c r="NY14" s="344">
        <v>0</v>
      </c>
      <c r="NZ14" s="348">
        <v>0</v>
      </c>
      <c r="OA14" s="412">
        <v>0</v>
      </c>
      <c r="OB14" s="344">
        <v>287622</v>
      </c>
      <c r="OC14" s="344">
        <v>236723</v>
      </c>
      <c r="OD14" s="344">
        <v>790445</v>
      </c>
      <c r="OE14" s="344">
        <v>3898710</v>
      </c>
      <c r="OF14" s="344">
        <v>3321216</v>
      </c>
      <c r="OG14" s="348">
        <v>8534716</v>
      </c>
      <c r="OH14" s="349">
        <v>8534716</v>
      </c>
      <c r="OI14" s="347">
        <v>12537922</v>
      </c>
      <c r="OJ14" s="344">
        <v>17640865</v>
      </c>
      <c r="OK14" s="345">
        <v>30178787</v>
      </c>
      <c r="OL14" s="350">
        <v>0</v>
      </c>
      <c r="OM14" s="344">
        <v>222976877</v>
      </c>
      <c r="ON14" s="344">
        <v>315964089</v>
      </c>
      <c r="OO14" s="344">
        <v>417479994</v>
      </c>
      <c r="OP14" s="344">
        <v>400094879</v>
      </c>
      <c r="OQ14" s="344">
        <v>268311204</v>
      </c>
      <c r="OR14" s="348">
        <v>1624827043</v>
      </c>
      <c r="OS14" s="353">
        <v>1655005830</v>
      </c>
    </row>
    <row r="15" spans="1:409" s="70" customFormat="1" ht="21" customHeight="1" x14ac:dyDescent="0.2">
      <c r="B15" s="409" t="s">
        <v>9</v>
      </c>
      <c r="C15" s="325">
        <v>13106392</v>
      </c>
      <c r="D15" s="326">
        <v>15649503</v>
      </c>
      <c r="E15" s="327">
        <v>28755895</v>
      </c>
      <c r="F15" s="331">
        <v>0</v>
      </c>
      <c r="G15" s="326">
        <v>152129312</v>
      </c>
      <c r="H15" s="326">
        <v>152889532</v>
      </c>
      <c r="I15" s="326">
        <v>165578543</v>
      </c>
      <c r="J15" s="326">
        <v>171277070</v>
      </c>
      <c r="K15" s="326">
        <v>131613797</v>
      </c>
      <c r="L15" s="328">
        <v>773488254</v>
      </c>
      <c r="M15" s="329">
        <v>802244149</v>
      </c>
      <c r="N15" s="325">
        <v>2705063</v>
      </c>
      <c r="O15" s="326">
        <v>3279042</v>
      </c>
      <c r="P15" s="327">
        <v>5984105</v>
      </c>
      <c r="Q15" s="325">
        <v>0</v>
      </c>
      <c r="R15" s="326">
        <v>45019391</v>
      </c>
      <c r="S15" s="326">
        <v>48942015</v>
      </c>
      <c r="T15" s="326">
        <v>57839949</v>
      </c>
      <c r="U15" s="326">
        <v>70898384</v>
      </c>
      <c r="V15" s="326">
        <v>70492779</v>
      </c>
      <c r="W15" s="327">
        <v>293192518</v>
      </c>
      <c r="X15" s="329">
        <v>299176623</v>
      </c>
      <c r="Y15" s="325">
        <v>0</v>
      </c>
      <c r="Z15" s="326">
        <v>0</v>
      </c>
      <c r="AA15" s="327">
        <v>0</v>
      </c>
      <c r="AB15" s="325">
        <v>0</v>
      </c>
      <c r="AC15" s="326">
        <v>21739086</v>
      </c>
      <c r="AD15" s="326">
        <v>24255091</v>
      </c>
      <c r="AE15" s="326">
        <v>34641115</v>
      </c>
      <c r="AF15" s="326">
        <v>45469909</v>
      </c>
      <c r="AG15" s="326">
        <v>45446845</v>
      </c>
      <c r="AH15" s="327">
        <v>171552046</v>
      </c>
      <c r="AI15" s="329">
        <v>171552046</v>
      </c>
      <c r="AJ15" s="325">
        <v>0</v>
      </c>
      <c r="AK15" s="326">
        <v>0</v>
      </c>
      <c r="AL15" s="327">
        <v>0</v>
      </c>
      <c r="AM15" s="325">
        <v>0</v>
      </c>
      <c r="AN15" s="326">
        <v>57998</v>
      </c>
      <c r="AO15" s="326">
        <v>432996</v>
      </c>
      <c r="AP15" s="326">
        <v>1160084</v>
      </c>
      <c r="AQ15" s="326">
        <v>3119020</v>
      </c>
      <c r="AR15" s="326">
        <v>5979431</v>
      </c>
      <c r="AS15" s="327">
        <v>10749529</v>
      </c>
      <c r="AT15" s="329">
        <v>10749529</v>
      </c>
      <c r="AU15" s="325">
        <v>1478692</v>
      </c>
      <c r="AV15" s="326">
        <v>2230359</v>
      </c>
      <c r="AW15" s="327">
        <v>3709051</v>
      </c>
      <c r="AX15" s="325">
        <v>0</v>
      </c>
      <c r="AY15" s="326">
        <v>14497134</v>
      </c>
      <c r="AZ15" s="326">
        <v>14532823</v>
      </c>
      <c r="BA15" s="326">
        <v>11610263</v>
      </c>
      <c r="BB15" s="326">
        <v>11998829</v>
      </c>
      <c r="BC15" s="326">
        <v>11506400</v>
      </c>
      <c r="BD15" s="327">
        <v>64145449</v>
      </c>
      <c r="BE15" s="329">
        <v>67854500</v>
      </c>
      <c r="BF15" s="325">
        <v>177425</v>
      </c>
      <c r="BG15" s="326">
        <v>383816</v>
      </c>
      <c r="BH15" s="330">
        <v>561241</v>
      </c>
      <c r="BI15" s="331">
        <v>0</v>
      </c>
      <c r="BJ15" s="326">
        <v>1241989</v>
      </c>
      <c r="BK15" s="326">
        <v>1432580</v>
      </c>
      <c r="BL15" s="326">
        <v>1302954</v>
      </c>
      <c r="BM15" s="326">
        <v>1086811</v>
      </c>
      <c r="BN15" s="326">
        <v>579259</v>
      </c>
      <c r="BO15" s="327">
        <v>5643593</v>
      </c>
      <c r="BP15" s="329">
        <v>6204834</v>
      </c>
      <c r="BQ15" s="325">
        <v>1048946</v>
      </c>
      <c r="BR15" s="326">
        <v>664867</v>
      </c>
      <c r="BS15" s="327">
        <v>1713813</v>
      </c>
      <c r="BT15" s="325">
        <v>0</v>
      </c>
      <c r="BU15" s="326">
        <v>7483184</v>
      </c>
      <c r="BV15" s="326">
        <v>8288525</v>
      </c>
      <c r="BW15" s="326">
        <v>9125533</v>
      </c>
      <c r="BX15" s="326">
        <v>9223815</v>
      </c>
      <c r="BY15" s="326">
        <v>6980844</v>
      </c>
      <c r="BZ15" s="327">
        <v>41101901</v>
      </c>
      <c r="CA15" s="329">
        <v>42815714</v>
      </c>
      <c r="CB15" s="325">
        <v>1254271</v>
      </c>
      <c r="CC15" s="326">
        <v>3254434</v>
      </c>
      <c r="CD15" s="327">
        <v>4508705</v>
      </c>
      <c r="CE15" s="325">
        <v>0</v>
      </c>
      <c r="CF15" s="326">
        <v>32497839</v>
      </c>
      <c r="CG15" s="326">
        <v>32338616</v>
      </c>
      <c r="CH15" s="326">
        <v>28534239</v>
      </c>
      <c r="CI15" s="326">
        <v>22497428</v>
      </c>
      <c r="CJ15" s="326">
        <v>7395794</v>
      </c>
      <c r="CK15" s="327">
        <v>123263916</v>
      </c>
      <c r="CL15" s="329">
        <v>127772621</v>
      </c>
      <c r="CM15" s="325">
        <v>0</v>
      </c>
      <c r="CN15" s="326">
        <v>0</v>
      </c>
      <c r="CO15" s="327">
        <v>0</v>
      </c>
      <c r="CP15" s="331">
        <v>0</v>
      </c>
      <c r="CQ15" s="326">
        <v>27042166</v>
      </c>
      <c r="CR15" s="326">
        <v>24813764</v>
      </c>
      <c r="CS15" s="326">
        <v>22879676</v>
      </c>
      <c r="CT15" s="326">
        <v>16799829</v>
      </c>
      <c r="CU15" s="326">
        <v>5766661</v>
      </c>
      <c r="CV15" s="327">
        <v>97302096</v>
      </c>
      <c r="CW15" s="329">
        <v>97302096</v>
      </c>
      <c r="CX15" s="325">
        <v>1254271</v>
      </c>
      <c r="CY15" s="326">
        <v>3254434</v>
      </c>
      <c r="CZ15" s="327">
        <v>4508705</v>
      </c>
      <c r="DA15" s="325">
        <v>0</v>
      </c>
      <c r="DB15" s="326">
        <v>5455673</v>
      </c>
      <c r="DC15" s="326">
        <v>7524852</v>
      </c>
      <c r="DD15" s="326">
        <v>5654563</v>
      </c>
      <c r="DE15" s="326">
        <v>5697599</v>
      </c>
      <c r="DF15" s="326">
        <v>1629133</v>
      </c>
      <c r="DG15" s="327">
        <v>25961820</v>
      </c>
      <c r="DH15" s="329">
        <v>30470525</v>
      </c>
      <c r="DI15" s="325">
        <v>85241</v>
      </c>
      <c r="DJ15" s="326">
        <v>255257</v>
      </c>
      <c r="DK15" s="330">
        <v>340498</v>
      </c>
      <c r="DL15" s="331">
        <v>0</v>
      </c>
      <c r="DM15" s="326">
        <v>5623847</v>
      </c>
      <c r="DN15" s="326">
        <v>8256503</v>
      </c>
      <c r="DO15" s="326">
        <v>17146382</v>
      </c>
      <c r="DP15" s="326">
        <v>14830566</v>
      </c>
      <c r="DQ15" s="326">
        <v>8975310</v>
      </c>
      <c r="DR15" s="327">
        <v>54832608</v>
      </c>
      <c r="DS15" s="329">
        <v>55173106</v>
      </c>
      <c r="DT15" s="325">
        <v>85241</v>
      </c>
      <c r="DU15" s="326">
        <v>220120</v>
      </c>
      <c r="DV15" s="327">
        <v>305361</v>
      </c>
      <c r="DW15" s="325">
        <v>0</v>
      </c>
      <c r="DX15" s="326">
        <v>5330075</v>
      </c>
      <c r="DY15" s="326">
        <v>7209804</v>
      </c>
      <c r="DZ15" s="326">
        <v>14843930</v>
      </c>
      <c r="EA15" s="326">
        <v>12772538</v>
      </c>
      <c r="EB15" s="326">
        <v>8001482</v>
      </c>
      <c r="EC15" s="327">
        <v>48157829</v>
      </c>
      <c r="ED15" s="329">
        <v>48463190</v>
      </c>
      <c r="EE15" s="325">
        <v>0</v>
      </c>
      <c r="EF15" s="330">
        <v>35137</v>
      </c>
      <c r="EG15" s="327">
        <v>35137</v>
      </c>
      <c r="EH15" s="325">
        <v>0</v>
      </c>
      <c r="EI15" s="326">
        <v>293772</v>
      </c>
      <c r="EJ15" s="326">
        <v>1046699</v>
      </c>
      <c r="EK15" s="326">
        <v>2302452</v>
      </c>
      <c r="EL15" s="326">
        <v>2058028</v>
      </c>
      <c r="EM15" s="326">
        <v>973828</v>
      </c>
      <c r="EN15" s="330">
        <v>6674779</v>
      </c>
      <c r="EO15" s="329">
        <v>6709916</v>
      </c>
      <c r="EP15" s="325">
        <v>0</v>
      </c>
      <c r="EQ15" s="326">
        <v>0</v>
      </c>
      <c r="ER15" s="330">
        <v>0</v>
      </c>
      <c r="ES15" s="331">
        <v>0</v>
      </c>
      <c r="ET15" s="326">
        <v>0</v>
      </c>
      <c r="EU15" s="326">
        <v>0</v>
      </c>
      <c r="EV15" s="326">
        <v>0</v>
      </c>
      <c r="EW15" s="326">
        <v>0</v>
      </c>
      <c r="EX15" s="326">
        <v>0</v>
      </c>
      <c r="EY15" s="327">
        <v>0</v>
      </c>
      <c r="EZ15" s="329">
        <v>0</v>
      </c>
      <c r="FA15" s="325">
        <v>0</v>
      </c>
      <c r="FB15" s="326">
        <v>0</v>
      </c>
      <c r="FC15" s="330">
        <v>0</v>
      </c>
      <c r="FD15" s="331">
        <v>0</v>
      </c>
      <c r="FE15" s="326">
        <v>0</v>
      </c>
      <c r="FF15" s="326">
        <v>0</v>
      </c>
      <c r="FG15" s="326">
        <v>0</v>
      </c>
      <c r="FH15" s="326">
        <v>0</v>
      </c>
      <c r="FI15" s="326">
        <v>0</v>
      </c>
      <c r="FJ15" s="327">
        <v>0</v>
      </c>
      <c r="FK15" s="329">
        <v>0</v>
      </c>
      <c r="FL15" s="325">
        <v>3474926</v>
      </c>
      <c r="FM15" s="326">
        <v>3758051</v>
      </c>
      <c r="FN15" s="327">
        <v>7232977</v>
      </c>
      <c r="FO15" s="325">
        <v>0</v>
      </c>
      <c r="FP15" s="326">
        <v>9351118</v>
      </c>
      <c r="FQ15" s="326">
        <v>14288597</v>
      </c>
      <c r="FR15" s="326">
        <v>11763125</v>
      </c>
      <c r="FS15" s="326">
        <v>12930773</v>
      </c>
      <c r="FT15" s="326">
        <v>8823675</v>
      </c>
      <c r="FU15" s="327">
        <v>57157288</v>
      </c>
      <c r="FV15" s="329">
        <v>64390265</v>
      </c>
      <c r="FW15" s="332">
        <v>1961261</v>
      </c>
      <c r="FX15" s="326">
        <v>2808984</v>
      </c>
      <c r="FY15" s="330">
        <v>4770245</v>
      </c>
      <c r="FZ15" s="331">
        <v>0</v>
      </c>
      <c r="GA15" s="326">
        <v>7753065</v>
      </c>
      <c r="GB15" s="326">
        <v>12644933</v>
      </c>
      <c r="GC15" s="326">
        <v>10353463</v>
      </c>
      <c r="GD15" s="326">
        <v>11446490</v>
      </c>
      <c r="GE15" s="326">
        <v>8440713</v>
      </c>
      <c r="GF15" s="327">
        <v>50638664</v>
      </c>
      <c r="GG15" s="333">
        <v>55408909</v>
      </c>
      <c r="GH15" s="332">
        <v>218335</v>
      </c>
      <c r="GI15" s="326">
        <v>183761</v>
      </c>
      <c r="GJ15" s="330">
        <v>402096</v>
      </c>
      <c r="GK15" s="331">
        <v>0</v>
      </c>
      <c r="GL15" s="326">
        <v>492257</v>
      </c>
      <c r="GM15" s="326">
        <v>264174</v>
      </c>
      <c r="GN15" s="326">
        <v>395552</v>
      </c>
      <c r="GO15" s="326">
        <v>513957</v>
      </c>
      <c r="GP15" s="326">
        <v>82962</v>
      </c>
      <c r="GQ15" s="327">
        <v>1748902</v>
      </c>
      <c r="GR15" s="329">
        <v>2150998</v>
      </c>
      <c r="GS15" s="325">
        <v>1295330</v>
      </c>
      <c r="GT15" s="326">
        <v>765306</v>
      </c>
      <c r="GU15" s="327">
        <v>2060636</v>
      </c>
      <c r="GV15" s="325">
        <v>0</v>
      </c>
      <c r="GW15" s="326">
        <v>1105796</v>
      </c>
      <c r="GX15" s="326">
        <v>1379490</v>
      </c>
      <c r="GY15" s="326">
        <v>1014110</v>
      </c>
      <c r="GZ15" s="326">
        <v>970326</v>
      </c>
      <c r="HA15" s="326">
        <v>300000</v>
      </c>
      <c r="HB15" s="330">
        <v>4769722</v>
      </c>
      <c r="HC15" s="329">
        <v>6830358</v>
      </c>
      <c r="HD15" s="325">
        <v>3321267</v>
      </c>
      <c r="HE15" s="326">
        <v>2285844</v>
      </c>
      <c r="HF15" s="330">
        <v>5607111</v>
      </c>
      <c r="HG15" s="331">
        <v>0</v>
      </c>
      <c r="HH15" s="326">
        <v>33096552</v>
      </c>
      <c r="HI15" s="326">
        <v>29870878</v>
      </c>
      <c r="HJ15" s="326">
        <v>35865466</v>
      </c>
      <c r="HK15" s="326">
        <v>38538724</v>
      </c>
      <c r="HL15" s="326">
        <v>28642586</v>
      </c>
      <c r="HM15" s="327">
        <v>166014206</v>
      </c>
      <c r="HN15" s="328">
        <v>171621317</v>
      </c>
      <c r="HO15" s="332">
        <v>2265624</v>
      </c>
      <c r="HP15" s="326">
        <v>2816875</v>
      </c>
      <c r="HQ15" s="327">
        <v>5082499</v>
      </c>
      <c r="HR15" s="325">
        <v>0</v>
      </c>
      <c r="HS15" s="326">
        <v>26540565</v>
      </c>
      <c r="HT15" s="326">
        <v>19192923</v>
      </c>
      <c r="HU15" s="326">
        <v>14429382</v>
      </c>
      <c r="HV15" s="326">
        <v>11581195</v>
      </c>
      <c r="HW15" s="326">
        <v>7283653</v>
      </c>
      <c r="HX15" s="330">
        <v>79027718</v>
      </c>
      <c r="HY15" s="329">
        <v>84110217</v>
      </c>
      <c r="HZ15" s="359">
        <v>258996</v>
      </c>
      <c r="IA15" s="360">
        <v>452054</v>
      </c>
      <c r="IB15" s="361">
        <v>711050</v>
      </c>
      <c r="IC15" s="337">
        <v>0</v>
      </c>
      <c r="ID15" s="335">
        <v>31728810</v>
      </c>
      <c r="IE15" s="338">
        <v>41132464</v>
      </c>
      <c r="IF15" s="336">
        <v>48024415</v>
      </c>
      <c r="IG15" s="335">
        <v>41592544</v>
      </c>
      <c r="IH15" s="336">
        <v>22802733</v>
      </c>
      <c r="II15" s="339">
        <v>185280966</v>
      </c>
      <c r="IJ15" s="362">
        <v>185992016</v>
      </c>
      <c r="IK15" s="341">
        <v>0</v>
      </c>
      <c r="IL15" s="342">
        <v>0</v>
      </c>
      <c r="IM15" s="343">
        <v>0</v>
      </c>
      <c r="IN15" s="403">
        <v>0</v>
      </c>
      <c r="IO15" s="344">
        <v>0</v>
      </c>
      <c r="IP15" s="344">
        <v>531518</v>
      </c>
      <c r="IQ15" s="344">
        <v>620289</v>
      </c>
      <c r="IR15" s="344">
        <v>2222025</v>
      </c>
      <c r="IS15" s="344">
        <v>1597546</v>
      </c>
      <c r="IT15" s="345">
        <v>4971378</v>
      </c>
      <c r="IU15" s="346">
        <v>4971378</v>
      </c>
      <c r="IV15" s="347">
        <v>0</v>
      </c>
      <c r="IW15" s="344">
        <v>0</v>
      </c>
      <c r="IX15" s="348">
        <v>0</v>
      </c>
      <c r="IY15" s="412">
        <v>0</v>
      </c>
      <c r="IZ15" s="344">
        <v>0</v>
      </c>
      <c r="JA15" s="344">
        <v>0</v>
      </c>
      <c r="JB15" s="344">
        <v>0</v>
      </c>
      <c r="JC15" s="344">
        <v>0</v>
      </c>
      <c r="JD15" s="344">
        <v>0</v>
      </c>
      <c r="JE15" s="348">
        <v>0</v>
      </c>
      <c r="JF15" s="349">
        <v>0</v>
      </c>
      <c r="JG15" s="347">
        <v>0</v>
      </c>
      <c r="JH15" s="344">
        <v>0</v>
      </c>
      <c r="JI15" s="345">
        <v>0</v>
      </c>
      <c r="JJ15" s="350">
        <v>0</v>
      </c>
      <c r="JK15" s="344">
        <v>18582606</v>
      </c>
      <c r="JL15" s="344">
        <v>15504897</v>
      </c>
      <c r="JM15" s="344">
        <v>14450390</v>
      </c>
      <c r="JN15" s="344">
        <v>10686135</v>
      </c>
      <c r="JO15" s="344">
        <v>4321830</v>
      </c>
      <c r="JP15" s="348">
        <v>63545858</v>
      </c>
      <c r="JQ15" s="346">
        <v>63545858</v>
      </c>
      <c r="JR15" s="347">
        <v>0</v>
      </c>
      <c r="JS15" s="344">
        <v>0</v>
      </c>
      <c r="JT15" s="345">
        <v>0</v>
      </c>
      <c r="JU15" s="350">
        <v>0</v>
      </c>
      <c r="JV15" s="344">
        <v>405656</v>
      </c>
      <c r="JW15" s="344">
        <v>829492</v>
      </c>
      <c r="JX15" s="344">
        <v>1026556</v>
      </c>
      <c r="JY15" s="344">
        <v>0</v>
      </c>
      <c r="JZ15" s="344">
        <v>879358</v>
      </c>
      <c r="KA15" s="348">
        <v>3141062</v>
      </c>
      <c r="KB15" s="346">
        <v>3141062</v>
      </c>
      <c r="KC15" s="351">
        <v>258996</v>
      </c>
      <c r="KD15" s="352">
        <v>452054</v>
      </c>
      <c r="KE15" s="348">
        <v>711050</v>
      </c>
      <c r="KF15" s="350">
        <v>0</v>
      </c>
      <c r="KG15" s="344">
        <v>3771505</v>
      </c>
      <c r="KH15" s="344">
        <v>4393709</v>
      </c>
      <c r="KI15" s="344">
        <v>6126009</v>
      </c>
      <c r="KJ15" s="344">
        <v>6726482</v>
      </c>
      <c r="KK15" s="344">
        <v>3335394</v>
      </c>
      <c r="KL15" s="348">
        <v>24353099</v>
      </c>
      <c r="KM15" s="353">
        <v>25064149</v>
      </c>
      <c r="KN15" s="341">
        <v>0</v>
      </c>
      <c r="KO15" s="342">
        <v>0</v>
      </c>
      <c r="KP15" s="343">
        <v>0</v>
      </c>
      <c r="KQ15" s="412">
        <v>0</v>
      </c>
      <c r="KR15" s="344">
        <v>8453541</v>
      </c>
      <c r="KS15" s="344">
        <v>18939245</v>
      </c>
      <c r="KT15" s="344">
        <v>23659528</v>
      </c>
      <c r="KU15" s="344">
        <v>18593074</v>
      </c>
      <c r="KV15" s="344">
        <v>8939261</v>
      </c>
      <c r="KW15" s="348">
        <v>78584649</v>
      </c>
      <c r="KX15" s="346">
        <v>78584649</v>
      </c>
      <c r="KY15" s="347">
        <v>0</v>
      </c>
      <c r="KZ15" s="344">
        <v>0</v>
      </c>
      <c r="LA15" s="348">
        <v>0</v>
      </c>
      <c r="LB15" s="412">
        <v>0</v>
      </c>
      <c r="LC15" s="344">
        <v>367368</v>
      </c>
      <c r="LD15" s="344">
        <v>548880</v>
      </c>
      <c r="LE15" s="344">
        <v>1322862</v>
      </c>
      <c r="LF15" s="344">
        <v>1753080</v>
      </c>
      <c r="LG15" s="344">
        <v>962062</v>
      </c>
      <c r="LH15" s="348">
        <v>4954252</v>
      </c>
      <c r="LI15" s="349">
        <v>4954252</v>
      </c>
      <c r="LJ15" s="347">
        <v>0</v>
      </c>
      <c r="LK15" s="344">
        <v>0</v>
      </c>
      <c r="LL15" s="348">
        <v>0</v>
      </c>
      <c r="LM15" s="412">
        <v>0</v>
      </c>
      <c r="LN15" s="344">
        <v>0</v>
      </c>
      <c r="LO15" s="344">
        <v>0</v>
      </c>
      <c r="LP15" s="344">
        <v>0</v>
      </c>
      <c r="LQ15" s="344">
        <v>329808</v>
      </c>
      <c r="LR15" s="344">
        <v>0</v>
      </c>
      <c r="LS15" s="348">
        <v>329808</v>
      </c>
      <c r="LT15" s="346">
        <v>329808</v>
      </c>
      <c r="LU15" s="347">
        <v>0</v>
      </c>
      <c r="LV15" s="344">
        <v>0</v>
      </c>
      <c r="LW15" s="348">
        <v>0</v>
      </c>
      <c r="LX15" s="412">
        <v>0</v>
      </c>
      <c r="LY15" s="344">
        <v>148134</v>
      </c>
      <c r="LZ15" s="344">
        <v>384723</v>
      </c>
      <c r="MA15" s="344">
        <v>818781</v>
      </c>
      <c r="MB15" s="344">
        <v>1281940</v>
      </c>
      <c r="MC15" s="344">
        <v>2767282</v>
      </c>
      <c r="MD15" s="348">
        <v>5400860</v>
      </c>
      <c r="ME15" s="349">
        <v>5400860</v>
      </c>
      <c r="MF15" s="347">
        <v>0</v>
      </c>
      <c r="MG15" s="344">
        <v>0</v>
      </c>
      <c r="MH15" s="348">
        <v>0</v>
      </c>
      <c r="MI15" s="412">
        <v>0</v>
      </c>
      <c r="MJ15" s="344">
        <v>8890786</v>
      </c>
      <c r="MK15" s="344">
        <v>19614155</v>
      </c>
      <c r="ML15" s="344">
        <v>88630654</v>
      </c>
      <c r="MM15" s="344">
        <v>135079806</v>
      </c>
      <c r="MN15" s="344">
        <v>115395986</v>
      </c>
      <c r="MO15" s="348">
        <v>367611387</v>
      </c>
      <c r="MP15" s="353">
        <v>367611387</v>
      </c>
      <c r="MQ15" s="347">
        <v>0</v>
      </c>
      <c r="MR15" s="344">
        <v>0</v>
      </c>
      <c r="MS15" s="348">
        <v>0</v>
      </c>
      <c r="MT15" s="412">
        <v>0</v>
      </c>
      <c r="MU15" s="344">
        <v>609557</v>
      </c>
      <c r="MV15" s="344">
        <v>1234636</v>
      </c>
      <c r="MW15" s="344">
        <v>53735947</v>
      </c>
      <c r="MX15" s="344">
        <v>98263843</v>
      </c>
      <c r="MY15" s="344">
        <v>83313790</v>
      </c>
      <c r="MZ15" s="348">
        <v>237157773</v>
      </c>
      <c r="NA15" s="353">
        <v>237157773</v>
      </c>
      <c r="NB15" s="347">
        <v>0</v>
      </c>
      <c r="NC15" s="344">
        <v>0</v>
      </c>
      <c r="ND15" s="348">
        <v>0</v>
      </c>
      <c r="NE15" s="412">
        <v>0</v>
      </c>
      <c r="NF15" s="344">
        <v>8281229</v>
      </c>
      <c r="NG15" s="344">
        <v>18379519</v>
      </c>
      <c r="NH15" s="344">
        <v>34894707</v>
      </c>
      <c r="NI15" s="344">
        <v>35635865</v>
      </c>
      <c r="NJ15" s="344">
        <v>27878041</v>
      </c>
      <c r="NK15" s="348">
        <v>125069361</v>
      </c>
      <c r="NL15" s="346">
        <v>125069361</v>
      </c>
      <c r="NM15" s="347">
        <v>0</v>
      </c>
      <c r="NN15" s="344">
        <v>0</v>
      </c>
      <c r="NO15" s="348">
        <v>0</v>
      </c>
      <c r="NP15" s="412">
        <v>0</v>
      </c>
      <c r="NQ15" s="344">
        <v>0</v>
      </c>
      <c r="NR15" s="344">
        <v>0</v>
      </c>
      <c r="NS15" s="344">
        <v>0</v>
      </c>
      <c r="NT15" s="344">
        <v>0</v>
      </c>
      <c r="NU15" s="344">
        <v>0</v>
      </c>
      <c r="NV15" s="348">
        <v>0</v>
      </c>
      <c r="NW15" s="349">
        <v>0</v>
      </c>
      <c r="NX15" s="347">
        <v>0</v>
      </c>
      <c r="NY15" s="344">
        <v>0</v>
      </c>
      <c r="NZ15" s="348">
        <v>0</v>
      </c>
      <c r="OA15" s="412">
        <v>0</v>
      </c>
      <c r="OB15" s="344">
        <v>0</v>
      </c>
      <c r="OC15" s="344">
        <v>0</v>
      </c>
      <c r="OD15" s="344">
        <v>0</v>
      </c>
      <c r="OE15" s="344">
        <v>1180098</v>
      </c>
      <c r="OF15" s="344">
        <v>4204155</v>
      </c>
      <c r="OG15" s="348">
        <v>5384253</v>
      </c>
      <c r="OH15" s="349">
        <v>5384253</v>
      </c>
      <c r="OI15" s="347">
        <v>13365388</v>
      </c>
      <c r="OJ15" s="344">
        <v>16101557</v>
      </c>
      <c r="OK15" s="345">
        <v>29466945</v>
      </c>
      <c r="OL15" s="350">
        <v>0</v>
      </c>
      <c r="OM15" s="344">
        <v>192748908</v>
      </c>
      <c r="ON15" s="344">
        <v>213636151</v>
      </c>
      <c r="OO15" s="344">
        <v>302233612</v>
      </c>
      <c r="OP15" s="344">
        <v>347949420</v>
      </c>
      <c r="OQ15" s="344">
        <v>269812516</v>
      </c>
      <c r="OR15" s="348">
        <v>1326380607</v>
      </c>
      <c r="OS15" s="353">
        <v>1355847552</v>
      </c>
    </row>
    <row r="16" spans="1:409" s="70" customFormat="1" ht="21" customHeight="1" x14ac:dyDescent="0.2">
      <c r="B16" s="409" t="s">
        <v>10</v>
      </c>
      <c r="C16" s="325">
        <v>26782934</v>
      </c>
      <c r="D16" s="326">
        <v>43697579</v>
      </c>
      <c r="E16" s="327">
        <v>70480513</v>
      </c>
      <c r="F16" s="363">
        <v>0</v>
      </c>
      <c r="G16" s="326">
        <v>345954194</v>
      </c>
      <c r="H16" s="326">
        <v>285085541</v>
      </c>
      <c r="I16" s="326">
        <v>262507872</v>
      </c>
      <c r="J16" s="326">
        <v>259773133</v>
      </c>
      <c r="K16" s="326">
        <v>201218873</v>
      </c>
      <c r="L16" s="328">
        <v>1354539613</v>
      </c>
      <c r="M16" s="329">
        <v>1425020126</v>
      </c>
      <c r="N16" s="325">
        <v>6402714</v>
      </c>
      <c r="O16" s="326">
        <v>13465212</v>
      </c>
      <c r="P16" s="327">
        <v>19867926</v>
      </c>
      <c r="Q16" s="325">
        <v>0</v>
      </c>
      <c r="R16" s="326">
        <v>103754701</v>
      </c>
      <c r="S16" s="326">
        <v>94848277</v>
      </c>
      <c r="T16" s="326">
        <v>96560956</v>
      </c>
      <c r="U16" s="326">
        <v>115969367</v>
      </c>
      <c r="V16" s="326">
        <v>111079945</v>
      </c>
      <c r="W16" s="327">
        <v>522213246</v>
      </c>
      <c r="X16" s="329">
        <v>542081172</v>
      </c>
      <c r="Y16" s="325">
        <v>0</v>
      </c>
      <c r="Z16" s="326">
        <v>0</v>
      </c>
      <c r="AA16" s="327">
        <v>0</v>
      </c>
      <c r="AB16" s="325">
        <v>0</v>
      </c>
      <c r="AC16" s="326">
        <v>50033140</v>
      </c>
      <c r="AD16" s="326">
        <v>48979242</v>
      </c>
      <c r="AE16" s="326">
        <v>63397904</v>
      </c>
      <c r="AF16" s="326">
        <v>78232877</v>
      </c>
      <c r="AG16" s="326">
        <v>69549945</v>
      </c>
      <c r="AH16" s="327">
        <v>310193108</v>
      </c>
      <c r="AI16" s="329">
        <v>310193108</v>
      </c>
      <c r="AJ16" s="325">
        <v>0</v>
      </c>
      <c r="AK16" s="326">
        <v>36037</v>
      </c>
      <c r="AL16" s="327">
        <v>36037</v>
      </c>
      <c r="AM16" s="325">
        <v>0</v>
      </c>
      <c r="AN16" s="326">
        <v>413354</v>
      </c>
      <c r="AO16" s="326">
        <v>1716833</v>
      </c>
      <c r="AP16" s="326">
        <v>2131203</v>
      </c>
      <c r="AQ16" s="326">
        <v>5351719</v>
      </c>
      <c r="AR16" s="326">
        <v>10745236</v>
      </c>
      <c r="AS16" s="327">
        <v>20358345</v>
      </c>
      <c r="AT16" s="329">
        <v>20394382</v>
      </c>
      <c r="AU16" s="325">
        <v>3821005</v>
      </c>
      <c r="AV16" s="326">
        <v>9281305</v>
      </c>
      <c r="AW16" s="327">
        <v>13102310</v>
      </c>
      <c r="AX16" s="325">
        <v>0</v>
      </c>
      <c r="AY16" s="326">
        <v>33225959</v>
      </c>
      <c r="AZ16" s="326">
        <v>26097214</v>
      </c>
      <c r="BA16" s="326">
        <v>15090924</v>
      </c>
      <c r="BB16" s="326">
        <v>16636909</v>
      </c>
      <c r="BC16" s="326">
        <v>17741246</v>
      </c>
      <c r="BD16" s="327">
        <v>108792252</v>
      </c>
      <c r="BE16" s="329">
        <v>121894562</v>
      </c>
      <c r="BF16" s="325">
        <v>571314</v>
      </c>
      <c r="BG16" s="326">
        <v>1063778</v>
      </c>
      <c r="BH16" s="330">
        <v>1635092</v>
      </c>
      <c r="BI16" s="331">
        <v>0</v>
      </c>
      <c r="BJ16" s="326">
        <v>2124144</v>
      </c>
      <c r="BK16" s="326">
        <v>2305634</v>
      </c>
      <c r="BL16" s="326">
        <v>1744291</v>
      </c>
      <c r="BM16" s="326">
        <v>776723</v>
      </c>
      <c r="BN16" s="326">
        <v>973980</v>
      </c>
      <c r="BO16" s="327">
        <v>7924772</v>
      </c>
      <c r="BP16" s="329">
        <v>9559864</v>
      </c>
      <c r="BQ16" s="325">
        <v>2010395</v>
      </c>
      <c r="BR16" s="326">
        <v>3084092</v>
      </c>
      <c r="BS16" s="327">
        <v>5094487</v>
      </c>
      <c r="BT16" s="325">
        <v>0</v>
      </c>
      <c r="BU16" s="326">
        <v>17958104</v>
      </c>
      <c r="BV16" s="326">
        <v>15749354</v>
      </c>
      <c r="BW16" s="326">
        <v>14196634</v>
      </c>
      <c r="BX16" s="326">
        <v>14971139</v>
      </c>
      <c r="BY16" s="326">
        <v>12069538</v>
      </c>
      <c r="BZ16" s="327">
        <v>74944769</v>
      </c>
      <c r="CA16" s="329">
        <v>80039256</v>
      </c>
      <c r="CB16" s="325">
        <v>1431764</v>
      </c>
      <c r="CC16" s="326">
        <v>3512497</v>
      </c>
      <c r="CD16" s="327">
        <v>4944261</v>
      </c>
      <c r="CE16" s="325">
        <v>0</v>
      </c>
      <c r="CF16" s="326">
        <v>104674141</v>
      </c>
      <c r="CG16" s="326">
        <v>73719919</v>
      </c>
      <c r="CH16" s="326">
        <v>54115863</v>
      </c>
      <c r="CI16" s="326">
        <v>34946277</v>
      </c>
      <c r="CJ16" s="326">
        <v>17722732</v>
      </c>
      <c r="CK16" s="327">
        <v>285178932</v>
      </c>
      <c r="CL16" s="329">
        <v>290123193</v>
      </c>
      <c r="CM16" s="325">
        <v>0</v>
      </c>
      <c r="CN16" s="326">
        <v>0</v>
      </c>
      <c r="CO16" s="327">
        <v>0</v>
      </c>
      <c r="CP16" s="331">
        <v>0</v>
      </c>
      <c r="CQ16" s="326">
        <v>90603720</v>
      </c>
      <c r="CR16" s="326">
        <v>61312000</v>
      </c>
      <c r="CS16" s="326">
        <v>47214588</v>
      </c>
      <c r="CT16" s="326">
        <v>29159032</v>
      </c>
      <c r="CU16" s="326">
        <v>15250588</v>
      </c>
      <c r="CV16" s="327">
        <v>243539928</v>
      </c>
      <c r="CW16" s="329">
        <v>243539928</v>
      </c>
      <c r="CX16" s="325">
        <v>1431764</v>
      </c>
      <c r="CY16" s="326">
        <v>3512497</v>
      </c>
      <c r="CZ16" s="327">
        <v>4944261</v>
      </c>
      <c r="DA16" s="325">
        <v>0</v>
      </c>
      <c r="DB16" s="326">
        <v>14070421</v>
      </c>
      <c r="DC16" s="326">
        <v>12407919</v>
      </c>
      <c r="DD16" s="326">
        <v>6901275</v>
      </c>
      <c r="DE16" s="326">
        <v>5787245</v>
      </c>
      <c r="DF16" s="326">
        <v>2472144</v>
      </c>
      <c r="DG16" s="327">
        <v>41639004</v>
      </c>
      <c r="DH16" s="329">
        <v>46583265</v>
      </c>
      <c r="DI16" s="325">
        <v>173683</v>
      </c>
      <c r="DJ16" s="326">
        <v>764941</v>
      </c>
      <c r="DK16" s="330">
        <v>938624</v>
      </c>
      <c r="DL16" s="331">
        <v>0</v>
      </c>
      <c r="DM16" s="326">
        <v>10850245</v>
      </c>
      <c r="DN16" s="326">
        <v>14242247</v>
      </c>
      <c r="DO16" s="326">
        <v>24113821</v>
      </c>
      <c r="DP16" s="326">
        <v>19711185</v>
      </c>
      <c r="DQ16" s="326">
        <v>9960365</v>
      </c>
      <c r="DR16" s="327">
        <v>78877863</v>
      </c>
      <c r="DS16" s="329">
        <v>79816487</v>
      </c>
      <c r="DT16" s="325">
        <v>173683</v>
      </c>
      <c r="DU16" s="326">
        <v>764941</v>
      </c>
      <c r="DV16" s="327">
        <v>938624</v>
      </c>
      <c r="DW16" s="325">
        <v>0</v>
      </c>
      <c r="DX16" s="326">
        <v>10265138</v>
      </c>
      <c r="DY16" s="326">
        <v>13145317</v>
      </c>
      <c r="DZ16" s="326">
        <v>23166022</v>
      </c>
      <c r="EA16" s="326">
        <v>17587294</v>
      </c>
      <c r="EB16" s="326">
        <v>9570210</v>
      </c>
      <c r="EC16" s="327">
        <v>73733981</v>
      </c>
      <c r="ED16" s="329">
        <v>74672605</v>
      </c>
      <c r="EE16" s="325">
        <v>0</v>
      </c>
      <c r="EF16" s="330">
        <v>0</v>
      </c>
      <c r="EG16" s="327">
        <v>0</v>
      </c>
      <c r="EH16" s="325">
        <v>0</v>
      </c>
      <c r="EI16" s="326">
        <v>585107</v>
      </c>
      <c r="EJ16" s="326">
        <v>1096930</v>
      </c>
      <c r="EK16" s="326">
        <v>947799</v>
      </c>
      <c r="EL16" s="326">
        <v>2123891</v>
      </c>
      <c r="EM16" s="326">
        <v>390155</v>
      </c>
      <c r="EN16" s="330">
        <v>5143882</v>
      </c>
      <c r="EO16" s="329">
        <v>5143882</v>
      </c>
      <c r="EP16" s="325">
        <v>0</v>
      </c>
      <c r="EQ16" s="326">
        <v>0</v>
      </c>
      <c r="ER16" s="330">
        <v>0</v>
      </c>
      <c r="ES16" s="331">
        <v>0</v>
      </c>
      <c r="ET16" s="326">
        <v>0</v>
      </c>
      <c r="EU16" s="326">
        <v>0</v>
      </c>
      <c r="EV16" s="326">
        <v>0</v>
      </c>
      <c r="EW16" s="326">
        <v>0</v>
      </c>
      <c r="EX16" s="326">
        <v>0</v>
      </c>
      <c r="EY16" s="327">
        <v>0</v>
      </c>
      <c r="EZ16" s="329">
        <v>0</v>
      </c>
      <c r="FA16" s="325">
        <v>0</v>
      </c>
      <c r="FB16" s="326">
        <v>0</v>
      </c>
      <c r="FC16" s="330">
        <v>0</v>
      </c>
      <c r="FD16" s="331">
        <v>0</v>
      </c>
      <c r="FE16" s="326">
        <v>0</v>
      </c>
      <c r="FF16" s="326">
        <v>0</v>
      </c>
      <c r="FG16" s="326">
        <v>0</v>
      </c>
      <c r="FH16" s="326">
        <v>0</v>
      </c>
      <c r="FI16" s="326">
        <v>0</v>
      </c>
      <c r="FJ16" s="327">
        <v>0</v>
      </c>
      <c r="FK16" s="329">
        <v>0</v>
      </c>
      <c r="FL16" s="325">
        <v>8340385</v>
      </c>
      <c r="FM16" s="326">
        <v>11267517</v>
      </c>
      <c r="FN16" s="327">
        <v>19607902</v>
      </c>
      <c r="FO16" s="325">
        <v>0</v>
      </c>
      <c r="FP16" s="326">
        <v>21474806</v>
      </c>
      <c r="FQ16" s="326">
        <v>25657902</v>
      </c>
      <c r="FR16" s="326">
        <v>18388663</v>
      </c>
      <c r="FS16" s="326">
        <v>18879021</v>
      </c>
      <c r="FT16" s="326">
        <v>14023693</v>
      </c>
      <c r="FU16" s="327">
        <v>98424085</v>
      </c>
      <c r="FV16" s="329">
        <v>118031987</v>
      </c>
      <c r="FW16" s="332">
        <v>5181271</v>
      </c>
      <c r="FX16" s="326">
        <v>9198454</v>
      </c>
      <c r="FY16" s="330">
        <v>14379725</v>
      </c>
      <c r="FZ16" s="331">
        <v>0</v>
      </c>
      <c r="GA16" s="326">
        <v>16789395</v>
      </c>
      <c r="GB16" s="326">
        <v>23688080</v>
      </c>
      <c r="GC16" s="326">
        <v>17421805</v>
      </c>
      <c r="GD16" s="326">
        <v>17406525</v>
      </c>
      <c r="GE16" s="326">
        <v>13762348</v>
      </c>
      <c r="GF16" s="327">
        <v>89068153</v>
      </c>
      <c r="GG16" s="333">
        <v>103447878</v>
      </c>
      <c r="GH16" s="332">
        <v>547792</v>
      </c>
      <c r="GI16" s="326">
        <v>439784</v>
      </c>
      <c r="GJ16" s="330">
        <v>987576</v>
      </c>
      <c r="GK16" s="331">
        <v>0</v>
      </c>
      <c r="GL16" s="326">
        <v>1738205</v>
      </c>
      <c r="GM16" s="326">
        <v>635193</v>
      </c>
      <c r="GN16" s="326">
        <v>571115</v>
      </c>
      <c r="GO16" s="326">
        <v>516581</v>
      </c>
      <c r="GP16" s="326">
        <v>81345</v>
      </c>
      <c r="GQ16" s="327">
        <v>3542439</v>
      </c>
      <c r="GR16" s="329">
        <v>4530015</v>
      </c>
      <c r="GS16" s="325">
        <v>2611322</v>
      </c>
      <c r="GT16" s="326">
        <v>1629279</v>
      </c>
      <c r="GU16" s="327">
        <v>4240601</v>
      </c>
      <c r="GV16" s="325">
        <v>0</v>
      </c>
      <c r="GW16" s="326">
        <v>2947206</v>
      </c>
      <c r="GX16" s="326">
        <v>1334629</v>
      </c>
      <c r="GY16" s="326">
        <v>395743</v>
      </c>
      <c r="GZ16" s="326">
        <v>955915</v>
      </c>
      <c r="HA16" s="326">
        <v>180000</v>
      </c>
      <c r="HB16" s="330">
        <v>5813493</v>
      </c>
      <c r="HC16" s="329">
        <v>10054094</v>
      </c>
      <c r="HD16" s="325">
        <v>4502406</v>
      </c>
      <c r="HE16" s="326">
        <v>6723419</v>
      </c>
      <c r="HF16" s="330">
        <v>11225825</v>
      </c>
      <c r="HG16" s="331">
        <v>0</v>
      </c>
      <c r="HH16" s="326">
        <v>50598873</v>
      </c>
      <c r="HI16" s="326">
        <v>46384059</v>
      </c>
      <c r="HJ16" s="326">
        <v>48069836</v>
      </c>
      <c r="HK16" s="326">
        <v>54262711</v>
      </c>
      <c r="HL16" s="326">
        <v>37637434</v>
      </c>
      <c r="HM16" s="327">
        <v>236952913</v>
      </c>
      <c r="HN16" s="328">
        <v>248178738</v>
      </c>
      <c r="HO16" s="332">
        <v>5931982</v>
      </c>
      <c r="HP16" s="326">
        <v>7963993</v>
      </c>
      <c r="HQ16" s="327">
        <v>13895975</v>
      </c>
      <c r="HR16" s="325">
        <v>0</v>
      </c>
      <c r="HS16" s="326">
        <v>54601428</v>
      </c>
      <c r="HT16" s="326">
        <v>30233137</v>
      </c>
      <c r="HU16" s="326">
        <v>21258733</v>
      </c>
      <c r="HV16" s="326">
        <v>16004572</v>
      </c>
      <c r="HW16" s="326">
        <v>10794704</v>
      </c>
      <c r="HX16" s="330">
        <v>132892574</v>
      </c>
      <c r="HY16" s="329">
        <v>146788549</v>
      </c>
      <c r="HZ16" s="357">
        <v>574916</v>
      </c>
      <c r="IA16" s="355">
        <v>1978166</v>
      </c>
      <c r="IB16" s="357">
        <v>2553082</v>
      </c>
      <c r="IC16" s="354">
        <v>0</v>
      </c>
      <c r="ID16" s="355">
        <v>79085249</v>
      </c>
      <c r="IE16" s="356">
        <v>76586062</v>
      </c>
      <c r="IF16" s="357">
        <v>84934845</v>
      </c>
      <c r="IG16" s="355">
        <v>87802062</v>
      </c>
      <c r="IH16" s="357">
        <v>66493365</v>
      </c>
      <c r="II16" s="358">
        <v>394901583</v>
      </c>
      <c r="IJ16" s="357">
        <v>397454665</v>
      </c>
      <c r="IK16" s="341">
        <v>0</v>
      </c>
      <c r="IL16" s="342">
        <v>0</v>
      </c>
      <c r="IM16" s="343">
        <v>0</v>
      </c>
      <c r="IN16" s="403">
        <v>0</v>
      </c>
      <c r="IO16" s="344">
        <v>1735469</v>
      </c>
      <c r="IP16" s="344">
        <v>1623504</v>
      </c>
      <c r="IQ16" s="344">
        <v>2420713</v>
      </c>
      <c r="IR16" s="344">
        <v>4238573</v>
      </c>
      <c r="IS16" s="344">
        <v>4069531</v>
      </c>
      <c r="IT16" s="345">
        <v>14087790</v>
      </c>
      <c r="IU16" s="346">
        <v>14087790</v>
      </c>
      <c r="IV16" s="347">
        <v>0</v>
      </c>
      <c r="IW16" s="344">
        <v>0</v>
      </c>
      <c r="IX16" s="348">
        <v>0</v>
      </c>
      <c r="IY16" s="412">
        <v>0</v>
      </c>
      <c r="IZ16" s="344">
        <v>97823</v>
      </c>
      <c r="JA16" s="344">
        <v>61098</v>
      </c>
      <c r="JB16" s="344">
        <v>97182</v>
      </c>
      <c r="JC16" s="344">
        <v>385178</v>
      </c>
      <c r="JD16" s="344">
        <v>195214</v>
      </c>
      <c r="JE16" s="348">
        <v>836495</v>
      </c>
      <c r="JF16" s="349">
        <v>836495</v>
      </c>
      <c r="JG16" s="347">
        <v>0</v>
      </c>
      <c r="JH16" s="344">
        <v>0</v>
      </c>
      <c r="JI16" s="345">
        <v>0</v>
      </c>
      <c r="JJ16" s="350">
        <v>0</v>
      </c>
      <c r="JK16" s="344">
        <v>25239994</v>
      </c>
      <c r="JL16" s="344">
        <v>15295393</v>
      </c>
      <c r="JM16" s="344">
        <v>9798090</v>
      </c>
      <c r="JN16" s="344">
        <v>7078750</v>
      </c>
      <c r="JO16" s="344">
        <v>2310760</v>
      </c>
      <c r="JP16" s="348">
        <v>59722987</v>
      </c>
      <c r="JQ16" s="346">
        <v>59722987</v>
      </c>
      <c r="JR16" s="347">
        <v>0</v>
      </c>
      <c r="JS16" s="344">
        <v>46251</v>
      </c>
      <c r="JT16" s="345">
        <v>46251</v>
      </c>
      <c r="JU16" s="350">
        <v>0</v>
      </c>
      <c r="JV16" s="344">
        <v>754231</v>
      </c>
      <c r="JW16" s="344">
        <v>1092496</v>
      </c>
      <c r="JX16" s="344">
        <v>3239731</v>
      </c>
      <c r="JY16" s="344">
        <v>1753883</v>
      </c>
      <c r="JZ16" s="344">
        <v>1624028</v>
      </c>
      <c r="KA16" s="348">
        <v>8464369</v>
      </c>
      <c r="KB16" s="346">
        <v>8510620</v>
      </c>
      <c r="KC16" s="351">
        <v>574916</v>
      </c>
      <c r="KD16" s="352">
        <v>1420440</v>
      </c>
      <c r="KE16" s="348">
        <v>1995356</v>
      </c>
      <c r="KF16" s="350">
        <v>0</v>
      </c>
      <c r="KG16" s="344">
        <v>12771919</v>
      </c>
      <c r="KH16" s="344">
        <v>13524442</v>
      </c>
      <c r="KI16" s="344">
        <v>19471227</v>
      </c>
      <c r="KJ16" s="344">
        <v>16628801</v>
      </c>
      <c r="KK16" s="344">
        <v>13411258</v>
      </c>
      <c r="KL16" s="348">
        <v>75807647</v>
      </c>
      <c r="KM16" s="353">
        <v>77803003</v>
      </c>
      <c r="KN16" s="341">
        <v>0</v>
      </c>
      <c r="KO16" s="342">
        <v>511475</v>
      </c>
      <c r="KP16" s="343">
        <v>511475</v>
      </c>
      <c r="KQ16" s="412">
        <v>0</v>
      </c>
      <c r="KR16" s="344">
        <v>28670883</v>
      </c>
      <c r="KS16" s="344">
        <v>32207148</v>
      </c>
      <c r="KT16" s="344">
        <v>35080069</v>
      </c>
      <c r="KU16" s="344">
        <v>25968000</v>
      </c>
      <c r="KV16" s="344">
        <v>21995567</v>
      </c>
      <c r="KW16" s="348">
        <v>143921667</v>
      </c>
      <c r="KX16" s="346">
        <v>144433142</v>
      </c>
      <c r="KY16" s="347">
        <v>0</v>
      </c>
      <c r="KZ16" s="344">
        <v>0</v>
      </c>
      <c r="LA16" s="348">
        <v>0</v>
      </c>
      <c r="LB16" s="412">
        <v>0</v>
      </c>
      <c r="LC16" s="344">
        <v>6545430</v>
      </c>
      <c r="LD16" s="344">
        <v>4430040</v>
      </c>
      <c r="LE16" s="344">
        <v>5401797</v>
      </c>
      <c r="LF16" s="344">
        <v>7821950</v>
      </c>
      <c r="LG16" s="344">
        <v>7014539</v>
      </c>
      <c r="LH16" s="348">
        <v>31213756</v>
      </c>
      <c r="LI16" s="349">
        <v>31213756</v>
      </c>
      <c r="LJ16" s="347">
        <v>0</v>
      </c>
      <c r="LK16" s="344">
        <v>0</v>
      </c>
      <c r="LL16" s="348">
        <v>0</v>
      </c>
      <c r="LM16" s="412">
        <v>0</v>
      </c>
      <c r="LN16" s="344">
        <v>0</v>
      </c>
      <c r="LO16" s="344">
        <v>212983</v>
      </c>
      <c r="LP16" s="344">
        <v>761652</v>
      </c>
      <c r="LQ16" s="344">
        <v>5193544</v>
      </c>
      <c r="LR16" s="344">
        <v>5904844</v>
      </c>
      <c r="LS16" s="348">
        <v>12073023</v>
      </c>
      <c r="LT16" s="346">
        <v>12073023</v>
      </c>
      <c r="LU16" s="347">
        <v>0</v>
      </c>
      <c r="LV16" s="344">
        <v>0</v>
      </c>
      <c r="LW16" s="348">
        <v>0</v>
      </c>
      <c r="LX16" s="412">
        <v>0</v>
      </c>
      <c r="LY16" s="344">
        <v>3269500</v>
      </c>
      <c r="LZ16" s="344">
        <v>8138958</v>
      </c>
      <c r="MA16" s="344">
        <v>8664384</v>
      </c>
      <c r="MB16" s="344">
        <v>18733383</v>
      </c>
      <c r="MC16" s="344">
        <v>9967624</v>
      </c>
      <c r="MD16" s="348">
        <v>48773849</v>
      </c>
      <c r="ME16" s="349">
        <v>48773849</v>
      </c>
      <c r="MF16" s="347">
        <v>0</v>
      </c>
      <c r="MG16" s="344">
        <v>0</v>
      </c>
      <c r="MH16" s="348">
        <v>0</v>
      </c>
      <c r="MI16" s="412">
        <v>0</v>
      </c>
      <c r="MJ16" s="344">
        <v>27907577</v>
      </c>
      <c r="MK16" s="344">
        <v>47258705</v>
      </c>
      <c r="ML16" s="344">
        <v>124589108</v>
      </c>
      <c r="MM16" s="344">
        <v>228637732</v>
      </c>
      <c r="MN16" s="344">
        <v>184896844</v>
      </c>
      <c r="MO16" s="348">
        <v>613289966</v>
      </c>
      <c r="MP16" s="353">
        <v>613289966</v>
      </c>
      <c r="MQ16" s="347">
        <v>0</v>
      </c>
      <c r="MR16" s="344">
        <v>0</v>
      </c>
      <c r="MS16" s="348">
        <v>0</v>
      </c>
      <c r="MT16" s="412">
        <v>0</v>
      </c>
      <c r="MU16" s="344">
        <v>3690952</v>
      </c>
      <c r="MV16" s="344">
        <v>12946805</v>
      </c>
      <c r="MW16" s="344">
        <v>82149877</v>
      </c>
      <c r="MX16" s="344">
        <v>170092196</v>
      </c>
      <c r="MY16" s="344">
        <v>137736760</v>
      </c>
      <c r="MZ16" s="348">
        <v>406616590</v>
      </c>
      <c r="NA16" s="353">
        <v>406616590</v>
      </c>
      <c r="NB16" s="347">
        <v>0</v>
      </c>
      <c r="NC16" s="344">
        <v>0</v>
      </c>
      <c r="ND16" s="348">
        <v>0</v>
      </c>
      <c r="NE16" s="412">
        <v>0</v>
      </c>
      <c r="NF16" s="344">
        <v>24216625</v>
      </c>
      <c r="NG16" s="344">
        <v>34311900</v>
      </c>
      <c r="NH16" s="344">
        <v>42200806</v>
      </c>
      <c r="NI16" s="344">
        <v>57013080</v>
      </c>
      <c r="NJ16" s="344">
        <v>36013424</v>
      </c>
      <c r="NK16" s="348">
        <v>193755835</v>
      </c>
      <c r="NL16" s="346">
        <v>193755835</v>
      </c>
      <c r="NM16" s="347">
        <v>0</v>
      </c>
      <c r="NN16" s="344">
        <v>0</v>
      </c>
      <c r="NO16" s="348">
        <v>0</v>
      </c>
      <c r="NP16" s="412">
        <v>0</v>
      </c>
      <c r="NQ16" s="344">
        <v>0</v>
      </c>
      <c r="NR16" s="344">
        <v>0</v>
      </c>
      <c r="NS16" s="344">
        <v>0</v>
      </c>
      <c r="NT16" s="344">
        <v>0</v>
      </c>
      <c r="NU16" s="344">
        <v>0</v>
      </c>
      <c r="NV16" s="348">
        <v>0</v>
      </c>
      <c r="NW16" s="349">
        <v>0</v>
      </c>
      <c r="NX16" s="347">
        <v>0</v>
      </c>
      <c r="NY16" s="344">
        <v>0</v>
      </c>
      <c r="NZ16" s="348">
        <v>0</v>
      </c>
      <c r="OA16" s="412">
        <v>0</v>
      </c>
      <c r="OB16" s="344">
        <v>0</v>
      </c>
      <c r="OC16" s="344">
        <v>0</v>
      </c>
      <c r="OD16" s="344">
        <v>238425</v>
      </c>
      <c r="OE16" s="344">
        <v>1532456</v>
      </c>
      <c r="OF16" s="344">
        <v>11146660</v>
      </c>
      <c r="OG16" s="348">
        <v>12917541</v>
      </c>
      <c r="OH16" s="349">
        <v>12917541</v>
      </c>
      <c r="OI16" s="347">
        <v>27357850</v>
      </c>
      <c r="OJ16" s="344">
        <v>45675745</v>
      </c>
      <c r="OK16" s="345">
        <v>73033595</v>
      </c>
      <c r="OL16" s="350">
        <v>0</v>
      </c>
      <c r="OM16" s="344">
        <v>452947020</v>
      </c>
      <c r="ON16" s="344">
        <v>408930308</v>
      </c>
      <c r="OO16" s="344">
        <v>472031825</v>
      </c>
      <c r="OP16" s="344">
        <v>576212927</v>
      </c>
      <c r="OQ16" s="344">
        <v>452609082</v>
      </c>
      <c r="OR16" s="348">
        <v>2362731162</v>
      </c>
      <c r="OS16" s="353">
        <v>2435764757</v>
      </c>
    </row>
    <row r="17" spans="2:409" s="70" customFormat="1" ht="21" customHeight="1" x14ac:dyDescent="0.2">
      <c r="B17" s="409" t="s">
        <v>11</v>
      </c>
      <c r="C17" s="325">
        <v>11738131</v>
      </c>
      <c r="D17" s="326">
        <v>15579203</v>
      </c>
      <c r="E17" s="364">
        <v>27317334</v>
      </c>
      <c r="F17" s="331">
        <v>0</v>
      </c>
      <c r="G17" s="326">
        <v>158211307</v>
      </c>
      <c r="H17" s="326">
        <v>141774615</v>
      </c>
      <c r="I17" s="326">
        <v>137076946</v>
      </c>
      <c r="J17" s="326">
        <v>148013434</v>
      </c>
      <c r="K17" s="326">
        <v>95267503</v>
      </c>
      <c r="L17" s="328">
        <v>680343805</v>
      </c>
      <c r="M17" s="329">
        <v>707661139</v>
      </c>
      <c r="N17" s="325">
        <v>1674314</v>
      </c>
      <c r="O17" s="326">
        <v>3073851</v>
      </c>
      <c r="P17" s="327">
        <v>4748165</v>
      </c>
      <c r="Q17" s="325">
        <v>0</v>
      </c>
      <c r="R17" s="326">
        <v>38390935</v>
      </c>
      <c r="S17" s="326">
        <v>40536173</v>
      </c>
      <c r="T17" s="326">
        <v>42207459</v>
      </c>
      <c r="U17" s="326">
        <v>54752425</v>
      </c>
      <c r="V17" s="326">
        <v>47710942</v>
      </c>
      <c r="W17" s="327">
        <v>223597934</v>
      </c>
      <c r="X17" s="329">
        <v>228346099</v>
      </c>
      <c r="Y17" s="325">
        <v>0</v>
      </c>
      <c r="Z17" s="326">
        <v>0</v>
      </c>
      <c r="AA17" s="327">
        <v>0</v>
      </c>
      <c r="AB17" s="325">
        <v>0</v>
      </c>
      <c r="AC17" s="326">
        <v>18915827</v>
      </c>
      <c r="AD17" s="326">
        <v>22314275</v>
      </c>
      <c r="AE17" s="326">
        <v>25425475</v>
      </c>
      <c r="AF17" s="326">
        <v>31217370</v>
      </c>
      <c r="AG17" s="326">
        <v>31195477</v>
      </c>
      <c r="AH17" s="327">
        <v>129068424</v>
      </c>
      <c r="AI17" s="329">
        <v>129068424</v>
      </c>
      <c r="AJ17" s="325">
        <v>0</v>
      </c>
      <c r="AK17" s="326">
        <v>0</v>
      </c>
      <c r="AL17" s="327">
        <v>0</v>
      </c>
      <c r="AM17" s="325">
        <v>0</v>
      </c>
      <c r="AN17" s="326">
        <v>140642</v>
      </c>
      <c r="AO17" s="326">
        <v>610818</v>
      </c>
      <c r="AP17" s="326">
        <v>1043525</v>
      </c>
      <c r="AQ17" s="326">
        <v>4188482</v>
      </c>
      <c r="AR17" s="326">
        <v>4123875</v>
      </c>
      <c r="AS17" s="327">
        <v>10107342</v>
      </c>
      <c r="AT17" s="329">
        <v>10107342</v>
      </c>
      <c r="AU17" s="325">
        <v>970034</v>
      </c>
      <c r="AV17" s="326">
        <v>2382786</v>
      </c>
      <c r="AW17" s="327">
        <v>3352820</v>
      </c>
      <c r="AX17" s="325">
        <v>0</v>
      </c>
      <c r="AY17" s="326">
        <v>12770305</v>
      </c>
      <c r="AZ17" s="326">
        <v>9815417</v>
      </c>
      <c r="BA17" s="326">
        <v>8952799</v>
      </c>
      <c r="BB17" s="326">
        <v>11767874</v>
      </c>
      <c r="BC17" s="326">
        <v>7945088</v>
      </c>
      <c r="BD17" s="327">
        <v>51251483</v>
      </c>
      <c r="BE17" s="329">
        <v>54604303</v>
      </c>
      <c r="BF17" s="325">
        <v>109603</v>
      </c>
      <c r="BG17" s="326">
        <v>239005</v>
      </c>
      <c r="BH17" s="330">
        <v>348608</v>
      </c>
      <c r="BI17" s="331">
        <v>0</v>
      </c>
      <c r="BJ17" s="326">
        <v>1051012</v>
      </c>
      <c r="BK17" s="326">
        <v>1061862</v>
      </c>
      <c r="BL17" s="326">
        <v>890610</v>
      </c>
      <c r="BM17" s="326">
        <v>1079802</v>
      </c>
      <c r="BN17" s="326">
        <v>201324</v>
      </c>
      <c r="BO17" s="327">
        <v>4284610</v>
      </c>
      <c r="BP17" s="329">
        <v>4633218</v>
      </c>
      <c r="BQ17" s="325">
        <v>594677</v>
      </c>
      <c r="BR17" s="326">
        <v>452060</v>
      </c>
      <c r="BS17" s="327">
        <v>1046737</v>
      </c>
      <c r="BT17" s="325">
        <v>0</v>
      </c>
      <c r="BU17" s="326">
        <v>5513149</v>
      </c>
      <c r="BV17" s="326">
        <v>6733801</v>
      </c>
      <c r="BW17" s="326">
        <v>5895050</v>
      </c>
      <c r="BX17" s="326">
        <v>6498897</v>
      </c>
      <c r="BY17" s="326">
        <v>4245178</v>
      </c>
      <c r="BZ17" s="327">
        <v>28886075</v>
      </c>
      <c r="CA17" s="329">
        <v>29932812</v>
      </c>
      <c r="CB17" s="325">
        <v>2387770</v>
      </c>
      <c r="CC17" s="326">
        <v>3427988</v>
      </c>
      <c r="CD17" s="327">
        <v>5815758</v>
      </c>
      <c r="CE17" s="325">
        <v>0</v>
      </c>
      <c r="CF17" s="326">
        <v>48574212</v>
      </c>
      <c r="CG17" s="326">
        <v>39668480</v>
      </c>
      <c r="CH17" s="326">
        <v>33851691</v>
      </c>
      <c r="CI17" s="326">
        <v>27623884</v>
      </c>
      <c r="CJ17" s="326">
        <v>11828862</v>
      </c>
      <c r="CK17" s="327">
        <v>161547129</v>
      </c>
      <c r="CL17" s="329">
        <v>167362887</v>
      </c>
      <c r="CM17" s="325">
        <v>0</v>
      </c>
      <c r="CN17" s="326">
        <v>0</v>
      </c>
      <c r="CO17" s="327">
        <v>0</v>
      </c>
      <c r="CP17" s="331">
        <v>0</v>
      </c>
      <c r="CQ17" s="326">
        <v>38713880</v>
      </c>
      <c r="CR17" s="326">
        <v>31207992</v>
      </c>
      <c r="CS17" s="326">
        <v>27724706</v>
      </c>
      <c r="CT17" s="326">
        <v>21523019</v>
      </c>
      <c r="CU17" s="326">
        <v>9723445</v>
      </c>
      <c r="CV17" s="327">
        <v>128893042</v>
      </c>
      <c r="CW17" s="329">
        <v>128893042</v>
      </c>
      <c r="CX17" s="325">
        <v>2387770</v>
      </c>
      <c r="CY17" s="326">
        <v>3427988</v>
      </c>
      <c r="CZ17" s="327">
        <v>5815758</v>
      </c>
      <c r="DA17" s="325">
        <v>0</v>
      </c>
      <c r="DB17" s="326">
        <v>9860332</v>
      </c>
      <c r="DC17" s="326">
        <v>8460488</v>
      </c>
      <c r="DD17" s="326">
        <v>6126985</v>
      </c>
      <c r="DE17" s="326">
        <v>6100865</v>
      </c>
      <c r="DF17" s="326">
        <v>2105417</v>
      </c>
      <c r="DG17" s="327">
        <v>32654087</v>
      </c>
      <c r="DH17" s="329">
        <v>38469845</v>
      </c>
      <c r="DI17" s="325">
        <v>191604</v>
      </c>
      <c r="DJ17" s="326">
        <v>505870</v>
      </c>
      <c r="DK17" s="330">
        <v>697474</v>
      </c>
      <c r="DL17" s="331">
        <v>0</v>
      </c>
      <c r="DM17" s="326">
        <v>5180028</v>
      </c>
      <c r="DN17" s="326">
        <v>5036014</v>
      </c>
      <c r="DO17" s="326">
        <v>12963354</v>
      </c>
      <c r="DP17" s="326">
        <v>9212377</v>
      </c>
      <c r="DQ17" s="326">
        <v>6014421</v>
      </c>
      <c r="DR17" s="327">
        <v>38406194</v>
      </c>
      <c r="DS17" s="329">
        <v>39103668</v>
      </c>
      <c r="DT17" s="325">
        <v>191604</v>
      </c>
      <c r="DU17" s="326">
        <v>416626</v>
      </c>
      <c r="DV17" s="327">
        <v>608230</v>
      </c>
      <c r="DW17" s="325">
        <v>0</v>
      </c>
      <c r="DX17" s="326">
        <v>4720580</v>
      </c>
      <c r="DY17" s="326">
        <v>4796848</v>
      </c>
      <c r="DZ17" s="326">
        <v>12042379</v>
      </c>
      <c r="EA17" s="326">
        <v>8795696</v>
      </c>
      <c r="EB17" s="326">
        <v>5191641</v>
      </c>
      <c r="EC17" s="327">
        <v>35547144</v>
      </c>
      <c r="ED17" s="329">
        <v>36155374</v>
      </c>
      <c r="EE17" s="325">
        <v>0</v>
      </c>
      <c r="EF17" s="330">
        <v>89244</v>
      </c>
      <c r="EG17" s="327">
        <v>89244</v>
      </c>
      <c r="EH17" s="325">
        <v>0</v>
      </c>
      <c r="EI17" s="326">
        <v>459448</v>
      </c>
      <c r="EJ17" s="326">
        <v>239166</v>
      </c>
      <c r="EK17" s="326">
        <v>920975</v>
      </c>
      <c r="EL17" s="326">
        <v>416681</v>
      </c>
      <c r="EM17" s="326">
        <v>822780</v>
      </c>
      <c r="EN17" s="330">
        <v>2859050</v>
      </c>
      <c r="EO17" s="329">
        <v>2948294</v>
      </c>
      <c r="EP17" s="325">
        <v>0</v>
      </c>
      <c r="EQ17" s="326">
        <v>0</v>
      </c>
      <c r="ER17" s="330">
        <v>0</v>
      </c>
      <c r="ES17" s="331">
        <v>0</v>
      </c>
      <c r="ET17" s="326">
        <v>0</v>
      </c>
      <c r="EU17" s="326">
        <v>0</v>
      </c>
      <c r="EV17" s="326">
        <v>0</v>
      </c>
      <c r="EW17" s="326">
        <v>0</v>
      </c>
      <c r="EX17" s="326">
        <v>0</v>
      </c>
      <c r="EY17" s="327">
        <v>0</v>
      </c>
      <c r="EZ17" s="329">
        <v>0</v>
      </c>
      <c r="FA17" s="325">
        <v>0</v>
      </c>
      <c r="FB17" s="326">
        <v>0</v>
      </c>
      <c r="FC17" s="330">
        <v>0</v>
      </c>
      <c r="FD17" s="331">
        <v>0</v>
      </c>
      <c r="FE17" s="326">
        <v>0</v>
      </c>
      <c r="FF17" s="326">
        <v>0</v>
      </c>
      <c r="FG17" s="326">
        <v>0</v>
      </c>
      <c r="FH17" s="326">
        <v>0</v>
      </c>
      <c r="FI17" s="326">
        <v>0</v>
      </c>
      <c r="FJ17" s="327">
        <v>0</v>
      </c>
      <c r="FK17" s="329">
        <v>0</v>
      </c>
      <c r="FL17" s="325">
        <v>2620570</v>
      </c>
      <c r="FM17" s="326">
        <v>3445194</v>
      </c>
      <c r="FN17" s="327">
        <v>6065764</v>
      </c>
      <c r="FO17" s="325">
        <v>0</v>
      </c>
      <c r="FP17" s="326">
        <v>7800173</v>
      </c>
      <c r="FQ17" s="326">
        <v>12065988</v>
      </c>
      <c r="FR17" s="326">
        <v>10513670</v>
      </c>
      <c r="FS17" s="326">
        <v>11568796</v>
      </c>
      <c r="FT17" s="326">
        <v>6526695</v>
      </c>
      <c r="FU17" s="327">
        <v>48475322</v>
      </c>
      <c r="FV17" s="329">
        <v>54541086</v>
      </c>
      <c r="FW17" s="332">
        <v>2041804</v>
      </c>
      <c r="FX17" s="326">
        <v>2956502</v>
      </c>
      <c r="FY17" s="330">
        <v>4998306</v>
      </c>
      <c r="FZ17" s="331">
        <v>0</v>
      </c>
      <c r="GA17" s="326">
        <v>6905838</v>
      </c>
      <c r="GB17" s="326">
        <v>11033203</v>
      </c>
      <c r="GC17" s="326">
        <v>9946166</v>
      </c>
      <c r="GD17" s="326">
        <v>10697829</v>
      </c>
      <c r="GE17" s="326">
        <v>6451851</v>
      </c>
      <c r="GF17" s="327">
        <v>45034887</v>
      </c>
      <c r="GG17" s="333">
        <v>50033193</v>
      </c>
      <c r="GH17" s="332">
        <v>228406</v>
      </c>
      <c r="GI17" s="326">
        <v>278054</v>
      </c>
      <c r="GJ17" s="330">
        <v>506460</v>
      </c>
      <c r="GK17" s="331">
        <v>0</v>
      </c>
      <c r="GL17" s="326">
        <v>431255</v>
      </c>
      <c r="GM17" s="326">
        <v>350145</v>
      </c>
      <c r="GN17" s="326">
        <v>202524</v>
      </c>
      <c r="GO17" s="326">
        <v>500767</v>
      </c>
      <c r="GP17" s="326">
        <v>74844</v>
      </c>
      <c r="GQ17" s="327">
        <v>1559535</v>
      </c>
      <c r="GR17" s="329">
        <v>2065995</v>
      </c>
      <c r="GS17" s="325">
        <v>350360</v>
      </c>
      <c r="GT17" s="326">
        <v>210638</v>
      </c>
      <c r="GU17" s="327">
        <v>560998</v>
      </c>
      <c r="GV17" s="325">
        <v>0</v>
      </c>
      <c r="GW17" s="326">
        <v>463080</v>
      </c>
      <c r="GX17" s="326">
        <v>682640</v>
      </c>
      <c r="GY17" s="326">
        <v>364980</v>
      </c>
      <c r="GZ17" s="326">
        <v>370200</v>
      </c>
      <c r="HA17" s="326">
        <v>0</v>
      </c>
      <c r="HB17" s="330">
        <v>1880900</v>
      </c>
      <c r="HC17" s="329">
        <v>2441898</v>
      </c>
      <c r="HD17" s="325">
        <v>2397642</v>
      </c>
      <c r="HE17" s="326">
        <v>2334148</v>
      </c>
      <c r="HF17" s="330">
        <v>4731790</v>
      </c>
      <c r="HG17" s="331">
        <v>0</v>
      </c>
      <c r="HH17" s="326">
        <v>31788809</v>
      </c>
      <c r="HI17" s="326">
        <v>27779212</v>
      </c>
      <c r="HJ17" s="326">
        <v>23904262</v>
      </c>
      <c r="HK17" s="326">
        <v>33922894</v>
      </c>
      <c r="HL17" s="326">
        <v>17721949</v>
      </c>
      <c r="HM17" s="327">
        <v>135117126</v>
      </c>
      <c r="HN17" s="328">
        <v>139848916</v>
      </c>
      <c r="HO17" s="332">
        <v>2466231</v>
      </c>
      <c r="HP17" s="326">
        <v>2792152</v>
      </c>
      <c r="HQ17" s="327">
        <v>5258383</v>
      </c>
      <c r="HR17" s="325">
        <v>0</v>
      </c>
      <c r="HS17" s="326">
        <v>26477150</v>
      </c>
      <c r="HT17" s="326">
        <v>16688748</v>
      </c>
      <c r="HU17" s="326">
        <v>13636510</v>
      </c>
      <c r="HV17" s="326">
        <v>10933058</v>
      </c>
      <c r="HW17" s="326">
        <v>5464634</v>
      </c>
      <c r="HX17" s="330">
        <v>73200100</v>
      </c>
      <c r="HY17" s="329">
        <v>78458483</v>
      </c>
      <c r="HZ17" s="334">
        <v>84865</v>
      </c>
      <c r="IA17" s="335">
        <v>1410769</v>
      </c>
      <c r="IB17" s="336">
        <v>1495634</v>
      </c>
      <c r="IC17" s="337">
        <v>0</v>
      </c>
      <c r="ID17" s="335">
        <v>50725003</v>
      </c>
      <c r="IE17" s="338">
        <v>52072003</v>
      </c>
      <c r="IF17" s="336">
        <v>58279897</v>
      </c>
      <c r="IG17" s="335">
        <v>36959552</v>
      </c>
      <c r="IH17" s="336">
        <v>19081204</v>
      </c>
      <c r="II17" s="339">
        <v>217117659</v>
      </c>
      <c r="IJ17" s="340">
        <v>218613293</v>
      </c>
      <c r="IK17" s="341">
        <v>0</v>
      </c>
      <c r="IL17" s="342">
        <v>0</v>
      </c>
      <c r="IM17" s="343">
        <v>0</v>
      </c>
      <c r="IN17" s="403">
        <v>0</v>
      </c>
      <c r="IO17" s="344">
        <v>583733</v>
      </c>
      <c r="IP17" s="344">
        <v>840840</v>
      </c>
      <c r="IQ17" s="344">
        <v>1187455</v>
      </c>
      <c r="IR17" s="344">
        <v>900875</v>
      </c>
      <c r="IS17" s="344">
        <v>1642812</v>
      </c>
      <c r="IT17" s="345">
        <v>5155715</v>
      </c>
      <c r="IU17" s="346">
        <v>5155715</v>
      </c>
      <c r="IV17" s="347">
        <v>0</v>
      </c>
      <c r="IW17" s="344">
        <v>0</v>
      </c>
      <c r="IX17" s="348">
        <v>0</v>
      </c>
      <c r="IY17" s="412">
        <v>0</v>
      </c>
      <c r="IZ17" s="344">
        <v>268035</v>
      </c>
      <c r="JA17" s="344">
        <v>289080</v>
      </c>
      <c r="JB17" s="344">
        <v>253302</v>
      </c>
      <c r="JC17" s="344">
        <v>625471</v>
      </c>
      <c r="JD17" s="344">
        <v>101774</v>
      </c>
      <c r="JE17" s="348">
        <v>1537662</v>
      </c>
      <c r="JF17" s="349">
        <v>1537662</v>
      </c>
      <c r="JG17" s="347">
        <v>0</v>
      </c>
      <c r="JH17" s="344">
        <v>0</v>
      </c>
      <c r="JI17" s="345">
        <v>0</v>
      </c>
      <c r="JJ17" s="350">
        <v>0</v>
      </c>
      <c r="JK17" s="344">
        <v>26508862</v>
      </c>
      <c r="JL17" s="344">
        <v>20174464</v>
      </c>
      <c r="JM17" s="344">
        <v>16975188</v>
      </c>
      <c r="JN17" s="344">
        <v>9754341</v>
      </c>
      <c r="JO17" s="344">
        <v>5531886</v>
      </c>
      <c r="JP17" s="348">
        <v>78944741</v>
      </c>
      <c r="JQ17" s="346">
        <v>78944741</v>
      </c>
      <c r="JR17" s="347">
        <v>0</v>
      </c>
      <c r="JS17" s="344">
        <v>0</v>
      </c>
      <c r="JT17" s="345">
        <v>0</v>
      </c>
      <c r="JU17" s="350">
        <v>0</v>
      </c>
      <c r="JV17" s="344">
        <v>1622347</v>
      </c>
      <c r="JW17" s="344">
        <v>1746770</v>
      </c>
      <c r="JX17" s="344">
        <v>1472473</v>
      </c>
      <c r="JY17" s="344">
        <v>154576</v>
      </c>
      <c r="JZ17" s="344">
        <v>141427</v>
      </c>
      <c r="KA17" s="348">
        <v>5137593</v>
      </c>
      <c r="KB17" s="346">
        <v>5137593</v>
      </c>
      <c r="KC17" s="351">
        <v>84865</v>
      </c>
      <c r="KD17" s="352">
        <v>408068</v>
      </c>
      <c r="KE17" s="348">
        <v>492933</v>
      </c>
      <c r="KF17" s="350">
        <v>0</v>
      </c>
      <c r="KG17" s="344">
        <v>5772026</v>
      </c>
      <c r="KH17" s="344">
        <v>7352638</v>
      </c>
      <c r="KI17" s="344">
        <v>12149747</v>
      </c>
      <c r="KJ17" s="344">
        <v>6428091</v>
      </c>
      <c r="KK17" s="344">
        <v>2604470</v>
      </c>
      <c r="KL17" s="348">
        <v>34306972</v>
      </c>
      <c r="KM17" s="353">
        <v>34799905</v>
      </c>
      <c r="KN17" s="341">
        <v>0</v>
      </c>
      <c r="KO17" s="342">
        <v>1002701</v>
      </c>
      <c r="KP17" s="343">
        <v>1002701</v>
      </c>
      <c r="KQ17" s="412">
        <v>0</v>
      </c>
      <c r="KR17" s="344">
        <v>14522399</v>
      </c>
      <c r="KS17" s="344">
        <v>20929106</v>
      </c>
      <c r="KT17" s="344">
        <v>24845708</v>
      </c>
      <c r="KU17" s="344">
        <v>16373551</v>
      </c>
      <c r="KV17" s="344">
        <v>8434494</v>
      </c>
      <c r="KW17" s="348">
        <v>85105258</v>
      </c>
      <c r="KX17" s="346">
        <v>86107959</v>
      </c>
      <c r="KY17" s="347">
        <v>0</v>
      </c>
      <c r="KZ17" s="344">
        <v>0</v>
      </c>
      <c r="LA17" s="348">
        <v>0</v>
      </c>
      <c r="LB17" s="412">
        <v>0</v>
      </c>
      <c r="LC17" s="344">
        <v>0</v>
      </c>
      <c r="LD17" s="344">
        <v>0</v>
      </c>
      <c r="LE17" s="344">
        <v>0</v>
      </c>
      <c r="LF17" s="344">
        <v>0</v>
      </c>
      <c r="LG17" s="344">
        <v>0</v>
      </c>
      <c r="LH17" s="348">
        <v>0</v>
      </c>
      <c r="LI17" s="349">
        <v>0</v>
      </c>
      <c r="LJ17" s="347">
        <v>0</v>
      </c>
      <c r="LK17" s="344">
        <v>0</v>
      </c>
      <c r="LL17" s="348">
        <v>0</v>
      </c>
      <c r="LM17" s="412">
        <v>0</v>
      </c>
      <c r="LN17" s="344">
        <v>0</v>
      </c>
      <c r="LO17" s="344">
        <v>247185</v>
      </c>
      <c r="LP17" s="344">
        <v>270036</v>
      </c>
      <c r="LQ17" s="344">
        <v>0</v>
      </c>
      <c r="LR17" s="344">
        <v>0</v>
      </c>
      <c r="LS17" s="348">
        <v>517221</v>
      </c>
      <c r="LT17" s="346">
        <v>517221</v>
      </c>
      <c r="LU17" s="347">
        <v>0</v>
      </c>
      <c r="LV17" s="344">
        <v>0</v>
      </c>
      <c r="LW17" s="348">
        <v>0</v>
      </c>
      <c r="LX17" s="412">
        <v>0</v>
      </c>
      <c r="LY17" s="344">
        <v>1447601</v>
      </c>
      <c r="LZ17" s="344">
        <v>491920</v>
      </c>
      <c r="MA17" s="344">
        <v>1125988</v>
      </c>
      <c r="MB17" s="344">
        <v>2722647</v>
      </c>
      <c r="MC17" s="344">
        <v>624341</v>
      </c>
      <c r="MD17" s="348">
        <v>6412497</v>
      </c>
      <c r="ME17" s="349">
        <v>6412497</v>
      </c>
      <c r="MF17" s="347">
        <v>0</v>
      </c>
      <c r="MG17" s="344">
        <v>0</v>
      </c>
      <c r="MH17" s="348">
        <v>0</v>
      </c>
      <c r="MI17" s="412">
        <v>0</v>
      </c>
      <c r="MJ17" s="344">
        <v>15799186</v>
      </c>
      <c r="MK17" s="344">
        <v>27910716</v>
      </c>
      <c r="ML17" s="344">
        <v>93073282</v>
      </c>
      <c r="MM17" s="344">
        <v>152973142</v>
      </c>
      <c r="MN17" s="344">
        <v>105953468</v>
      </c>
      <c r="MO17" s="348">
        <v>395709794</v>
      </c>
      <c r="MP17" s="353">
        <v>395709794</v>
      </c>
      <c r="MQ17" s="347">
        <v>0</v>
      </c>
      <c r="MR17" s="344">
        <v>0</v>
      </c>
      <c r="MS17" s="348">
        <v>0</v>
      </c>
      <c r="MT17" s="412">
        <v>0</v>
      </c>
      <c r="MU17" s="344">
        <v>184698</v>
      </c>
      <c r="MV17" s="344">
        <v>1767049</v>
      </c>
      <c r="MW17" s="344">
        <v>50415620</v>
      </c>
      <c r="MX17" s="344">
        <v>105132556</v>
      </c>
      <c r="MY17" s="344">
        <v>64164440</v>
      </c>
      <c r="MZ17" s="348">
        <v>221664363</v>
      </c>
      <c r="NA17" s="353">
        <v>221664363</v>
      </c>
      <c r="NB17" s="347">
        <v>0</v>
      </c>
      <c r="NC17" s="344">
        <v>0</v>
      </c>
      <c r="ND17" s="348">
        <v>0</v>
      </c>
      <c r="NE17" s="412">
        <v>0</v>
      </c>
      <c r="NF17" s="344">
        <v>14595152</v>
      </c>
      <c r="NG17" s="344">
        <v>24647571</v>
      </c>
      <c r="NH17" s="344">
        <v>39086427</v>
      </c>
      <c r="NI17" s="344">
        <v>43769615</v>
      </c>
      <c r="NJ17" s="344">
        <v>29272043</v>
      </c>
      <c r="NK17" s="348">
        <v>151370808</v>
      </c>
      <c r="NL17" s="346">
        <v>151370808</v>
      </c>
      <c r="NM17" s="347">
        <v>0</v>
      </c>
      <c r="NN17" s="344">
        <v>0</v>
      </c>
      <c r="NO17" s="348">
        <v>0</v>
      </c>
      <c r="NP17" s="412">
        <v>0</v>
      </c>
      <c r="NQ17" s="344">
        <v>0</v>
      </c>
      <c r="NR17" s="344">
        <v>0</v>
      </c>
      <c r="NS17" s="344">
        <v>0</v>
      </c>
      <c r="NT17" s="344">
        <v>0</v>
      </c>
      <c r="NU17" s="344">
        <v>0</v>
      </c>
      <c r="NV17" s="348">
        <v>0</v>
      </c>
      <c r="NW17" s="349">
        <v>0</v>
      </c>
      <c r="NX17" s="347">
        <v>0</v>
      </c>
      <c r="NY17" s="344">
        <v>0</v>
      </c>
      <c r="NZ17" s="348">
        <v>0</v>
      </c>
      <c r="OA17" s="412">
        <v>0</v>
      </c>
      <c r="OB17" s="344">
        <v>1019336</v>
      </c>
      <c r="OC17" s="344">
        <v>1496096</v>
      </c>
      <c r="OD17" s="344">
        <v>3571235</v>
      </c>
      <c r="OE17" s="344">
        <v>4070971</v>
      </c>
      <c r="OF17" s="344">
        <v>12516985</v>
      </c>
      <c r="OG17" s="348">
        <v>22674623</v>
      </c>
      <c r="OH17" s="349">
        <v>22674623</v>
      </c>
      <c r="OI17" s="347">
        <v>11822996</v>
      </c>
      <c r="OJ17" s="344">
        <v>16989972</v>
      </c>
      <c r="OK17" s="345">
        <v>28812968</v>
      </c>
      <c r="OL17" s="350">
        <v>0</v>
      </c>
      <c r="OM17" s="344">
        <v>224735496</v>
      </c>
      <c r="ON17" s="344">
        <v>221757334</v>
      </c>
      <c r="OO17" s="344">
        <v>288430125</v>
      </c>
      <c r="OP17" s="344">
        <v>337946128</v>
      </c>
      <c r="OQ17" s="344">
        <v>220302175</v>
      </c>
      <c r="OR17" s="348">
        <v>1293171258</v>
      </c>
      <c r="OS17" s="353">
        <v>1321984226</v>
      </c>
    </row>
    <row r="18" spans="2:409" s="70" customFormat="1" ht="21" customHeight="1" x14ac:dyDescent="0.2">
      <c r="B18" s="409" t="s">
        <v>12</v>
      </c>
      <c r="C18" s="325">
        <v>15470033</v>
      </c>
      <c r="D18" s="326">
        <v>35186603</v>
      </c>
      <c r="E18" s="327">
        <v>50656636</v>
      </c>
      <c r="F18" s="328">
        <v>0</v>
      </c>
      <c r="G18" s="326">
        <v>136178403</v>
      </c>
      <c r="H18" s="365">
        <v>163108537</v>
      </c>
      <c r="I18" s="365">
        <v>148028759</v>
      </c>
      <c r="J18" s="365">
        <v>162893985</v>
      </c>
      <c r="K18" s="365">
        <v>116401940</v>
      </c>
      <c r="L18" s="330">
        <v>726611624</v>
      </c>
      <c r="M18" s="329">
        <v>777268260</v>
      </c>
      <c r="N18" s="325">
        <v>3716505</v>
      </c>
      <c r="O18" s="326">
        <v>11220993</v>
      </c>
      <c r="P18" s="327">
        <v>14937498</v>
      </c>
      <c r="Q18" s="325">
        <v>0</v>
      </c>
      <c r="R18" s="326">
        <v>36181758</v>
      </c>
      <c r="S18" s="326">
        <v>52127332</v>
      </c>
      <c r="T18" s="326">
        <v>45960059</v>
      </c>
      <c r="U18" s="326">
        <v>65491260</v>
      </c>
      <c r="V18" s="326">
        <v>59760599</v>
      </c>
      <c r="W18" s="327">
        <v>259521008</v>
      </c>
      <c r="X18" s="329">
        <v>274458506</v>
      </c>
      <c r="Y18" s="325">
        <v>0</v>
      </c>
      <c r="Z18" s="326">
        <v>0</v>
      </c>
      <c r="AA18" s="327">
        <v>0</v>
      </c>
      <c r="AB18" s="325">
        <v>0</v>
      </c>
      <c r="AC18" s="326">
        <v>20241102</v>
      </c>
      <c r="AD18" s="326">
        <v>27189360</v>
      </c>
      <c r="AE18" s="326">
        <v>29492223</v>
      </c>
      <c r="AF18" s="326">
        <v>42752842</v>
      </c>
      <c r="AG18" s="326">
        <v>40366325</v>
      </c>
      <c r="AH18" s="327">
        <v>160041852</v>
      </c>
      <c r="AI18" s="329">
        <v>160041852</v>
      </c>
      <c r="AJ18" s="325">
        <v>0</v>
      </c>
      <c r="AK18" s="326">
        <v>134950</v>
      </c>
      <c r="AL18" s="327">
        <v>134950</v>
      </c>
      <c r="AM18" s="325">
        <v>0</v>
      </c>
      <c r="AN18" s="326">
        <v>210442</v>
      </c>
      <c r="AO18" s="326">
        <v>961510</v>
      </c>
      <c r="AP18" s="326">
        <v>1008450</v>
      </c>
      <c r="AQ18" s="326">
        <v>4757681</v>
      </c>
      <c r="AR18" s="326">
        <v>4772233</v>
      </c>
      <c r="AS18" s="327">
        <v>11710316</v>
      </c>
      <c r="AT18" s="329">
        <v>11845266</v>
      </c>
      <c r="AU18" s="325">
        <v>2685799</v>
      </c>
      <c r="AV18" s="326">
        <v>8900249</v>
      </c>
      <c r="AW18" s="327">
        <v>11586048</v>
      </c>
      <c r="AX18" s="325">
        <v>0</v>
      </c>
      <c r="AY18" s="326">
        <v>10929653</v>
      </c>
      <c r="AZ18" s="326">
        <v>16815968</v>
      </c>
      <c r="BA18" s="326">
        <v>9088535</v>
      </c>
      <c r="BB18" s="326">
        <v>11083046</v>
      </c>
      <c r="BC18" s="326">
        <v>9817767</v>
      </c>
      <c r="BD18" s="327">
        <v>57734969</v>
      </c>
      <c r="BE18" s="329">
        <v>69321017</v>
      </c>
      <c r="BF18" s="325">
        <v>171503</v>
      </c>
      <c r="BG18" s="326">
        <v>820994</v>
      </c>
      <c r="BH18" s="330">
        <v>992497</v>
      </c>
      <c r="BI18" s="331">
        <v>0</v>
      </c>
      <c r="BJ18" s="326">
        <v>446757</v>
      </c>
      <c r="BK18" s="326">
        <v>1754811</v>
      </c>
      <c r="BL18" s="326">
        <v>1000681</v>
      </c>
      <c r="BM18" s="326">
        <v>618417</v>
      </c>
      <c r="BN18" s="326">
        <v>317071</v>
      </c>
      <c r="BO18" s="327">
        <v>4137737</v>
      </c>
      <c r="BP18" s="329">
        <v>5130234</v>
      </c>
      <c r="BQ18" s="325">
        <v>859203</v>
      </c>
      <c r="BR18" s="326">
        <v>1364800</v>
      </c>
      <c r="BS18" s="327">
        <v>2224003</v>
      </c>
      <c r="BT18" s="325">
        <v>0</v>
      </c>
      <c r="BU18" s="326">
        <v>4353804</v>
      </c>
      <c r="BV18" s="326">
        <v>5405683</v>
      </c>
      <c r="BW18" s="326">
        <v>5370170</v>
      </c>
      <c r="BX18" s="326">
        <v>6279274</v>
      </c>
      <c r="BY18" s="326">
        <v>4487203</v>
      </c>
      <c r="BZ18" s="327">
        <v>25896134</v>
      </c>
      <c r="CA18" s="329">
        <v>28120137</v>
      </c>
      <c r="CB18" s="325">
        <v>2291594</v>
      </c>
      <c r="CC18" s="326">
        <v>5854071</v>
      </c>
      <c r="CD18" s="327">
        <v>8145665</v>
      </c>
      <c r="CE18" s="325">
        <v>0</v>
      </c>
      <c r="CF18" s="326">
        <v>44847497</v>
      </c>
      <c r="CG18" s="326">
        <v>47282686</v>
      </c>
      <c r="CH18" s="326">
        <v>38695375</v>
      </c>
      <c r="CI18" s="326">
        <v>29863465</v>
      </c>
      <c r="CJ18" s="326">
        <v>14491716</v>
      </c>
      <c r="CK18" s="327">
        <v>175180739</v>
      </c>
      <c r="CL18" s="329">
        <v>183326404</v>
      </c>
      <c r="CM18" s="325">
        <v>0</v>
      </c>
      <c r="CN18" s="326">
        <v>0</v>
      </c>
      <c r="CO18" s="327">
        <v>0</v>
      </c>
      <c r="CP18" s="331">
        <v>0</v>
      </c>
      <c r="CQ18" s="326">
        <v>38672197</v>
      </c>
      <c r="CR18" s="326">
        <v>35225416</v>
      </c>
      <c r="CS18" s="326">
        <v>29206788</v>
      </c>
      <c r="CT18" s="326">
        <v>24035895</v>
      </c>
      <c r="CU18" s="326">
        <v>11996634</v>
      </c>
      <c r="CV18" s="327">
        <v>139136930</v>
      </c>
      <c r="CW18" s="329">
        <v>139136930</v>
      </c>
      <c r="CX18" s="325">
        <v>2291594</v>
      </c>
      <c r="CY18" s="326">
        <v>5854071</v>
      </c>
      <c r="CZ18" s="327">
        <v>8145665</v>
      </c>
      <c r="DA18" s="325">
        <v>0</v>
      </c>
      <c r="DB18" s="326">
        <v>6175300</v>
      </c>
      <c r="DC18" s="326">
        <v>12057270</v>
      </c>
      <c r="DD18" s="326">
        <v>9488587</v>
      </c>
      <c r="DE18" s="326">
        <v>5827570</v>
      </c>
      <c r="DF18" s="326">
        <v>2495082</v>
      </c>
      <c r="DG18" s="327">
        <v>36043809</v>
      </c>
      <c r="DH18" s="329">
        <v>44189474</v>
      </c>
      <c r="DI18" s="325">
        <v>237461</v>
      </c>
      <c r="DJ18" s="326">
        <v>343211</v>
      </c>
      <c r="DK18" s="330">
        <v>580672</v>
      </c>
      <c r="DL18" s="331">
        <v>0</v>
      </c>
      <c r="DM18" s="326">
        <v>4973384</v>
      </c>
      <c r="DN18" s="326">
        <v>6955607</v>
      </c>
      <c r="DO18" s="326">
        <v>13115858</v>
      </c>
      <c r="DP18" s="326">
        <v>12081019</v>
      </c>
      <c r="DQ18" s="326">
        <v>7298582</v>
      </c>
      <c r="DR18" s="327">
        <v>44424450</v>
      </c>
      <c r="DS18" s="329">
        <v>45005122</v>
      </c>
      <c r="DT18" s="325">
        <v>237461</v>
      </c>
      <c r="DU18" s="326">
        <v>343211</v>
      </c>
      <c r="DV18" s="327">
        <v>580672</v>
      </c>
      <c r="DW18" s="325">
        <v>0</v>
      </c>
      <c r="DX18" s="326">
        <v>4754878</v>
      </c>
      <c r="DY18" s="326">
        <v>6744327</v>
      </c>
      <c r="DZ18" s="326">
        <v>12952846</v>
      </c>
      <c r="EA18" s="326">
        <v>11401215</v>
      </c>
      <c r="EB18" s="326">
        <v>7028717</v>
      </c>
      <c r="EC18" s="327">
        <v>42881983</v>
      </c>
      <c r="ED18" s="329">
        <v>43462655</v>
      </c>
      <c r="EE18" s="325">
        <v>0</v>
      </c>
      <c r="EF18" s="330">
        <v>0</v>
      </c>
      <c r="EG18" s="327">
        <v>0</v>
      </c>
      <c r="EH18" s="325">
        <v>0</v>
      </c>
      <c r="EI18" s="326">
        <v>218506</v>
      </c>
      <c r="EJ18" s="326">
        <v>211280</v>
      </c>
      <c r="EK18" s="326">
        <v>163012</v>
      </c>
      <c r="EL18" s="326">
        <v>679804</v>
      </c>
      <c r="EM18" s="326">
        <v>269865</v>
      </c>
      <c r="EN18" s="330">
        <v>1542467</v>
      </c>
      <c r="EO18" s="329">
        <v>1542467</v>
      </c>
      <c r="EP18" s="325">
        <v>0</v>
      </c>
      <c r="EQ18" s="326">
        <v>0</v>
      </c>
      <c r="ER18" s="330">
        <v>0</v>
      </c>
      <c r="ES18" s="331">
        <v>0</v>
      </c>
      <c r="ET18" s="326">
        <v>0</v>
      </c>
      <c r="EU18" s="326">
        <v>0</v>
      </c>
      <c r="EV18" s="326">
        <v>0</v>
      </c>
      <c r="EW18" s="326">
        <v>0</v>
      </c>
      <c r="EX18" s="326">
        <v>0</v>
      </c>
      <c r="EY18" s="327">
        <v>0</v>
      </c>
      <c r="EZ18" s="329">
        <v>0</v>
      </c>
      <c r="FA18" s="325">
        <v>0</v>
      </c>
      <c r="FB18" s="326">
        <v>0</v>
      </c>
      <c r="FC18" s="330">
        <v>0</v>
      </c>
      <c r="FD18" s="331">
        <v>0</v>
      </c>
      <c r="FE18" s="326">
        <v>0</v>
      </c>
      <c r="FF18" s="326">
        <v>0</v>
      </c>
      <c r="FG18" s="326">
        <v>0</v>
      </c>
      <c r="FH18" s="326">
        <v>0</v>
      </c>
      <c r="FI18" s="326">
        <v>0</v>
      </c>
      <c r="FJ18" s="327">
        <v>0</v>
      </c>
      <c r="FK18" s="329">
        <v>0</v>
      </c>
      <c r="FL18" s="325">
        <v>3651209</v>
      </c>
      <c r="FM18" s="326">
        <v>7042727</v>
      </c>
      <c r="FN18" s="327">
        <v>10693936</v>
      </c>
      <c r="FO18" s="325">
        <v>0</v>
      </c>
      <c r="FP18" s="326">
        <v>5129398</v>
      </c>
      <c r="FQ18" s="326">
        <v>16003910</v>
      </c>
      <c r="FR18" s="326">
        <v>12049278</v>
      </c>
      <c r="FS18" s="326">
        <v>13221744</v>
      </c>
      <c r="FT18" s="326">
        <v>8680493</v>
      </c>
      <c r="FU18" s="327">
        <v>55084823</v>
      </c>
      <c r="FV18" s="329">
        <v>65778759</v>
      </c>
      <c r="FW18" s="332">
        <v>2604458</v>
      </c>
      <c r="FX18" s="326">
        <v>6063000</v>
      </c>
      <c r="FY18" s="330">
        <v>8667458</v>
      </c>
      <c r="FZ18" s="331">
        <v>0</v>
      </c>
      <c r="GA18" s="326">
        <v>4061321</v>
      </c>
      <c r="GB18" s="326">
        <v>14460994</v>
      </c>
      <c r="GC18" s="326">
        <v>11434780</v>
      </c>
      <c r="GD18" s="326">
        <v>12116644</v>
      </c>
      <c r="GE18" s="326">
        <v>8349771</v>
      </c>
      <c r="GF18" s="327">
        <v>50423510</v>
      </c>
      <c r="GG18" s="333">
        <v>59090968</v>
      </c>
      <c r="GH18" s="332">
        <v>214671</v>
      </c>
      <c r="GI18" s="326">
        <v>356623</v>
      </c>
      <c r="GJ18" s="330">
        <v>571294</v>
      </c>
      <c r="GK18" s="331">
        <v>0</v>
      </c>
      <c r="GL18" s="326">
        <v>145827</v>
      </c>
      <c r="GM18" s="326">
        <v>530306</v>
      </c>
      <c r="GN18" s="326">
        <v>350118</v>
      </c>
      <c r="GO18" s="326">
        <v>517630</v>
      </c>
      <c r="GP18" s="326">
        <v>106172</v>
      </c>
      <c r="GQ18" s="327">
        <v>1650053</v>
      </c>
      <c r="GR18" s="329">
        <v>2221347</v>
      </c>
      <c r="GS18" s="325">
        <v>832080</v>
      </c>
      <c r="GT18" s="326">
        <v>623104</v>
      </c>
      <c r="GU18" s="327">
        <v>1455184</v>
      </c>
      <c r="GV18" s="325">
        <v>0</v>
      </c>
      <c r="GW18" s="326">
        <v>922250</v>
      </c>
      <c r="GX18" s="326">
        <v>1012610</v>
      </c>
      <c r="GY18" s="326">
        <v>264380</v>
      </c>
      <c r="GZ18" s="326">
        <v>587470</v>
      </c>
      <c r="HA18" s="326">
        <v>224550</v>
      </c>
      <c r="HB18" s="330">
        <v>3011260</v>
      </c>
      <c r="HC18" s="329">
        <v>4466444</v>
      </c>
      <c r="HD18" s="325">
        <v>2320098</v>
      </c>
      <c r="HE18" s="326">
        <v>5086801</v>
      </c>
      <c r="HF18" s="330">
        <v>7406899</v>
      </c>
      <c r="HG18" s="331">
        <v>0</v>
      </c>
      <c r="HH18" s="326">
        <v>22308821</v>
      </c>
      <c r="HI18" s="326">
        <v>20548135</v>
      </c>
      <c r="HJ18" s="326">
        <v>24063829</v>
      </c>
      <c r="HK18" s="326">
        <v>30567919</v>
      </c>
      <c r="HL18" s="326">
        <v>19558806</v>
      </c>
      <c r="HM18" s="327">
        <v>117047510</v>
      </c>
      <c r="HN18" s="328">
        <v>124454409</v>
      </c>
      <c r="HO18" s="332">
        <v>3253166</v>
      </c>
      <c r="HP18" s="326">
        <v>5638800</v>
      </c>
      <c r="HQ18" s="327">
        <v>8891966</v>
      </c>
      <c r="HR18" s="325">
        <v>0</v>
      </c>
      <c r="HS18" s="326">
        <v>22737545</v>
      </c>
      <c r="HT18" s="326">
        <v>20190867</v>
      </c>
      <c r="HU18" s="326">
        <v>14144360</v>
      </c>
      <c r="HV18" s="326">
        <v>11668578</v>
      </c>
      <c r="HW18" s="326">
        <v>6611744</v>
      </c>
      <c r="HX18" s="330">
        <v>75353094</v>
      </c>
      <c r="HY18" s="329">
        <v>84245060</v>
      </c>
      <c r="HZ18" s="357">
        <v>37371</v>
      </c>
      <c r="IA18" s="355">
        <v>0</v>
      </c>
      <c r="IB18" s="357">
        <v>37371</v>
      </c>
      <c r="IC18" s="354">
        <v>0</v>
      </c>
      <c r="ID18" s="355">
        <v>35070572</v>
      </c>
      <c r="IE18" s="356">
        <v>43966423</v>
      </c>
      <c r="IF18" s="357">
        <v>52007259</v>
      </c>
      <c r="IG18" s="355">
        <v>40829651</v>
      </c>
      <c r="IH18" s="357">
        <v>31421071</v>
      </c>
      <c r="II18" s="358">
        <v>203294976</v>
      </c>
      <c r="IJ18" s="357">
        <v>203332347</v>
      </c>
      <c r="IK18" s="341">
        <v>0</v>
      </c>
      <c r="IL18" s="342">
        <v>0</v>
      </c>
      <c r="IM18" s="343">
        <v>0</v>
      </c>
      <c r="IN18" s="403">
        <v>0</v>
      </c>
      <c r="IO18" s="344">
        <v>642333</v>
      </c>
      <c r="IP18" s="344">
        <v>456370</v>
      </c>
      <c r="IQ18" s="344">
        <v>397496</v>
      </c>
      <c r="IR18" s="344">
        <v>544748</v>
      </c>
      <c r="IS18" s="344">
        <v>1173441</v>
      </c>
      <c r="IT18" s="345">
        <v>3214388</v>
      </c>
      <c r="IU18" s="346">
        <v>3214388</v>
      </c>
      <c r="IV18" s="347">
        <v>0</v>
      </c>
      <c r="IW18" s="344">
        <v>0</v>
      </c>
      <c r="IX18" s="348">
        <v>0</v>
      </c>
      <c r="IY18" s="412">
        <v>0</v>
      </c>
      <c r="IZ18" s="344">
        <v>0</v>
      </c>
      <c r="JA18" s="344">
        <v>0</v>
      </c>
      <c r="JB18" s="344">
        <v>0</v>
      </c>
      <c r="JC18" s="344">
        <v>0</v>
      </c>
      <c r="JD18" s="344">
        <v>0</v>
      </c>
      <c r="JE18" s="348">
        <v>0</v>
      </c>
      <c r="JF18" s="349">
        <v>0</v>
      </c>
      <c r="JG18" s="347">
        <v>0</v>
      </c>
      <c r="JH18" s="344">
        <v>0</v>
      </c>
      <c r="JI18" s="345">
        <v>0</v>
      </c>
      <c r="JJ18" s="350">
        <v>0</v>
      </c>
      <c r="JK18" s="344">
        <v>20551628</v>
      </c>
      <c r="JL18" s="344">
        <v>17518578</v>
      </c>
      <c r="JM18" s="344">
        <v>13810911</v>
      </c>
      <c r="JN18" s="344">
        <v>5969565</v>
      </c>
      <c r="JO18" s="344">
        <v>3514081</v>
      </c>
      <c r="JP18" s="348">
        <v>61364763</v>
      </c>
      <c r="JQ18" s="346">
        <v>61364763</v>
      </c>
      <c r="JR18" s="347">
        <v>0</v>
      </c>
      <c r="JS18" s="344">
        <v>0</v>
      </c>
      <c r="JT18" s="345">
        <v>0</v>
      </c>
      <c r="JU18" s="350">
        <v>0</v>
      </c>
      <c r="JV18" s="344">
        <v>461816</v>
      </c>
      <c r="JW18" s="344">
        <v>107549</v>
      </c>
      <c r="JX18" s="344">
        <v>38406</v>
      </c>
      <c r="JY18" s="344">
        <v>99497</v>
      </c>
      <c r="JZ18" s="344">
        <v>278064</v>
      </c>
      <c r="KA18" s="348">
        <v>985332</v>
      </c>
      <c r="KB18" s="346">
        <v>985332</v>
      </c>
      <c r="KC18" s="351">
        <v>37371</v>
      </c>
      <c r="KD18" s="352">
        <v>0</v>
      </c>
      <c r="KE18" s="348">
        <v>37371</v>
      </c>
      <c r="KF18" s="350">
        <v>0</v>
      </c>
      <c r="KG18" s="344">
        <v>3559990</v>
      </c>
      <c r="KH18" s="344">
        <v>7541380</v>
      </c>
      <c r="KI18" s="344">
        <v>12782131</v>
      </c>
      <c r="KJ18" s="344">
        <v>10928034</v>
      </c>
      <c r="KK18" s="344">
        <v>9774107</v>
      </c>
      <c r="KL18" s="348">
        <v>44585642</v>
      </c>
      <c r="KM18" s="353">
        <v>44623013</v>
      </c>
      <c r="KN18" s="341">
        <v>0</v>
      </c>
      <c r="KO18" s="342">
        <v>0</v>
      </c>
      <c r="KP18" s="343">
        <v>0</v>
      </c>
      <c r="KQ18" s="412">
        <v>0</v>
      </c>
      <c r="KR18" s="344">
        <v>8490700</v>
      </c>
      <c r="KS18" s="344">
        <v>13820007</v>
      </c>
      <c r="KT18" s="344">
        <v>13985599</v>
      </c>
      <c r="KU18" s="344">
        <v>9311055</v>
      </c>
      <c r="KV18" s="344">
        <v>10521401</v>
      </c>
      <c r="KW18" s="348">
        <v>56128762</v>
      </c>
      <c r="KX18" s="346">
        <v>56128762</v>
      </c>
      <c r="KY18" s="347">
        <v>0</v>
      </c>
      <c r="KZ18" s="344">
        <v>0</v>
      </c>
      <c r="LA18" s="348">
        <v>0</v>
      </c>
      <c r="LB18" s="412">
        <v>0</v>
      </c>
      <c r="LC18" s="344">
        <v>0</v>
      </c>
      <c r="LD18" s="344">
        <v>1153232</v>
      </c>
      <c r="LE18" s="344">
        <v>1749330</v>
      </c>
      <c r="LF18" s="344">
        <v>2675331</v>
      </c>
      <c r="LG18" s="344">
        <v>676452</v>
      </c>
      <c r="LH18" s="348">
        <v>6254345</v>
      </c>
      <c r="LI18" s="349">
        <v>6254345</v>
      </c>
      <c r="LJ18" s="347">
        <v>0</v>
      </c>
      <c r="LK18" s="344">
        <v>0</v>
      </c>
      <c r="LL18" s="348">
        <v>0</v>
      </c>
      <c r="LM18" s="412">
        <v>0</v>
      </c>
      <c r="LN18" s="344">
        <v>0</v>
      </c>
      <c r="LO18" s="344">
        <v>0</v>
      </c>
      <c r="LP18" s="344">
        <v>2898268</v>
      </c>
      <c r="LQ18" s="344">
        <v>3932712</v>
      </c>
      <c r="LR18" s="344">
        <v>1107368</v>
      </c>
      <c r="LS18" s="348">
        <v>7938348</v>
      </c>
      <c r="LT18" s="346">
        <v>7938348</v>
      </c>
      <c r="LU18" s="347">
        <v>0</v>
      </c>
      <c r="LV18" s="344">
        <v>0</v>
      </c>
      <c r="LW18" s="348">
        <v>0</v>
      </c>
      <c r="LX18" s="412">
        <v>0</v>
      </c>
      <c r="LY18" s="344">
        <v>1364105</v>
      </c>
      <c r="LZ18" s="344">
        <v>3369307</v>
      </c>
      <c r="MA18" s="344">
        <v>6345118</v>
      </c>
      <c r="MB18" s="344">
        <v>7368709</v>
      </c>
      <c r="MC18" s="344">
        <v>4376157</v>
      </c>
      <c r="MD18" s="348">
        <v>22823396</v>
      </c>
      <c r="ME18" s="349">
        <v>22823396</v>
      </c>
      <c r="MF18" s="347">
        <v>0</v>
      </c>
      <c r="MG18" s="344">
        <v>0</v>
      </c>
      <c r="MH18" s="348">
        <v>0</v>
      </c>
      <c r="MI18" s="412">
        <v>0</v>
      </c>
      <c r="MJ18" s="344">
        <v>12063123</v>
      </c>
      <c r="MK18" s="344">
        <v>29729483</v>
      </c>
      <c r="ML18" s="344">
        <v>96307793</v>
      </c>
      <c r="MM18" s="344">
        <v>139887548</v>
      </c>
      <c r="MN18" s="344">
        <v>86474889</v>
      </c>
      <c r="MO18" s="348">
        <v>364462836</v>
      </c>
      <c r="MP18" s="353">
        <v>364462836</v>
      </c>
      <c r="MQ18" s="347">
        <v>0</v>
      </c>
      <c r="MR18" s="344">
        <v>0</v>
      </c>
      <c r="MS18" s="348">
        <v>0</v>
      </c>
      <c r="MT18" s="412">
        <v>0</v>
      </c>
      <c r="MU18" s="344">
        <v>686062</v>
      </c>
      <c r="MV18" s="344">
        <v>4730938</v>
      </c>
      <c r="MW18" s="344">
        <v>46764002</v>
      </c>
      <c r="MX18" s="344">
        <v>83018074</v>
      </c>
      <c r="MY18" s="344">
        <v>55859875</v>
      </c>
      <c r="MZ18" s="348">
        <v>191058951</v>
      </c>
      <c r="NA18" s="353">
        <v>191058951</v>
      </c>
      <c r="NB18" s="347">
        <v>0</v>
      </c>
      <c r="NC18" s="344">
        <v>0</v>
      </c>
      <c r="ND18" s="348">
        <v>0</v>
      </c>
      <c r="NE18" s="412">
        <v>0</v>
      </c>
      <c r="NF18" s="344">
        <v>11377061</v>
      </c>
      <c r="NG18" s="344">
        <v>24711562</v>
      </c>
      <c r="NH18" s="344">
        <v>48064727</v>
      </c>
      <c r="NI18" s="344">
        <v>51964785</v>
      </c>
      <c r="NJ18" s="344">
        <v>24747158</v>
      </c>
      <c r="NK18" s="348">
        <v>160865293</v>
      </c>
      <c r="NL18" s="346">
        <v>160865293</v>
      </c>
      <c r="NM18" s="347">
        <v>0</v>
      </c>
      <c r="NN18" s="344">
        <v>0</v>
      </c>
      <c r="NO18" s="348">
        <v>0</v>
      </c>
      <c r="NP18" s="412">
        <v>0</v>
      </c>
      <c r="NQ18" s="344">
        <v>0</v>
      </c>
      <c r="NR18" s="344">
        <v>0</v>
      </c>
      <c r="NS18" s="344">
        <v>0</v>
      </c>
      <c r="NT18" s="344">
        <v>0</v>
      </c>
      <c r="NU18" s="344">
        <v>0</v>
      </c>
      <c r="NV18" s="348">
        <v>0</v>
      </c>
      <c r="NW18" s="349">
        <v>0</v>
      </c>
      <c r="NX18" s="347">
        <v>0</v>
      </c>
      <c r="NY18" s="344">
        <v>0</v>
      </c>
      <c r="NZ18" s="348">
        <v>0</v>
      </c>
      <c r="OA18" s="412">
        <v>0</v>
      </c>
      <c r="OB18" s="344">
        <v>0</v>
      </c>
      <c r="OC18" s="344">
        <v>286983</v>
      </c>
      <c r="OD18" s="344">
        <v>1479064</v>
      </c>
      <c r="OE18" s="344">
        <v>4904689</v>
      </c>
      <c r="OF18" s="344">
        <v>5867856</v>
      </c>
      <c r="OG18" s="348">
        <v>12538592</v>
      </c>
      <c r="OH18" s="349">
        <v>12538592</v>
      </c>
      <c r="OI18" s="347">
        <v>15507404</v>
      </c>
      <c r="OJ18" s="344">
        <v>35186603</v>
      </c>
      <c r="OK18" s="345">
        <v>50694007</v>
      </c>
      <c r="OL18" s="350">
        <v>0</v>
      </c>
      <c r="OM18" s="344">
        <v>183312098</v>
      </c>
      <c r="ON18" s="344">
        <v>236804443</v>
      </c>
      <c r="OO18" s="344">
        <v>296343811</v>
      </c>
      <c r="OP18" s="344">
        <v>343611184</v>
      </c>
      <c r="OQ18" s="344">
        <v>234297900</v>
      </c>
      <c r="OR18" s="348">
        <v>1294369436</v>
      </c>
      <c r="OS18" s="353">
        <v>1345063443</v>
      </c>
    </row>
    <row r="19" spans="2:409" s="70" customFormat="1" ht="21" customHeight="1" x14ac:dyDescent="0.2">
      <c r="B19" s="409" t="s">
        <v>13</v>
      </c>
      <c r="C19" s="325">
        <v>2757824</v>
      </c>
      <c r="D19" s="326">
        <v>5452770</v>
      </c>
      <c r="E19" s="327">
        <v>8210594</v>
      </c>
      <c r="F19" s="325">
        <v>0</v>
      </c>
      <c r="G19" s="365">
        <v>50292894</v>
      </c>
      <c r="H19" s="326">
        <v>68724691</v>
      </c>
      <c r="I19" s="326">
        <v>59612478</v>
      </c>
      <c r="J19" s="326">
        <v>55162956</v>
      </c>
      <c r="K19" s="326">
        <v>54672239</v>
      </c>
      <c r="L19" s="330">
        <v>288465258</v>
      </c>
      <c r="M19" s="329">
        <v>296675852</v>
      </c>
      <c r="N19" s="325">
        <v>588507</v>
      </c>
      <c r="O19" s="326">
        <v>1170775</v>
      </c>
      <c r="P19" s="327">
        <v>1759282</v>
      </c>
      <c r="Q19" s="325">
        <v>0</v>
      </c>
      <c r="R19" s="326">
        <v>14446051</v>
      </c>
      <c r="S19" s="326">
        <v>23061747</v>
      </c>
      <c r="T19" s="326">
        <v>19208256</v>
      </c>
      <c r="U19" s="326">
        <v>19959428</v>
      </c>
      <c r="V19" s="326">
        <v>27813112</v>
      </c>
      <c r="W19" s="327">
        <v>104488594</v>
      </c>
      <c r="X19" s="329">
        <v>106247876</v>
      </c>
      <c r="Y19" s="325">
        <v>0</v>
      </c>
      <c r="Z19" s="326">
        <v>0</v>
      </c>
      <c r="AA19" s="327">
        <v>0</v>
      </c>
      <c r="AB19" s="325">
        <v>0</v>
      </c>
      <c r="AC19" s="326">
        <v>6845831</v>
      </c>
      <c r="AD19" s="326">
        <v>10945380</v>
      </c>
      <c r="AE19" s="326">
        <v>10971247</v>
      </c>
      <c r="AF19" s="326">
        <v>12271752</v>
      </c>
      <c r="AG19" s="326">
        <v>18258648</v>
      </c>
      <c r="AH19" s="327">
        <v>59292858</v>
      </c>
      <c r="AI19" s="329">
        <v>59292858</v>
      </c>
      <c r="AJ19" s="325">
        <v>0</v>
      </c>
      <c r="AK19" s="326">
        <v>0</v>
      </c>
      <c r="AL19" s="327">
        <v>0</v>
      </c>
      <c r="AM19" s="325">
        <v>0</v>
      </c>
      <c r="AN19" s="326">
        <v>52555</v>
      </c>
      <c r="AO19" s="326">
        <v>135777</v>
      </c>
      <c r="AP19" s="326">
        <v>111606</v>
      </c>
      <c r="AQ19" s="326">
        <v>941721</v>
      </c>
      <c r="AR19" s="326">
        <v>2513824</v>
      </c>
      <c r="AS19" s="327">
        <v>3755483</v>
      </c>
      <c r="AT19" s="329">
        <v>3755483</v>
      </c>
      <c r="AU19" s="325">
        <v>280154</v>
      </c>
      <c r="AV19" s="326">
        <v>722617</v>
      </c>
      <c r="AW19" s="327">
        <v>1002771</v>
      </c>
      <c r="AX19" s="325">
        <v>0</v>
      </c>
      <c r="AY19" s="326">
        <v>4056849</v>
      </c>
      <c r="AZ19" s="326">
        <v>8078916</v>
      </c>
      <c r="BA19" s="326">
        <v>4607954</v>
      </c>
      <c r="BB19" s="326">
        <v>3510516</v>
      </c>
      <c r="BC19" s="326">
        <v>3780538</v>
      </c>
      <c r="BD19" s="327">
        <v>24034773</v>
      </c>
      <c r="BE19" s="329">
        <v>25037544</v>
      </c>
      <c r="BF19" s="325">
        <v>16084</v>
      </c>
      <c r="BG19" s="326">
        <v>96685</v>
      </c>
      <c r="BH19" s="330">
        <v>112769</v>
      </c>
      <c r="BI19" s="331">
        <v>0</v>
      </c>
      <c r="BJ19" s="326">
        <v>557963</v>
      </c>
      <c r="BK19" s="326">
        <v>554796</v>
      </c>
      <c r="BL19" s="326">
        <v>485011</v>
      </c>
      <c r="BM19" s="326">
        <v>136797</v>
      </c>
      <c r="BN19" s="326">
        <v>340951</v>
      </c>
      <c r="BO19" s="327">
        <v>2075518</v>
      </c>
      <c r="BP19" s="329">
        <v>2188287</v>
      </c>
      <c r="BQ19" s="325">
        <v>292269</v>
      </c>
      <c r="BR19" s="326">
        <v>351473</v>
      </c>
      <c r="BS19" s="327">
        <v>643742</v>
      </c>
      <c r="BT19" s="325">
        <v>0</v>
      </c>
      <c r="BU19" s="326">
        <v>2932853</v>
      </c>
      <c r="BV19" s="326">
        <v>3346878</v>
      </c>
      <c r="BW19" s="326">
        <v>3032438</v>
      </c>
      <c r="BX19" s="326">
        <v>3098642</v>
      </c>
      <c r="BY19" s="326">
        <v>2919151</v>
      </c>
      <c r="BZ19" s="327">
        <v>15329962</v>
      </c>
      <c r="CA19" s="329">
        <v>15973704</v>
      </c>
      <c r="CB19" s="325">
        <v>253515</v>
      </c>
      <c r="CC19" s="326">
        <v>970932</v>
      </c>
      <c r="CD19" s="327">
        <v>1224447</v>
      </c>
      <c r="CE19" s="325">
        <v>0</v>
      </c>
      <c r="CF19" s="326">
        <v>9673520</v>
      </c>
      <c r="CG19" s="326">
        <v>15751545</v>
      </c>
      <c r="CH19" s="326">
        <v>11126273</v>
      </c>
      <c r="CI19" s="326">
        <v>7271512</v>
      </c>
      <c r="CJ19" s="326">
        <v>5176344</v>
      </c>
      <c r="CK19" s="327">
        <v>48999194</v>
      </c>
      <c r="CL19" s="329">
        <v>50223641</v>
      </c>
      <c r="CM19" s="325">
        <v>0</v>
      </c>
      <c r="CN19" s="326">
        <v>0</v>
      </c>
      <c r="CO19" s="327">
        <v>0</v>
      </c>
      <c r="CP19" s="331">
        <v>0</v>
      </c>
      <c r="CQ19" s="326">
        <v>8357180</v>
      </c>
      <c r="CR19" s="326">
        <v>13851504</v>
      </c>
      <c r="CS19" s="326">
        <v>9379708</v>
      </c>
      <c r="CT19" s="326">
        <v>5563770</v>
      </c>
      <c r="CU19" s="326">
        <v>3781051</v>
      </c>
      <c r="CV19" s="327">
        <v>40933213</v>
      </c>
      <c r="CW19" s="329">
        <v>40933213</v>
      </c>
      <c r="CX19" s="325">
        <v>253515</v>
      </c>
      <c r="CY19" s="326">
        <v>970932</v>
      </c>
      <c r="CZ19" s="327">
        <v>1224447</v>
      </c>
      <c r="DA19" s="325">
        <v>0</v>
      </c>
      <c r="DB19" s="326">
        <v>1316340</v>
      </c>
      <c r="DC19" s="326">
        <v>1900041</v>
      </c>
      <c r="DD19" s="326">
        <v>1746565</v>
      </c>
      <c r="DE19" s="326">
        <v>1707742</v>
      </c>
      <c r="DF19" s="326">
        <v>1395293</v>
      </c>
      <c r="DG19" s="327">
        <v>8065981</v>
      </c>
      <c r="DH19" s="329">
        <v>9290428</v>
      </c>
      <c r="DI19" s="325">
        <v>0</v>
      </c>
      <c r="DJ19" s="326">
        <v>27708</v>
      </c>
      <c r="DK19" s="330">
        <v>27708</v>
      </c>
      <c r="DL19" s="331">
        <v>0</v>
      </c>
      <c r="DM19" s="326">
        <v>990191</v>
      </c>
      <c r="DN19" s="326">
        <v>1937960</v>
      </c>
      <c r="DO19" s="326">
        <v>4589592</v>
      </c>
      <c r="DP19" s="326">
        <v>5064167</v>
      </c>
      <c r="DQ19" s="326">
        <v>4028665</v>
      </c>
      <c r="DR19" s="327">
        <v>16610575</v>
      </c>
      <c r="DS19" s="329">
        <v>16638283</v>
      </c>
      <c r="DT19" s="325">
        <v>0</v>
      </c>
      <c r="DU19" s="326">
        <v>27708</v>
      </c>
      <c r="DV19" s="327">
        <v>27708</v>
      </c>
      <c r="DW19" s="325">
        <v>0</v>
      </c>
      <c r="DX19" s="326">
        <v>924455</v>
      </c>
      <c r="DY19" s="326">
        <v>1569149</v>
      </c>
      <c r="DZ19" s="326">
        <v>4327471</v>
      </c>
      <c r="EA19" s="326">
        <v>4303701</v>
      </c>
      <c r="EB19" s="326">
        <v>3834053</v>
      </c>
      <c r="EC19" s="327">
        <v>14958829</v>
      </c>
      <c r="ED19" s="329">
        <v>14986537</v>
      </c>
      <c r="EE19" s="325">
        <v>0</v>
      </c>
      <c r="EF19" s="330">
        <v>0</v>
      </c>
      <c r="EG19" s="327">
        <v>0</v>
      </c>
      <c r="EH19" s="325">
        <v>0</v>
      </c>
      <c r="EI19" s="326">
        <v>65736</v>
      </c>
      <c r="EJ19" s="326">
        <v>368811</v>
      </c>
      <c r="EK19" s="326">
        <v>262121</v>
      </c>
      <c r="EL19" s="326">
        <v>760466</v>
      </c>
      <c r="EM19" s="326">
        <v>194612</v>
      </c>
      <c r="EN19" s="330">
        <v>1651746</v>
      </c>
      <c r="EO19" s="329">
        <v>1651746</v>
      </c>
      <c r="EP19" s="325">
        <v>0</v>
      </c>
      <c r="EQ19" s="326">
        <v>0</v>
      </c>
      <c r="ER19" s="330">
        <v>0</v>
      </c>
      <c r="ES19" s="331">
        <v>0</v>
      </c>
      <c r="ET19" s="326">
        <v>0</v>
      </c>
      <c r="EU19" s="326">
        <v>0</v>
      </c>
      <c r="EV19" s="326">
        <v>0</v>
      </c>
      <c r="EW19" s="326">
        <v>0</v>
      </c>
      <c r="EX19" s="326">
        <v>0</v>
      </c>
      <c r="EY19" s="327">
        <v>0</v>
      </c>
      <c r="EZ19" s="329">
        <v>0</v>
      </c>
      <c r="FA19" s="325">
        <v>0</v>
      </c>
      <c r="FB19" s="326">
        <v>0</v>
      </c>
      <c r="FC19" s="330">
        <v>0</v>
      </c>
      <c r="FD19" s="331">
        <v>0</v>
      </c>
      <c r="FE19" s="326">
        <v>0</v>
      </c>
      <c r="FF19" s="326">
        <v>0</v>
      </c>
      <c r="FG19" s="326">
        <v>0</v>
      </c>
      <c r="FH19" s="326">
        <v>0</v>
      </c>
      <c r="FI19" s="326">
        <v>0</v>
      </c>
      <c r="FJ19" s="327">
        <v>0</v>
      </c>
      <c r="FK19" s="329">
        <v>0</v>
      </c>
      <c r="FL19" s="325">
        <v>507115</v>
      </c>
      <c r="FM19" s="326">
        <v>1412538</v>
      </c>
      <c r="FN19" s="327">
        <v>1919653</v>
      </c>
      <c r="FO19" s="325">
        <v>0</v>
      </c>
      <c r="FP19" s="326">
        <v>2527591</v>
      </c>
      <c r="FQ19" s="326">
        <v>5635431</v>
      </c>
      <c r="FR19" s="326">
        <v>4546952</v>
      </c>
      <c r="FS19" s="326">
        <v>3790457</v>
      </c>
      <c r="FT19" s="326">
        <v>3270832</v>
      </c>
      <c r="FU19" s="327">
        <v>19771263</v>
      </c>
      <c r="FV19" s="329">
        <v>21690916</v>
      </c>
      <c r="FW19" s="332">
        <v>423415</v>
      </c>
      <c r="FX19" s="326">
        <v>1016454</v>
      </c>
      <c r="FY19" s="330">
        <v>1439869</v>
      </c>
      <c r="FZ19" s="331">
        <v>0</v>
      </c>
      <c r="GA19" s="326">
        <v>1916038</v>
      </c>
      <c r="GB19" s="326">
        <v>5314507</v>
      </c>
      <c r="GC19" s="326">
        <v>4125139</v>
      </c>
      <c r="GD19" s="326">
        <v>3681625</v>
      </c>
      <c r="GE19" s="326">
        <v>2949306</v>
      </c>
      <c r="GF19" s="327">
        <v>17986615</v>
      </c>
      <c r="GG19" s="333">
        <v>19426484</v>
      </c>
      <c r="GH19" s="332">
        <v>0</v>
      </c>
      <c r="GI19" s="326">
        <v>65604</v>
      </c>
      <c r="GJ19" s="330">
        <v>65604</v>
      </c>
      <c r="GK19" s="331">
        <v>0</v>
      </c>
      <c r="GL19" s="326">
        <v>91253</v>
      </c>
      <c r="GM19" s="326">
        <v>140624</v>
      </c>
      <c r="GN19" s="326">
        <v>157305</v>
      </c>
      <c r="GO19" s="326">
        <v>23232</v>
      </c>
      <c r="GP19" s="326">
        <v>79218</v>
      </c>
      <c r="GQ19" s="327">
        <v>491632</v>
      </c>
      <c r="GR19" s="329">
        <v>557236</v>
      </c>
      <c r="GS19" s="325">
        <v>83700</v>
      </c>
      <c r="GT19" s="326">
        <v>330480</v>
      </c>
      <c r="GU19" s="327">
        <v>414180</v>
      </c>
      <c r="GV19" s="325">
        <v>0</v>
      </c>
      <c r="GW19" s="326">
        <v>520300</v>
      </c>
      <c r="GX19" s="326">
        <v>180300</v>
      </c>
      <c r="GY19" s="326">
        <v>264508</v>
      </c>
      <c r="GZ19" s="326">
        <v>85600</v>
      </c>
      <c r="HA19" s="326">
        <v>242308</v>
      </c>
      <c r="HB19" s="330">
        <v>1293016</v>
      </c>
      <c r="HC19" s="329">
        <v>1707196</v>
      </c>
      <c r="HD19" s="325">
        <v>930289</v>
      </c>
      <c r="HE19" s="326">
        <v>926578</v>
      </c>
      <c r="HF19" s="330">
        <v>1856867</v>
      </c>
      <c r="HG19" s="331">
        <v>0</v>
      </c>
      <c r="HH19" s="326">
        <v>13802136</v>
      </c>
      <c r="HI19" s="326">
        <v>13439667</v>
      </c>
      <c r="HJ19" s="326">
        <v>14431216</v>
      </c>
      <c r="HK19" s="326">
        <v>15377992</v>
      </c>
      <c r="HL19" s="326">
        <v>11487410</v>
      </c>
      <c r="HM19" s="327">
        <v>68538421</v>
      </c>
      <c r="HN19" s="328">
        <v>70395288</v>
      </c>
      <c r="HO19" s="332">
        <v>478398</v>
      </c>
      <c r="HP19" s="326">
        <v>944239</v>
      </c>
      <c r="HQ19" s="327">
        <v>1422637</v>
      </c>
      <c r="HR19" s="325">
        <v>0</v>
      </c>
      <c r="HS19" s="326">
        <v>8853405</v>
      </c>
      <c r="HT19" s="326">
        <v>8898341</v>
      </c>
      <c r="HU19" s="326">
        <v>5710189</v>
      </c>
      <c r="HV19" s="326">
        <v>3699400</v>
      </c>
      <c r="HW19" s="326">
        <v>2895876</v>
      </c>
      <c r="HX19" s="330">
        <v>30057211</v>
      </c>
      <c r="HY19" s="329">
        <v>31479848</v>
      </c>
      <c r="HZ19" s="334">
        <v>32984</v>
      </c>
      <c r="IA19" s="335">
        <v>133316</v>
      </c>
      <c r="IB19" s="336">
        <v>166300</v>
      </c>
      <c r="IC19" s="337">
        <v>0</v>
      </c>
      <c r="ID19" s="335">
        <v>11705633</v>
      </c>
      <c r="IE19" s="338">
        <v>15321266</v>
      </c>
      <c r="IF19" s="336">
        <v>13839441</v>
      </c>
      <c r="IG19" s="335">
        <v>11064751</v>
      </c>
      <c r="IH19" s="336">
        <v>7235683</v>
      </c>
      <c r="II19" s="339">
        <v>59166774</v>
      </c>
      <c r="IJ19" s="340">
        <v>59333074</v>
      </c>
      <c r="IK19" s="341">
        <v>0</v>
      </c>
      <c r="IL19" s="342">
        <v>0</v>
      </c>
      <c r="IM19" s="343">
        <v>0</v>
      </c>
      <c r="IN19" s="403">
        <v>0</v>
      </c>
      <c r="IO19" s="344">
        <v>185727</v>
      </c>
      <c r="IP19" s="344">
        <v>129378</v>
      </c>
      <c r="IQ19" s="344">
        <v>172222</v>
      </c>
      <c r="IR19" s="344">
        <v>0</v>
      </c>
      <c r="IS19" s="344">
        <v>666971</v>
      </c>
      <c r="IT19" s="345">
        <v>1154298</v>
      </c>
      <c r="IU19" s="346">
        <v>1154298</v>
      </c>
      <c r="IV19" s="347">
        <v>0</v>
      </c>
      <c r="IW19" s="344">
        <v>0</v>
      </c>
      <c r="IX19" s="348">
        <v>0</v>
      </c>
      <c r="IY19" s="412">
        <v>0</v>
      </c>
      <c r="IZ19" s="344">
        <v>0</v>
      </c>
      <c r="JA19" s="344">
        <v>0</v>
      </c>
      <c r="JB19" s="344">
        <v>0</v>
      </c>
      <c r="JC19" s="344">
        <v>0</v>
      </c>
      <c r="JD19" s="344">
        <v>0</v>
      </c>
      <c r="JE19" s="348">
        <v>0</v>
      </c>
      <c r="JF19" s="349">
        <v>0</v>
      </c>
      <c r="JG19" s="347">
        <v>0</v>
      </c>
      <c r="JH19" s="344">
        <v>0</v>
      </c>
      <c r="JI19" s="345">
        <v>0</v>
      </c>
      <c r="JJ19" s="350">
        <v>0</v>
      </c>
      <c r="JK19" s="344">
        <v>6144894</v>
      </c>
      <c r="JL19" s="344">
        <v>9086557</v>
      </c>
      <c r="JM19" s="344">
        <v>5708009</v>
      </c>
      <c r="JN19" s="344">
        <v>3328106</v>
      </c>
      <c r="JO19" s="344">
        <v>1210556</v>
      </c>
      <c r="JP19" s="348">
        <v>25478122</v>
      </c>
      <c r="JQ19" s="346">
        <v>25478122</v>
      </c>
      <c r="JR19" s="347">
        <v>0</v>
      </c>
      <c r="JS19" s="344">
        <v>0</v>
      </c>
      <c r="JT19" s="345">
        <v>0</v>
      </c>
      <c r="JU19" s="350">
        <v>0</v>
      </c>
      <c r="JV19" s="344">
        <v>142413</v>
      </c>
      <c r="JW19" s="344">
        <v>775511</v>
      </c>
      <c r="JX19" s="344">
        <v>1577260</v>
      </c>
      <c r="JY19" s="344">
        <v>408041</v>
      </c>
      <c r="JZ19" s="344">
        <v>753320</v>
      </c>
      <c r="KA19" s="348">
        <v>3656545</v>
      </c>
      <c r="KB19" s="346">
        <v>3656545</v>
      </c>
      <c r="KC19" s="351">
        <v>32984</v>
      </c>
      <c r="KD19" s="352">
        <v>133316</v>
      </c>
      <c r="KE19" s="348">
        <v>166300</v>
      </c>
      <c r="KF19" s="350">
        <v>0</v>
      </c>
      <c r="KG19" s="344">
        <v>1169919</v>
      </c>
      <c r="KH19" s="344">
        <v>1943207</v>
      </c>
      <c r="KI19" s="344">
        <v>1601267</v>
      </c>
      <c r="KJ19" s="344">
        <v>0</v>
      </c>
      <c r="KK19" s="344">
        <v>645005</v>
      </c>
      <c r="KL19" s="348">
        <v>5359398</v>
      </c>
      <c r="KM19" s="353">
        <v>5525698</v>
      </c>
      <c r="KN19" s="341">
        <v>0</v>
      </c>
      <c r="KO19" s="342">
        <v>0</v>
      </c>
      <c r="KP19" s="343">
        <v>0</v>
      </c>
      <c r="KQ19" s="412">
        <v>0</v>
      </c>
      <c r="KR19" s="344">
        <v>3449224</v>
      </c>
      <c r="KS19" s="344">
        <v>2987709</v>
      </c>
      <c r="KT19" s="344">
        <v>4558399</v>
      </c>
      <c r="KU19" s="344">
        <v>6150359</v>
      </c>
      <c r="KV19" s="344">
        <v>3693863</v>
      </c>
      <c r="KW19" s="348">
        <v>20839554</v>
      </c>
      <c r="KX19" s="346">
        <v>20839554</v>
      </c>
      <c r="KY19" s="347">
        <v>0</v>
      </c>
      <c r="KZ19" s="344">
        <v>0</v>
      </c>
      <c r="LA19" s="348">
        <v>0</v>
      </c>
      <c r="LB19" s="412">
        <v>0</v>
      </c>
      <c r="LC19" s="344">
        <v>613456</v>
      </c>
      <c r="LD19" s="344">
        <v>398904</v>
      </c>
      <c r="LE19" s="344">
        <v>222284</v>
      </c>
      <c r="LF19" s="344">
        <v>1178245</v>
      </c>
      <c r="LG19" s="344">
        <v>265968</v>
      </c>
      <c r="LH19" s="348">
        <v>2678857</v>
      </c>
      <c r="LI19" s="349">
        <v>2678857</v>
      </c>
      <c r="LJ19" s="347">
        <v>0</v>
      </c>
      <c r="LK19" s="344">
        <v>0</v>
      </c>
      <c r="LL19" s="348">
        <v>0</v>
      </c>
      <c r="LM19" s="412">
        <v>0</v>
      </c>
      <c r="LN19" s="344">
        <v>0</v>
      </c>
      <c r="LO19" s="344">
        <v>0</v>
      </c>
      <c r="LP19" s="344">
        <v>0</v>
      </c>
      <c r="LQ19" s="344">
        <v>0</v>
      </c>
      <c r="LR19" s="344">
        <v>0</v>
      </c>
      <c r="LS19" s="348">
        <v>0</v>
      </c>
      <c r="LT19" s="346">
        <v>0</v>
      </c>
      <c r="LU19" s="347">
        <v>0</v>
      </c>
      <c r="LV19" s="344">
        <v>0</v>
      </c>
      <c r="LW19" s="348">
        <v>0</v>
      </c>
      <c r="LX19" s="412">
        <v>0</v>
      </c>
      <c r="LY19" s="344">
        <v>0</v>
      </c>
      <c r="LZ19" s="344">
        <v>0</v>
      </c>
      <c r="MA19" s="344">
        <v>0</v>
      </c>
      <c r="MB19" s="344">
        <v>0</v>
      </c>
      <c r="MC19" s="344">
        <v>0</v>
      </c>
      <c r="MD19" s="348">
        <v>0</v>
      </c>
      <c r="ME19" s="349">
        <v>0</v>
      </c>
      <c r="MF19" s="347">
        <v>0</v>
      </c>
      <c r="MG19" s="344">
        <v>0</v>
      </c>
      <c r="MH19" s="348">
        <v>0</v>
      </c>
      <c r="MI19" s="412">
        <v>0</v>
      </c>
      <c r="MJ19" s="344">
        <v>2553721</v>
      </c>
      <c r="MK19" s="344">
        <v>7105351</v>
      </c>
      <c r="ML19" s="344">
        <v>29062377</v>
      </c>
      <c r="MM19" s="344">
        <v>49618615</v>
      </c>
      <c r="MN19" s="344">
        <v>48452679</v>
      </c>
      <c r="MO19" s="348">
        <v>136792743</v>
      </c>
      <c r="MP19" s="353">
        <v>136792743</v>
      </c>
      <c r="MQ19" s="347">
        <v>0</v>
      </c>
      <c r="MR19" s="344">
        <v>0</v>
      </c>
      <c r="MS19" s="348">
        <v>0</v>
      </c>
      <c r="MT19" s="412">
        <v>0</v>
      </c>
      <c r="MU19" s="344">
        <v>237767</v>
      </c>
      <c r="MV19" s="344">
        <v>1511574</v>
      </c>
      <c r="MW19" s="344">
        <v>14810166</v>
      </c>
      <c r="MX19" s="344">
        <v>38155208</v>
      </c>
      <c r="MY19" s="344">
        <v>39904571</v>
      </c>
      <c r="MZ19" s="348">
        <v>94619286</v>
      </c>
      <c r="NA19" s="353">
        <v>94619286</v>
      </c>
      <c r="NB19" s="347">
        <v>0</v>
      </c>
      <c r="NC19" s="344">
        <v>0</v>
      </c>
      <c r="ND19" s="348">
        <v>0</v>
      </c>
      <c r="NE19" s="412">
        <v>0</v>
      </c>
      <c r="NF19" s="344">
        <v>2315954</v>
      </c>
      <c r="NG19" s="344">
        <v>5593777</v>
      </c>
      <c r="NH19" s="344">
        <v>13888073</v>
      </c>
      <c r="NI19" s="344">
        <v>11463407</v>
      </c>
      <c r="NJ19" s="344">
        <v>8548108</v>
      </c>
      <c r="NK19" s="348">
        <v>41809319</v>
      </c>
      <c r="NL19" s="346">
        <v>41809319</v>
      </c>
      <c r="NM19" s="347">
        <v>0</v>
      </c>
      <c r="NN19" s="344">
        <v>0</v>
      </c>
      <c r="NO19" s="348">
        <v>0</v>
      </c>
      <c r="NP19" s="412">
        <v>0</v>
      </c>
      <c r="NQ19" s="344">
        <v>0</v>
      </c>
      <c r="NR19" s="344">
        <v>0</v>
      </c>
      <c r="NS19" s="344">
        <v>0</v>
      </c>
      <c r="NT19" s="344">
        <v>0</v>
      </c>
      <c r="NU19" s="344">
        <v>0</v>
      </c>
      <c r="NV19" s="348">
        <v>0</v>
      </c>
      <c r="NW19" s="349">
        <v>0</v>
      </c>
      <c r="NX19" s="347">
        <v>0</v>
      </c>
      <c r="NY19" s="344">
        <v>0</v>
      </c>
      <c r="NZ19" s="348">
        <v>0</v>
      </c>
      <c r="OA19" s="412">
        <v>0</v>
      </c>
      <c r="OB19" s="344">
        <v>0</v>
      </c>
      <c r="OC19" s="344">
        <v>0</v>
      </c>
      <c r="OD19" s="344">
        <v>364138</v>
      </c>
      <c r="OE19" s="344">
        <v>0</v>
      </c>
      <c r="OF19" s="344">
        <v>0</v>
      </c>
      <c r="OG19" s="348">
        <v>364138</v>
      </c>
      <c r="OH19" s="349">
        <v>364138</v>
      </c>
      <c r="OI19" s="347">
        <v>2790808</v>
      </c>
      <c r="OJ19" s="344">
        <v>5586086</v>
      </c>
      <c r="OK19" s="345">
        <v>8376894</v>
      </c>
      <c r="OL19" s="350">
        <v>0</v>
      </c>
      <c r="OM19" s="344">
        <v>64552248</v>
      </c>
      <c r="ON19" s="344">
        <v>91151308</v>
      </c>
      <c r="OO19" s="344">
        <v>102514296</v>
      </c>
      <c r="OP19" s="344">
        <v>115846322</v>
      </c>
      <c r="OQ19" s="344">
        <v>110360601</v>
      </c>
      <c r="OR19" s="348">
        <v>484424775</v>
      </c>
      <c r="OS19" s="353">
        <v>492801669</v>
      </c>
    </row>
    <row r="20" spans="2:409" s="70" customFormat="1" ht="21" customHeight="1" x14ac:dyDescent="0.2">
      <c r="B20" s="409" t="s">
        <v>15</v>
      </c>
      <c r="C20" s="325">
        <v>2503059</v>
      </c>
      <c r="D20" s="326">
        <v>4611668</v>
      </c>
      <c r="E20" s="327">
        <v>7114727</v>
      </c>
      <c r="F20" s="328">
        <v>0</v>
      </c>
      <c r="G20" s="326">
        <v>33955971</v>
      </c>
      <c r="H20" s="326">
        <v>41976337</v>
      </c>
      <c r="I20" s="326">
        <v>40386955</v>
      </c>
      <c r="J20" s="326">
        <v>37973224</v>
      </c>
      <c r="K20" s="326">
        <v>24232617</v>
      </c>
      <c r="L20" s="328">
        <v>178525104</v>
      </c>
      <c r="M20" s="329">
        <v>185639831</v>
      </c>
      <c r="N20" s="325">
        <v>418271</v>
      </c>
      <c r="O20" s="326">
        <v>786038</v>
      </c>
      <c r="P20" s="327">
        <v>1204309</v>
      </c>
      <c r="Q20" s="325">
        <v>0</v>
      </c>
      <c r="R20" s="326">
        <v>7059704</v>
      </c>
      <c r="S20" s="326">
        <v>12133244</v>
      </c>
      <c r="T20" s="326">
        <v>11319019</v>
      </c>
      <c r="U20" s="326">
        <v>12491302</v>
      </c>
      <c r="V20" s="326">
        <v>12746307</v>
      </c>
      <c r="W20" s="327">
        <v>55749576</v>
      </c>
      <c r="X20" s="329">
        <v>56953885</v>
      </c>
      <c r="Y20" s="325">
        <v>0</v>
      </c>
      <c r="Z20" s="326">
        <v>0</v>
      </c>
      <c r="AA20" s="327">
        <v>0</v>
      </c>
      <c r="AB20" s="325">
        <v>0</v>
      </c>
      <c r="AC20" s="326">
        <v>3035531</v>
      </c>
      <c r="AD20" s="326">
        <v>6310233</v>
      </c>
      <c r="AE20" s="326">
        <v>6838098</v>
      </c>
      <c r="AF20" s="326">
        <v>7611287</v>
      </c>
      <c r="AG20" s="326">
        <v>7650822</v>
      </c>
      <c r="AH20" s="327">
        <v>31445971</v>
      </c>
      <c r="AI20" s="329">
        <v>31445971</v>
      </c>
      <c r="AJ20" s="325">
        <v>0</v>
      </c>
      <c r="AK20" s="326">
        <v>0</v>
      </c>
      <c r="AL20" s="327">
        <v>0</v>
      </c>
      <c r="AM20" s="325">
        <v>0</v>
      </c>
      <c r="AN20" s="326">
        <v>0</v>
      </c>
      <c r="AO20" s="326">
        <v>216282</v>
      </c>
      <c r="AP20" s="326">
        <v>445307</v>
      </c>
      <c r="AQ20" s="326">
        <v>856179</v>
      </c>
      <c r="AR20" s="326">
        <v>1256754</v>
      </c>
      <c r="AS20" s="327">
        <v>2774522</v>
      </c>
      <c r="AT20" s="329">
        <v>2774522</v>
      </c>
      <c r="AU20" s="325">
        <v>183137</v>
      </c>
      <c r="AV20" s="326">
        <v>556213</v>
      </c>
      <c r="AW20" s="327">
        <v>739350</v>
      </c>
      <c r="AX20" s="325">
        <v>0</v>
      </c>
      <c r="AY20" s="326">
        <v>2092609</v>
      </c>
      <c r="AZ20" s="326">
        <v>3296356</v>
      </c>
      <c r="BA20" s="326">
        <v>2178719</v>
      </c>
      <c r="BB20" s="326">
        <v>2063192</v>
      </c>
      <c r="BC20" s="326">
        <v>2609835</v>
      </c>
      <c r="BD20" s="327">
        <v>12240711</v>
      </c>
      <c r="BE20" s="329">
        <v>12980061</v>
      </c>
      <c r="BF20" s="325">
        <v>0</v>
      </c>
      <c r="BG20" s="326">
        <v>70579</v>
      </c>
      <c r="BH20" s="330">
        <v>70579</v>
      </c>
      <c r="BI20" s="331">
        <v>0</v>
      </c>
      <c r="BJ20" s="326">
        <v>259545</v>
      </c>
      <c r="BK20" s="326">
        <v>486339</v>
      </c>
      <c r="BL20" s="326">
        <v>183883</v>
      </c>
      <c r="BM20" s="326">
        <v>107666</v>
      </c>
      <c r="BN20" s="326">
        <v>130328</v>
      </c>
      <c r="BO20" s="327">
        <v>1167761</v>
      </c>
      <c r="BP20" s="329">
        <v>1238340</v>
      </c>
      <c r="BQ20" s="325">
        <v>235134</v>
      </c>
      <c r="BR20" s="326">
        <v>159246</v>
      </c>
      <c r="BS20" s="327">
        <v>394380</v>
      </c>
      <c r="BT20" s="325">
        <v>0</v>
      </c>
      <c r="BU20" s="326">
        <v>1672019</v>
      </c>
      <c r="BV20" s="326">
        <v>1824034</v>
      </c>
      <c r="BW20" s="326">
        <v>1673012</v>
      </c>
      <c r="BX20" s="326">
        <v>1852978</v>
      </c>
      <c r="BY20" s="326">
        <v>1098568</v>
      </c>
      <c r="BZ20" s="327">
        <v>8120611</v>
      </c>
      <c r="CA20" s="329">
        <v>8514991</v>
      </c>
      <c r="CB20" s="325">
        <v>67401</v>
      </c>
      <c r="CC20" s="326">
        <v>220285</v>
      </c>
      <c r="CD20" s="327">
        <v>287686</v>
      </c>
      <c r="CE20" s="325">
        <v>0</v>
      </c>
      <c r="CF20" s="326">
        <v>8533610</v>
      </c>
      <c r="CG20" s="326">
        <v>10817332</v>
      </c>
      <c r="CH20" s="326">
        <v>8079045</v>
      </c>
      <c r="CI20" s="326">
        <v>4112715</v>
      </c>
      <c r="CJ20" s="326">
        <v>1621404</v>
      </c>
      <c r="CK20" s="327">
        <v>33164106</v>
      </c>
      <c r="CL20" s="329">
        <v>33451792</v>
      </c>
      <c r="CM20" s="325">
        <v>0</v>
      </c>
      <c r="CN20" s="326">
        <v>0</v>
      </c>
      <c r="CO20" s="327">
        <v>0</v>
      </c>
      <c r="CP20" s="331">
        <v>0</v>
      </c>
      <c r="CQ20" s="326">
        <v>6638486</v>
      </c>
      <c r="CR20" s="326">
        <v>8275845</v>
      </c>
      <c r="CS20" s="326">
        <v>6379632</v>
      </c>
      <c r="CT20" s="326">
        <v>2887101</v>
      </c>
      <c r="CU20" s="326">
        <v>1056640</v>
      </c>
      <c r="CV20" s="327">
        <v>25237704</v>
      </c>
      <c r="CW20" s="329">
        <v>25237704</v>
      </c>
      <c r="CX20" s="325">
        <v>67401</v>
      </c>
      <c r="CY20" s="326">
        <v>220285</v>
      </c>
      <c r="CZ20" s="327">
        <v>287686</v>
      </c>
      <c r="DA20" s="325">
        <v>0</v>
      </c>
      <c r="DB20" s="326">
        <v>1895124</v>
      </c>
      <c r="DC20" s="326">
        <v>2541487</v>
      </c>
      <c r="DD20" s="326">
        <v>1699413</v>
      </c>
      <c r="DE20" s="326">
        <v>1225614</v>
      </c>
      <c r="DF20" s="326">
        <v>564764</v>
      </c>
      <c r="DG20" s="327">
        <v>7926402</v>
      </c>
      <c r="DH20" s="329">
        <v>8214088</v>
      </c>
      <c r="DI20" s="325">
        <v>0</v>
      </c>
      <c r="DJ20" s="326">
        <v>84935</v>
      </c>
      <c r="DK20" s="330">
        <v>84935</v>
      </c>
      <c r="DL20" s="331">
        <v>0</v>
      </c>
      <c r="DM20" s="326">
        <v>1210672</v>
      </c>
      <c r="DN20" s="326">
        <v>2100210</v>
      </c>
      <c r="DO20" s="326">
        <v>8020396</v>
      </c>
      <c r="DP20" s="326">
        <v>5773587</v>
      </c>
      <c r="DQ20" s="326">
        <v>2513845</v>
      </c>
      <c r="DR20" s="327">
        <v>19618710</v>
      </c>
      <c r="DS20" s="329">
        <v>19703645</v>
      </c>
      <c r="DT20" s="325">
        <v>0</v>
      </c>
      <c r="DU20" s="326">
        <v>84935</v>
      </c>
      <c r="DV20" s="327">
        <v>84935</v>
      </c>
      <c r="DW20" s="325">
        <v>0</v>
      </c>
      <c r="DX20" s="326">
        <v>992668</v>
      </c>
      <c r="DY20" s="326">
        <v>1739589</v>
      </c>
      <c r="DZ20" s="326">
        <v>7768304</v>
      </c>
      <c r="EA20" s="326">
        <v>5484532</v>
      </c>
      <c r="EB20" s="326">
        <v>2513845</v>
      </c>
      <c r="EC20" s="327">
        <v>18498938</v>
      </c>
      <c r="ED20" s="329">
        <v>18583873</v>
      </c>
      <c r="EE20" s="325">
        <v>0</v>
      </c>
      <c r="EF20" s="330">
        <v>0</v>
      </c>
      <c r="EG20" s="327">
        <v>0</v>
      </c>
      <c r="EH20" s="325">
        <v>0</v>
      </c>
      <c r="EI20" s="326">
        <v>218004</v>
      </c>
      <c r="EJ20" s="326">
        <v>360621</v>
      </c>
      <c r="EK20" s="326">
        <v>252092</v>
      </c>
      <c r="EL20" s="326">
        <v>289055</v>
      </c>
      <c r="EM20" s="326">
        <v>0</v>
      </c>
      <c r="EN20" s="330">
        <v>1119772</v>
      </c>
      <c r="EO20" s="329">
        <v>1119772</v>
      </c>
      <c r="EP20" s="325">
        <v>0</v>
      </c>
      <c r="EQ20" s="326">
        <v>0</v>
      </c>
      <c r="ER20" s="330">
        <v>0</v>
      </c>
      <c r="ES20" s="331">
        <v>0</v>
      </c>
      <c r="ET20" s="326">
        <v>0</v>
      </c>
      <c r="EU20" s="326">
        <v>0</v>
      </c>
      <c r="EV20" s="326">
        <v>0</v>
      </c>
      <c r="EW20" s="326">
        <v>0</v>
      </c>
      <c r="EX20" s="326">
        <v>0</v>
      </c>
      <c r="EY20" s="327">
        <v>0</v>
      </c>
      <c r="EZ20" s="329">
        <v>0</v>
      </c>
      <c r="FA20" s="325">
        <v>0</v>
      </c>
      <c r="FB20" s="326">
        <v>0</v>
      </c>
      <c r="FC20" s="330">
        <v>0</v>
      </c>
      <c r="FD20" s="331">
        <v>0</v>
      </c>
      <c r="FE20" s="326">
        <v>0</v>
      </c>
      <c r="FF20" s="326">
        <v>0</v>
      </c>
      <c r="FG20" s="326">
        <v>0</v>
      </c>
      <c r="FH20" s="326">
        <v>0</v>
      </c>
      <c r="FI20" s="326">
        <v>0</v>
      </c>
      <c r="FJ20" s="327">
        <v>0</v>
      </c>
      <c r="FK20" s="329">
        <v>0</v>
      </c>
      <c r="FL20" s="325">
        <v>457369</v>
      </c>
      <c r="FM20" s="326">
        <v>1405153</v>
      </c>
      <c r="FN20" s="327">
        <v>1862522</v>
      </c>
      <c r="FO20" s="325">
        <v>0</v>
      </c>
      <c r="FP20" s="326">
        <v>1877105</v>
      </c>
      <c r="FQ20" s="326">
        <v>4518499</v>
      </c>
      <c r="FR20" s="326">
        <v>3076881</v>
      </c>
      <c r="FS20" s="326">
        <v>2298559</v>
      </c>
      <c r="FT20" s="326">
        <v>1691546</v>
      </c>
      <c r="FU20" s="327">
        <v>13462590</v>
      </c>
      <c r="FV20" s="329">
        <v>15325112</v>
      </c>
      <c r="FW20" s="332">
        <v>360151</v>
      </c>
      <c r="FX20" s="326">
        <v>905755</v>
      </c>
      <c r="FY20" s="330">
        <v>1265906</v>
      </c>
      <c r="FZ20" s="331">
        <v>0</v>
      </c>
      <c r="GA20" s="326">
        <v>1413985</v>
      </c>
      <c r="GB20" s="326">
        <v>4121553</v>
      </c>
      <c r="GC20" s="326">
        <v>2823873</v>
      </c>
      <c r="GD20" s="326">
        <v>2298559</v>
      </c>
      <c r="GE20" s="326">
        <v>1519574</v>
      </c>
      <c r="GF20" s="327">
        <v>12177544</v>
      </c>
      <c r="GG20" s="333">
        <v>13443450</v>
      </c>
      <c r="GH20" s="332">
        <v>0</v>
      </c>
      <c r="GI20" s="326">
        <v>155898</v>
      </c>
      <c r="GJ20" s="330">
        <v>155898</v>
      </c>
      <c r="GK20" s="331">
        <v>0</v>
      </c>
      <c r="GL20" s="326">
        <v>65932</v>
      </c>
      <c r="GM20" s="326">
        <v>107280</v>
      </c>
      <c r="GN20" s="326">
        <v>68508</v>
      </c>
      <c r="GO20" s="326">
        <v>0</v>
      </c>
      <c r="GP20" s="326">
        <v>81972</v>
      </c>
      <c r="GQ20" s="327">
        <v>323692</v>
      </c>
      <c r="GR20" s="329">
        <v>479590</v>
      </c>
      <c r="GS20" s="325">
        <v>97218</v>
      </c>
      <c r="GT20" s="326">
        <v>343500</v>
      </c>
      <c r="GU20" s="327">
        <v>440718</v>
      </c>
      <c r="GV20" s="325">
        <v>0</v>
      </c>
      <c r="GW20" s="326">
        <v>397188</v>
      </c>
      <c r="GX20" s="326">
        <v>289666</v>
      </c>
      <c r="GY20" s="326">
        <v>184500</v>
      </c>
      <c r="GZ20" s="326">
        <v>0</v>
      </c>
      <c r="HA20" s="326">
        <v>90000</v>
      </c>
      <c r="HB20" s="330">
        <v>961354</v>
      </c>
      <c r="HC20" s="329">
        <v>1402072</v>
      </c>
      <c r="HD20" s="325">
        <v>1143525</v>
      </c>
      <c r="HE20" s="326">
        <v>1215515</v>
      </c>
      <c r="HF20" s="330">
        <v>2359040</v>
      </c>
      <c r="HG20" s="331">
        <v>0</v>
      </c>
      <c r="HH20" s="326">
        <v>8518975</v>
      </c>
      <c r="HI20" s="326">
        <v>5734229</v>
      </c>
      <c r="HJ20" s="326">
        <v>5568571</v>
      </c>
      <c r="HK20" s="326">
        <v>10494452</v>
      </c>
      <c r="HL20" s="326">
        <v>4095837</v>
      </c>
      <c r="HM20" s="327">
        <v>34412064</v>
      </c>
      <c r="HN20" s="328">
        <v>36771104</v>
      </c>
      <c r="HO20" s="332">
        <v>416493</v>
      </c>
      <c r="HP20" s="326">
        <v>899742</v>
      </c>
      <c r="HQ20" s="327">
        <v>1316235</v>
      </c>
      <c r="HR20" s="325">
        <v>0</v>
      </c>
      <c r="HS20" s="326">
        <v>6755905</v>
      </c>
      <c r="HT20" s="326">
        <v>6672823</v>
      </c>
      <c r="HU20" s="326">
        <v>4323043</v>
      </c>
      <c r="HV20" s="326">
        <v>2802609</v>
      </c>
      <c r="HW20" s="326">
        <v>1563678</v>
      </c>
      <c r="HX20" s="330">
        <v>22118058</v>
      </c>
      <c r="HY20" s="329">
        <v>23434293</v>
      </c>
      <c r="HZ20" s="357">
        <v>93247</v>
      </c>
      <c r="IA20" s="355">
        <v>1745474</v>
      </c>
      <c r="IB20" s="357">
        <v>1838721</v>
      </c>
      <c r="IC20" s="354">
        <v>0</v>
      </c>
      <c r="ID20" s="355">
        <v>19418706</v>
      </c>
      <c r="IE20" s="356">
        <v>25293853</v>
      </c>
      <c r="IF20" s="357">
        <v>23411610</v>
      </c>
      <c r="IG20" s="355">
        <v>17047312</v>
      </c>
      <c r="IH20" s="357">
        <v>10731336</v>
      </c>
      <c r="II20" s="358">
        <v>95902817</v>
      </c>
      <c r="IJ20" s="357">
        <v>97741538</v>
      </c>
      <c r="IK20" s="341">
        <v>0</v>
      </c>
      <c r="IL20" s="342">
        <v>0</v>
      </c>
      <c r="IM20" s="343">
        <v>0</v>
      </c>
      <c r="IN20" s="403">
        <v>0</v>
      </c>
      <c r="IO20" s="344">
        <v>212602</v>
      </c>
      <c r="IP20" s="344">
        <v>267787</v>
      </c>
      <c r="IQ20" s="344">
        <v>235087</v>
      </c>
      <c r="IR20" s="344">
        <v>1270116</v>
      </c>
      <c r="IS20" s="344">
        <v>1419255</v>
      </c>
      <c r="IT20" s="345">
        <v>3404847</v>
      </c>
      <c r="IU20" s="346">
        <v>3404847</v>
      </c>
      <c r="IV20" s="347">
        <v>0</v>
      </c>
      <c r="IW20" s="344">
        <v>0</v>
      </c>
      <c r="IX20" s="348">
        <v>0</v>
      </c>
      <c r="IY20" s="412">
        <v>0</v>
      </c>
      <c r="IZ20" s="344">
        <v>0</v>
      </c>
      <c r="JA20" s="344">
        <v>0</v>
      </c>
      <c r="JB20" s="344">
        <v>0</v>
      </c>
      <c r="JC20" s="344">
        <v>0</v>
      </c>
      <c r="JD20" s="344">
        <v>0</v>
      </c>
      <c r="JE20" s="348">
        <v>0</v>
      </c>
      <c r="JF20" s="349">
        <v>0</v>
      </c>
      <c r="JG20" s="347">
        <v>0</v>
      </c>
      <c r="JH20" s="344">
        <v>0</v>
      </c>
      <c r="JI20" s="345">
        <v>0</v>
      </c>
      <c r="JJ20" s="350">
        <v>0</v>
      </c>
      <c r="JK20" s="344">
        <v>7444306</v>
      </c>
      <c r="JL20" s="344">
        <v>9286051</v>
      </c>
      <c r="JM20" s="344">
        <v>6478071</v>
      </c>
      <c r="JN20" s="344">
        <v>2997067</v>
      </c>
      <c r="JO20" s="344">
        <v>1281463</v>
      </c>
      <c r="JP20" s="348">
        <v>27486958</v>
      </c>
      <c r="JQ20" s="346">
        <v>27486958</v>
      </c>
      <c r="JR20" s="347">
        <v>0</v>
      </c>
      <c r="JS20" s="344">
        <v>82556</v>
      </c>
      <c r="JT20" s="345">
        <v>82556</v>
      </c>
      <c r="JU20" s="350">
        <v>0</v>
      </c>
      <c r="JV20" s="344">
        <v>75490</v>
      </c>
      <c r="JW20" s="344">
        <v>185398</v>
      </c>
      <c r="JX20" s="344">
        <v>501111</v>
      </c>
      <c r="JY20" s="344">
        <v>315069</v>
      </c>
      <c r="JZ20" s="344">
        <v>279522</v>
      </c>
      <c r="KA20" s="348">
        <v>1356590</v>
      </c>
      <c r="KB20" s="346">
        <v>1439146</v>
      </c>
      <c r="KC20" s="351">
        <v>93247</v>
      </c>
      <c r="KD20" s="352">
        <v>1165795</v>
      </c>
      <c r="KE20" s="348">
        <v>1259042</v>
      </c>
      <c r="KF20" s="350">
        <v>0</v>
      </c>
      <c r="KG20" s="344">
        <v>1990491</v>
      </c>
      <c r="KH20" s="344">
        <v>1891831</v>
      </c>
      <c r="KI20" s="344">
        <v>1164491</v>
      </c>
      <c r="KJ20" s="344">
        <v>2180342</v>
      </c>
      <c r="KK20" s="344">
        <v>687138</v>
      </c>
      <c r="KL20" s="348">
        <v>7914293</v>
      </c>
      <c r="KM20" s="353">
        <v>9173335</v>
      </c>
      <c r="KN20" s="341">
        <v>0</v>
      </c>
      <c r="KO20" s="342">
        <v>497123</v>
      </c>
      <c r="KP20" s="343">
        <v>497123</v>
      </c>
      <c r="KQ20" s="412">
        <v>0</v>
      </c>
      <c r="KR20" s="344">
        <v>8972813</v>
      </c>
      <c r="KS20" s="344">
        <v>11706378</v>
      </c>
      <c r="KT20" s="344">
        <v>11336978</v>
      </c>
      <c r="KU20" s="344">
        <v>6636694</v>
      </c>
      <c r="KV20" s="344">
        <v>4193830</v>
      </c>
      <c r="KW20" s="348">
        <v>42846693</v>
      </c>
      <c r="KX20" s="346">
        <v>43343816</v>
      </c>
      <c r="KY20" s="347">
        <v>0</v>
      </c>
      <c r="KZ20" s="344">
        <v>0</v>
      </c>
      <c r="LA20" s="348">
        <v>0</v>
      </c>
      <c r="LB20" s="412">
        <v>0</v>
      </c>
      <c r="LC20" s="344">
        <v>0</v>
      </c>
      <c r="LD20" s="344">
        <v>0</v>
      </c>
      <c r="LE20" s="344">
        <v>0</v>
      </c>
      <c r="LF20" s="344">
        <v>0</v>
      </c>
      <c r="LG20" s="344">
        <v>0</v>
      </c>
      <c r="LH20" s="348">
        <v>0</v>
      </c>
      <c r="LI20" s="349">
        <v>0</v>
      </c>
      <c r="LJ20" s="347">
        <v>0</v>
      </c>
      <c r="LK20" s="344">
        <v>0</v>
      </c>
      <c r="LL20" s="348">
        <v>0</v>
      </c>
      <c r="LM20" s="412">
        <v>0</v>
      </c>
      <c r="LN20" s="344">
        <v>0</v>
      </c>
      <c r="LO20" s="344">
        <v>0</v>
      </c>
      <c r="LP20" s="344">
        <v>2128109</v>
      </c>
      <c r="LQ20" s="344">
        <v>3648024</v>
      </c>
      <c r="LR20" s="344">
        <v>2467077</v>
      </c>
      <c r="LS20" s="348">
        <v>8243210</v>
      </c>
      <c r="LT20" s="346">
        <v>8243210</v>
      </c>
      <c r="LU20" s="347">
        <v>0</v>
      </c>
      <c r="LV20" s="344">
        <v>0</v>
      </c>
      <c r="LW20" s="348">
        <v>0</v>
      </c>
      <c r="LX20" s="412">
        <v>0</v>
      </c>
      <c r="LY20" s="344">
        <v>723004</v>
      </c>
      <c r="LZ20" s="344">
        <v>1956408</v>
      </c>
      <c r="MA20" s="344">
        <v>1567763</v>
      </c>
      <c r="MB20" s="344">
        <v>0</v>
      </c>
      <c r="MC20" s="344">
        <v>403051</v>
      </c>
      <c r="MD20" s="348">
        <v>4650226</v>
      </c>
      <c r="ME20" s="349">
        <v>4650226</v>
      </c>
      <c r="MF20" s="347">
        <v>0</v>
      </c>
      <c r="MG20" s="344">
        <v>0</v>
      </c>
      <c r="MH20" s="348">
        <v>0</v>
      </c>
      <c r="MI20" s="412">
        <v>0</v>
      </c>
      <c r="MJ20" s="344">
        <v>4093334</v>
      </c>
      <c r="MK20" s="344">
        <v>9817103</v>
      </c>
      <c r="ML20" s="344">
        <v>36666202</v>
      </c>
      <c r="MM20" s="344">
        <v>63838362</v>
      </c>
      <c r="MN20" s="344">
        <v>33580713</v>
      </c>
      <c r="MO20" s="348">
        <v>147995714</v>
      </c>
      <c r="MP20" s="353">
        <v>147995714</v>
      </c>
      <c r="MQ20" s="347">
        <v>0</v>
      </c>
      <c r="MR20" s="344">
        <v>0</v>
      </c>
      <c r="MS20" s="348">
        <v>0</v>
      </c>
      <c r="MT20" s="412">
        <v>0</v>
      </c>
      <c r="MU20" s="344">
        <v>210634</v>
      </c>
      <c r="MV20" s="344">
        <v>0</v>
      </c>
      <c r="MW20" s="344">
        <v>22053093</v>
      </c>
      <c r="MX20" s="344">
        <v>42847062</v>
      </c>
      <c r="MY20" s="344">
        <v>22816686</v>
      </c>
      <c r="MZ20" s="348">
        <v>87927475</v>
      </c>
      <c r="NA20" s="353">
        <v>87927475</v>
      </c>
      <c r="NB20" s="347">
        <v>0</v>
      </c>
      <c r="NC20" s="344">
        <v>0</v>
      </c>
      <c r="ND20" s="348">
        <v>0</v>
      </c>
      <c r="NE20" s="412">
        <v>0</v>
      </c>
      <c r="NF20" s="344">
        <v>3882700</v>
      </c>
      <c r="NG20" s="344">
        <v>9817103</v>
      </c>
      <c r="NH20" s="344">
        <v>14613109</v>
      </c>
      <c r="NI20" s="344">
        <v>20991300</v>
      </c>
      <c r="NJ20" s="344">
        <v>10764027</v>
      </c>
      <c r="NK20" s="348">
        <v>60068239</v>
      </c>
      <c r="NL20" s="346">
        <v>60068239</v>
      </c>
      <c r="NM20" s="347">
        <v>0</v>
      </c>
      <c r="NN20" s="344">
        <v>0</v>
      </c>
      <c r="NO20" s="348">
        <v>0</v>
      </c>
      <c r="NP20" s="412">
        <v>0</v>
      </c>
      <c r="NQ20" s="344">
        <v>0</v>
      </c>
      <c r="NR20" s="344">
        <v>0</v>
      </c>
      <c r="NS20" s="344">
        <v>0</v>
      </c>
      <c r="NT20" s="344">
        <v>0</v>
      </c>
      <c r="NU20" s="344">
        <v>0</v>
      </c>
      <c r="NV20" s="348">
        <v>0</v>
      </c>
      <c r="NW20" s="349">
        <v>0</v>
      </c>
      <c r="NX20" s="347">
        <v>0</v>
      </c>
      <c r="NY20" s="344">
        <v>0</v>
      </c>
      <c r="NZ20" s="348">
        <v>0</v>
      </c>
      <c r="OA20" s="412">
        <v>0</v>
      </c>
      <c r="OB20" s="344">
        <v>0</v>
      </c>
      <c r="OC20" s="344">
        <v>0</v>
      </c>
      <c r="OD20" s="344">
        <v>0</v>
      </c>
      <c r="OE20" s="344">
        <v>0</v>
      </c>
      <c r="OF20" s="344">
        <v>0</v>
      </c>
      <c r="OG20" s="348">
        <v>0</v>
      </c>
      <c r="OH20" s="349">
        <v>0</v>
      </c>
      <c r="OI20" s="347">
        <v>2596306</v>
      </c>
      <c r="OJ20" s="344">
        <v>6357142</v>
      </c>
      <c r="OK20" s="345">
        <v>8953448</v>
      </c>
      <c r="OL20" s="350">
        <v>0</v>
      </c>
      <c r="OM20" s="344">
        <v>57468011</v>
      </c>
      <c r="ON20" s="344">
        <v>77087293</v>
      </c>
      <c r="OO20" s="344">
        <v>100464767</v>
      </c>
      <c r="OP20" s="344">
        <v>118858898</v>
      </c>
      <c r="OQ20" s="344">
        <v>68544666</v>
      </c>
      <c r="OR20" s="348">
        <v>422423635</v>
      </c>
      <c r="OS20" s="353">
        <v>431377083</v>
      </c>
    </row>
    <row r="21" spans="2:409" s="70" customFormat="1" ht="21" customHeight="1" x14ac:dyDescent="0.2">
      <c r="B21" s="409" t="s">
        <v>16</v>
      </c>
      <c r="C21" s="325">
        <v>6723763</v>
      </c>
      <c r="D21" s="326">
        <v>16159707</v>
      </c>
      <c r="E21" s="327">
        <v>22883470</v>
      </c>
      <c r="F21" s="328">
        <v>0</v>
      </c>
      <c r="G21" s="326">
        <v>78343918</v>
      </c>
      <c r="H21" s="326">
        <v>141756072</v>
      </c>
      <c r="I21" s="326">
        <v>103802464</v>
      </c>
      <c r="J21" s="326">
        <v>104042618</v>
      </c>
      <c r="K21" s="326">
        <v>70372102</v>
      </c>
      <c r="L21" s="328">
        <v>498317174</v>
      </c>
      <c r="M21" s="329">
        <v>521200644</v>
      </c>
      <c r="N21" s="325">
        <v>1254552</v>
      </c>
      <c r="O21" s="326">
        <v>2356909</v>
      </c>
      <c r="P21" s="327">
        <v>3611461</v>
      </c>
      <c r="Q21" s="325">
        <v>0</v>
      </c>
      <c r="R21" s="326">
        <v>15634680</v>
      </c>
      <c r="S21" s="326">
        <v>33595032</v>
      </c>
      <c r="T21" s="326">
        <v>25686606</v>
      </c>
      <c r="U21" s="326">
        <v>31957475</v>
      </c>
      <c r="V21" s="326">
        <v>25330919</v>
      </c>
      <c r="W21" s="327">
        <v>132204712</v>
      </c>
      <c r="X21" s="329">
        <v>135816173</v>
      </c>
      <c r="Y21" s="325">
        <v>0</v>
      </c>
      <c r="Z21" s="326">
        <v>0</v>
      </c>
      <c r="AA21" s="327">
        <v>0</v>
      </c>
      <c r="AB21" s="325">
        <v>0</v>
      </c>
      <c r="AC21" s="326">
        <v>5968703</v>
      </c>
      <c r="AD21" s="326">
        <v>12924498</v>
      </c>
      <c r="AE21" s="326">
        <v>12329457</v>
      </c>
      <c r="AF21" s="326">
        <v>17406196</v>
      </c>
      <c r="AG21" s="326">
        <v>13009994</v>
      </c>
      <c r="AH21" s="327">
        <v>61638848</v>
      </c>
      <c r="AI21" s="329">
        <v>61638848</v>
      </c>
      <c r="AJ21" s="325">
        <v>0</v>
      </c>
      <c r="AK21" s="326">
        <v>0</v>
      </c>
      <c r="AL21" s="327">
        <v>0</v>
      </c>
      <c r="AM21" s="325">
        <v>0</v>
      </c>
      <c r="AN21" s="326">
        <v>51783</v>
      </c>
      <c r="AO21" s="326">
        <v>449302</v>
      </c>
      <c r="AP21" s="326">
        <v>589679</v>
      </c>
      <c r="AQ21" s="326">
        <v>1502428</v>
      </c>
      <c r="AR21" s="326">
        <v>2721002</v>
      </c>
      <c r="AS21" s="327">
        <v>5314194</v>
      </c>
      <c r="AT21" s="329">
        <v>5314194</v>
      </c>
      <c r="AU21" s="325">
        <v>597050</v>
      </c>
      <c r="AV21" s="326">
        <v>1494670</v>
      </c>
      <c r="AW21" s="327">
        <v>2091720</v>
      </c>
      <c r="AX21" s="325">
        <v>0</v>
      </c>
      <c r="AY21" s="326">
        <v>6271095</v>
      </c>
      <c r="AZ21" s="326">
        <v>13969995</v>
      </c>
      <c r="BA21" s="326">
        <v>8279650</v>
      </c>
      <c r="BB21" s="326">
        <v>8637061</v>
      </c>
      <c r="BC21" s="326">
        <v>5897863</v>
      </c>
      <c r="BD21" s="327">
        <v>43055664</v>
      </c>
      <c r="BE21" s="329">
        <v>45147384</v>
      </c>
      <c r="BF21" s="325">
        <v>171650</v>
      </c>
      <c r="BG21" s="326">
        <v>298632</v>
      </c>
      <c r="BH21" s="330">
        <v>470282</v>
      </c>
      <c r="BI21" s="331">
        <v>0</v>
      </c>
      <c r="BJ21" s="326">
        <v>286433</v>
      </c>
      <c r="BK21" s="326">
        <v>1611259</v>
      </c>
      <c r="BL21" s="326">
        <v>484477</v>
      </c>
      <c r="BM21" s="326">
        <v>245166</v>
      </c>
      <c r="BN21" s="326">
        <v>469543</v>
      </c>
      <c r="BO21" s="327">
        <v>3096878</v>
      </c>
      <c r="BP21" s="329">
        <v>3567160</v>
      </c>
      <c r="BQ21" s="325">
        <v>485852</v>
      </c>
      <c r="BR21" s="326">
        <v>563607</v>
      </c>
      <c r="BS21" s="327">
        <v>1049459</v>
      </c>
      <c r="BT21" s="325">
        <v>0</v>
      </c>
      <c r="BU21" s="326">
        <v>3056666</v>
      </c>
      <c r="BV21" s="326">
        <v>4639978</v>
      </c>
      <c r="BW21" s="326">
        <v>4003343</v>
      </c>
      <c r="BX21" s="326">
        <v>4166624</v>
      </c>
      <c r="BY21" s="326">
        <v>3232517</v>
      </c>
      <c r="BZ21" s="327">
        <v>19099128</v>
      </c>
      <c r="CA21" s="329">
        <v>20148587</v>
      </c>
      <c r="CB21" s="325">
        <v>1082870</v>
      </c>
      <c r="CC21" s="326">
        <v>4885023</v>
      </c>
      <c r="CD21" s="327">
        <v>5967893</v>
      </c>
      <c r="CE21" s="325">
        <v>0</v>
      </c>
      <c r="CF21" s="326">
        <v>28074599</v>
      </c>
      <c r="CG21" s="326">
        <v>51136965</v>
      </c>
      <c r="CH21" s="326">
        <v>33943524</v>
      </c>
      <c r="CI21" s="326">
        <v>24169030</v>
      </c>
      <c r="CJ21" s="326">
        <v>14632268</v>
      </c>
      <c r="CK21" s="327">
        <v>151956386</v>
      </c>
      <c r="CL21" s="329">
        <v>157924279</v>
      </c>
      <c r="CM21" s="325">
        <v>0</v>
      </c>
      <c r="CN21" s="326">
        <v>0</v>
      </c>
      <c r="CO21" s="327">
        <v>0</v>
      </c>
      <c r="CP21" s="331">
        <v>0</v>
      </c>
      <c r="CQ21" s="326">
        <v>18291972</v>
      </c>
      <c r="CR21" s="326">
        <v>32397878</v>
      </c>
      <c r="CS21" s="326">
        <v>25800648</v>
      </c>
      <c r="CT21" s="326">
        <v>18768063</v>
      </c>
      <c r="CU21" s="326">
        <v>12006502</v>
      </c>
      <c r="CV21" s="327">
        <v>107265063</v>
      </c>
      <c r="CW21" s="329">
        <v>107265063</v>
      </c>
      <c r="CX21" s="325">
        <v>1082870</v>
      </c>
      <c r="CY21" s="326">
        <v>4885023</v>
      </c>
      <c r="CZ21" s="327">
        <v>5967893</v>
      </c>
      <c r="DA21" s="325">
        <v>0</v>
      </c>
      <c r="DB21" s="326">
        <v>9782627</v>
      </c>
      <c r="DC21" s="326">
        <v>18739087</v>
      </c>
      <c r="DD21" s="326">
        <v>8142876</v>
      </c>
      <c r="DE21" s="326">
        <v>5400967</v>
      </c>
      <c r="DF21" s="326">
        <v>2625766</v>
      </c>
      <c r="DG21" s="327">
        <v>44691323</v>
      </c>
      <c r="DH21" s="329">
        <v>50659216</v>
      </c>
      <c r="DI21" s="325">
        <v>20518</v>
      </c>
      <c r="DJ21" s="326">
        <v>126327</v>
      </c>
      <c r="DK21" s="330">
        <v>146845</v>
      </c>
      <c r="DL21" s="331">
        <v>0</v>
      </c>
      <c r="DM21" s="326">
        <v>2641090</v>
      </c>
      <c r="DN21" s="326">
        <v>5094027</v>
      </c>
      <c r="DO21" s="326">
        <v>6352579</v>
      </c>
      <c r="DP21" s="326">
        <v>6057572</v>
      </c>
      <c r="DQ21" s="326">
        <v>3124829</v>
      </c>
      <c r="DR21" s="327">
        <v>23270097</v>
      </c>
      <c r="DS21" s="329">
        <v>23416942</v>
      </c>
      <c r="DT21" s="325">
        <v>20518</v>
      </c>
      <c r="DU21" s="326">
        <v>126327</v>
      </c>
      <c r="DV21" s="327">
        <v>146845</v>
      </c>
      <c r="DW21" s="325">
        <v>0</v>
      </c>
      <c r="DX21" s="326">
        <v>2548487</v>
      </c>
      <c r="DY21" s="326">
        <v>4857254</v>
      </c>
      <c r="DZ21" s="326">
        <v>5839045</v>
      </c>
      <c r="EA21" s="326">
        <v>5919819</v>
      </c>
      <c r="EB21" s="326">
        <v>3054806</v>
      </c>
      <c r="EC21" s="327">
        <v>22219411</v>
      </c>
      <c r="ED21" s="329">
        <v>22366256</v>
      </c>
      <c r="EE21" s="325">
        <v>0</v>
      </c>
      <c r="EF21" s="330">
        <v>0</v>
      </c>
      <c r="EG21" s="327">
        <v>0</v>
      </c>
      <c r="EH21" s="325">
        <v>0</v>
      </c>
      <c r="EI21" s="326">
        <v>92603</v>
      </c>
      <c r="EJ21" s="326">
        <v>236773</v>
      </c>
      <c r="EK21" s="326">
        <v>513534</v>
      </c>
      <c r="EL21" s="326">
        <v>137753</v>
      </c>
      <c r="EM21" s="326">
        <v>70023</v>
      </c>
      <c r="EN21" s="330">
        <v>1050686</v>
      </c>
      <c r="EO21" s="329">
        <v>1050686</v>
      </c>
      <c r="EP21" s="325">
        <v>0</v>
      </c>
      <c r="EQ21" s="326">
        <v>0</v>
      </c>
      <c r="ER21" s="330">
        <v>0</v>
      </c>
      <c r="ES21" s="331">
        <v>0</v>
      </c>
      <c r="ET21" s="326">
        <v>0</v>
      </c>
      <c r="EU21" s="326">
        <v>0</v>
      </c>
      <c r="EV21" s="326">
        <v>0</v>
      </c>
      <c r="EW21" s="326">
        <v>0</v>
      </c>
      <c r="EX21" s="326">
        <v>0</v>
      </c>
      <c r="EY21" s="327">
        <v>0</v>
      </c>
      <c r="EZ21" s="329">
        <v>0</v>
      </c>
      <c r="FA21" s="325">
        <v>0</v>
      </c>
      <c r="FB21" s="326">
        <v>0</v>
      </c>
      <c r="FC21" s="330">
        <v>0</v>
      </c>
      <c r="FD21" s="331">
        <v>0</v>
      </c>
      <c r="FE21" s="326">
        <v>0</v>
      </c>
      <c r="FF21" s="326">
        <v>0</v>
      </c>
      <c r="FG21" s="326">
        <v>0</v>
      </c>
      <c r="FH21" s="326">
        <v>0</v>
      </c>
      <c r="FI21" s="326">
        <v>0</v>
      </c>
      <c r="FJ21" s="327">
        <v>0</v>
      </c>
      <c r="FK21" s="329">
        <v>0</v>
      </c>
      <c r="FL21" s="325">
        <v>1539839</v>
      </c>
      <c r="FM21" s="326">
        <v>4177917</v>
      </c>
      <c r="FN21" s="327">
        <v>5717756</v>
      </c>
      <c r="FO21" s="325">
        <v>0</v>
      </c>
      <c r="FP21" s="326">
        <v>4168010</v>
      </c>
      <c r="FQ21" s="326">
        <v>12906224</v>
      </c>
      <c r="FR21" s="326">
        <v>7527055</v>
      </c>
      <c r="FS21" s="326">
        <v>7283507</v>
      </c>
      <c r="FT21" s="326">
        <v>5376687</v>
      </c>
      <c r="FU21" s="327">
        <v>37261483</v>
      </c>
      <c r="FV21" s="329">
        <v>42979239</v>
      </c>
      <c r="FW21" s="332">
        <v>845596</v>
      </c>
      <c r="FX21" s="326">
        <v>2625446</v>
      </c>
      <c r="FY21" s="330">
        <v>3471042</v>
      </c>
      <c r="FZ21" s="331">
        <v>0</v>
      </c>
      <c r="GA21" s="326">
        <v>3066071</v>
      </c>
      <c r="GB21" s="326">
        <v>12180042</v>
      </c>
      <c r="GC21" s="326">
        <v>7201363</v>
      </c>
      <c r="GD21" s="326">
        <v>6765192</v>
      </c>
      <c r="GE21" s="326">
        <v>5194014</v>
      </c>
      <c r="GF21" s="327">
        <v>34406682</v>
      </c>
      <c r="GG21" s="333">
        <v>37877724</v>
      </c>
      <c r="GH21" s="332">
        <v>186516</v>
      </c>
      <c r="GI21" s="326">
        <v>216804</v>
      </c>
      <c r="GJ21" s="330">
        <v>403320</v>
      </c>
      <c r="GK21" s="331">
        <v>0</v>
      </c>
      <c r="GL21" s="326">
        <v>257730</v>
      </c>
      <c r="GM21" s="326">
        <v>450048</v>
      </c>
      <c r="GN21" s="326">
        <v>203814</v>
      </c>
      <c r="GO21" s="326">
        <v>296015</v>
      </c>
      <c r="GP21" s="326">
        <v>96273</v>
      </c>
      <c r="GQ21" s="327">
        <v>1303880</v>
      </c>
      <c r="GR21" s="329">
        <v>1707200</v>
      </c>
      <c r="GS21" s="325">
        <v>507727</v>
      </c>
      <c r="GT21" s="326">
        <v>1335667</v>
      </c>
      <c r="GU21" s="327">
        <v>1843394</v>
      </c>
      <c r="GV21" s="325">
        <v>0</v>
      </c>
      <c r="GW21" s="326">
        <v>844209</v>
      </c>
      <c r="GX21" s="326">
        <v>276134</v>
      </c>
      <c r="GY21" s="326">
        <v>121878</v>
      </c>
      <c r="GZ21" s="326">
        <v>222300</v>
      </c>
      <c r="HA21" s="326">
        <v>86400</v>
      </c>
      <c r="HB21" s="330">
        <v>1550921</v>
      </c>
      <c r="HC21" s="329">
        <v>3394315</v>
      </c>
      <c r="HD21" s="325">
        <v>1746167</v>
      </c>
      <c r="HE21" s="326">
        <v>2284914</v>
      </c>
      <c r="HF21" s="330">
        <v>4031081</v>
      </c>
      <c r="HG21" s="331">
        <v>0</v>
      </c>
      <c r="HH21" s="326">
        <v>15837845</v>
      </c>
      <c r="HI21" s="326">
        <v>21836215</v>
      </c>
      <c r="HJ21" s="326">
        <v>20492341</v>
      </c>
      <c r="HK21" s="326">
        <v>27841141</v>
      </c>
      <c r="HL21" s="326">
        <v>17786266</v>
      </c>
      <c r="HM21" s="327">
        <v>103793808</v>
      </c>
      <c r="HN21" s="328">
        <v>107824889</v>
      </c>
      <c r="HO21" s="332">
        <v>1079817</v>
      </c>
      <c r="HP21" s="326">
        <v>2328617</v>
      </c>
      <c r="HQ21" s="327">
        <v>3408434</v>
      </c>
      <c r="HR21" s="325">
        <v>0</v>
      </c>
      <c r="HS21" s="326">
        <v>11987694</v>
      </c>
      <c r="HT21" s="326">
        <v>17187609</v>
      </c>
      <c r="HU21" s="326">
        <v>9800359</v>
      </c>
      <c r="HV21" s="326">
        <v>6733893</v>
      </c>
      <c r="HW21" s="326">
        <v>4121133</v>
      </c>
      <c r="HX21" s="330">
        <v>49830688</v>
      </c>
      <c r="HY21" s="329">
        <v>53239122</v>
      </c>
      <c r="HZ21" s="334">
        <v>139983</v>
      </c>
      <c r="IA21" s="335">
        <v>580756</v>
      </c>
      <c r="IB21" s="336">
        <v>720739</v>
      </c>
      <c r="IC21" s="337">
        <v>0</v>
      </c>
      <c r="ID21" s="335">
        <v>15816056</v>
      </c>
      <c r="IE21" s="338">
        <v>31747257</v>
      </c>
      <c r="IF21" s="336">
        <v>32326602</v>
      </c>
      <c r="IG21" s="335">
        <v>25495956</v>
      </c>
      <c r="IH21" s="336">
        <v>20106775</v>
      </c>
      <c r="II21" s="339">
        <v>125492646</v>
      </c>
      <c r="IJ21" s="340">
        <v>126213385</v>
      </c>
      <c r="IK21" s="341">
        <v>0</v>
      </c>
      <c r="IL21" s="342">
        <v>0</v>
      </c>
      <c r="IM21" s="343">
        <v>0</v>
      </c>
      <c r="IN21" s="403">
        <v>0</v>
      </c>
      <c r="IO21" s="344">
        <v>464725</v>
      </c>
      <c r="IP21" s="344">
        <v>1892276</v>
      </c>
      <c r="IQ21" s="344">
        <v>2500610</v>
      </c>
      <c r="IR21" s="344">
        <v>2612390</v>
      </c>
      <c r="IS21" s="344">
        <v>2745533</v>
      </c>
      <c r="IT21" s="345">
        <v>10215534</v>
      </c>
      <c r="IU21" s="346">
        <v>10215534</v>
      </c>
      <c r="IV21" s="347">
        <v>0</v>
      </c>
      <c r="IW21" s="344">
        <v>0</v>
      </c>
      <c r="IX21" s="348">
        <v>0</v>
      </c>
      <c r="IY21" s="412">
        <v>0</v>
      </c>
      <c r="IZ21" s="344">
        <v>0</v>
      </c>
      <c r="JA21" s="344">
        <v>18446</v>
      </c>
      <c r="JB21" s="344">
        <v>37211</v>
      </c>
      <c r="JC21" s="344">
        <v>65568</v>
      </c>
      <c r="JD21" s="344">
        <v>18765</v>
      </c>
      <c r="JE21" s="348">
        <v>139990</v>
      </c>
      <c r="JF21" s="349">
        <v>139990</v>
      </c>
      <c r="JG21" s="347">
        <v>0</v>
      </c>
      <c r="JH21" s="344">
        <v>0</v>
      </c>
      <c r="JI21" s="345">
        <v>0</v>
      </c>
      <c r="JJ21" s="350">
        <v>0</v>
      </c>
      <c r="JK21" s="344">
        <v>7394297</v>
      </c>
      <c r="JL21" s="344">
        <v>10048512</v>
      </c>
      <c r="JM21" s="344">
        <v>8227086</v>
      </c>
      <c r="JN21" s="344">
        <v>4400973</v>
      </c>
      <c r="JO21" s="344">
        <v>1733115</v>
      </c>
      <c r="JP21" s="348">
        <v>31803983</v>
      </c>
      <c r="JQ21" s="346">
        <v>31803983</v>
      </c>
      <c r="JR21" s="347">
        <v>0</v>
      </c>
      <c r="JS21" s="344">
        <v>0</v>
      </c>
      <c r="JT21" s="345">
        <v>0</v>
      </c>
      <c r="JU21" s="350">
        <v>0</v>
      </c>
      <c r="JV21" s="344">
        <v>555977</v>
      </c>
      <c r="JW21" s="344">
        <v>970350</v>
      </c>
      <c r="JX21" s="344">
        <v>725589</v>
      </c>
      <c r="JY21" s="344">
        <v>645049</v>
      </c>
      <c r="JZ21" s="344">
        <v>598520</v>
      </c>
      <c r="KA21" s="348">
        <v>3495485</v>
      </c>
      <c r="KB21" s="346">
        <v>3495485</v>
      </c>
      <c r="KC21" s="351">
        <v>139983</v>
      </c>
      <c r="KD21" s="352">
        <v>327573</v>
      </c>
      <c r="KE21" s="348">
        <v>467556</v>
      </c>
      <c r="KF21" s="350">
        <v>0</v>
      </c>
      <c r="KG21" s="344">
        <v>2122545</v>
      </c>
      <c r="KH21" s="344">
        <v>4672907</v>
      </c>
      <c r="KI21" s="344">
        <v>3724451</v>
      </c>
      <c r="KJ21" s="344">
        <v>4804345</v>
      </c>
      <c r="KK21" s="344">
        <v>2523961</v>
      </c>
      <c r="KL21" s="348">
        <v>17848209</v>
      </c>
      <c r="KM21" s="353">
        <v>18315765</v>
      </c>
      <c r="KN21" s="341">
        <v>0</v>
      </c>
      <c r="KO21" s="342">
        <v>253183</v>
      </c>
      <c r="KP21" s="343">
        <v>253183</v>
      </c>
      <c r="KQ21" s="412">
        <v>0</v>
      </c>
      <c r="KR21" s="344">
        <v>5136706</v>
      </c>
      <c r="KS21" s="344">
        <v>12494168</v>
      </c>
      <c r="KT21" s="344">
        <v>13544403</v>
      </c>
      <c r="KU21" s="344">
        <v>8415118</v>
      </c>
      <c r="KV21" s="344">
        <v>8104418</v>
      </c>
      <c r="KW21" s="348">
        <v>47694813</v>
      </c>
      <c r="KX21" s="346">
        <v>47947996</v>
      </c>
      <c r="KY21" s="347">
        <v>0</v>
      </c>
      <c r="KZ21" s="344">
        <v>0</v>
      </c>
      <c r="LA21" s="348">
        <v>0</v>
      </c>
      <c r="LB21" s="412">
        <v>0</v>
      </c>
      <c r="LC21" s="344">
        <v>0</v>
      </c>
      <c r="LD21" s="344">
        <v>0</v>
      </c>
      <c r="LE21" s="344">
        <v>0</v>
      </c>
      <c r="LF21" s="344">
        <v>0</v>
      </c>
      <c r="LG21" s="344">
        <v>0</v>
      </c>
      <c r="LH21" s="348">
        <v>0</v>
      </c>
      <c r="LI21" s="349">
        <v>0</v>
      </c>
      <c r="LJ21" s="347">
        <v>0</v>
      </c>
      <c r="LK21" s="344">
        <v>0</v>
      </c>
      <c r="LL21" s="348">
        <v>0</v>
      </c>
      <c r="LM21" s="412">
        <v>0</v>
      </c>
      <c r="LN21" s="344">
        <v>0</v>
      </c>
      <c r="LO21" s="344">
        <v>525258</v>
      </c>
      <c r="LP21" s="344">
        <v>1999319</v>
      </c>
      <c r="LQ21" s="344">
        <v>3892589</v>
      </c>
      <c r="LR21" s="344">
        <v>2606089</v>
      </c>
      <c r="LS21" s="348">
        <v>9023255</v>
      </c>
      <c r="LT21" s="346">
        <v>9023255</v>
      </c>
      <c r="LU21" s="347">
        <v>0</v>
      </c>
      <c r="LV21" s="344">
        <v>0</v>
      </c>
      <c r="LW21" s="348">
        <v>0</v>
      </c>
      <c r="LX21" s="412">
        <v>0</v>
      </c>
      <c r="LY21" s="344">
        <v>141806</v>
      </c>
      <c r="LZ21" s="344">
        <v>1125340</v>
      </c>
      <c r="MA21" s="344">
        <v>1567933</v>
      </c>
      <c r="MB21" s="344">
        <v>659924</v>
      </c>
      <c r="MC21" s="344">
        <v>1776374</v>
      </c>
      <c r="MD21" s="348">
        <v>5271377</v>
      </c>
      <c r="ME21" s="349">
        <v>5271377</v>
      </c>
      <c r="MF21" s="347">
        <v>0</v>
      </c>
      <c r="MG21" s="344">
        <v>0</v>
      </c>
      <c r="MH21" s="348">
        <v>0</v>
      </c>
      <c r="MI21" s="412">
        <v>0</v>
      </c>
      <c r="MJ21" s="344">
        <v>12892991</v>
      </c>
      <c r="MK21" s="344">
        <v>29765961</v>
      </c>
      <c r="ML21" s="344">
        <v>96095487</v>
      </c>
      <c r="MM21" s="344">
        <v>135184702</v>
      </c>
      <c r="MN21" s="344">
        <v>76038477</v>
      </c>
      <c r="MO21" s="348">
        <v>349977618</v>
      </c>
      <c r="MP21" s="353">
        <v>349977618</v>
      </c>
      <c r="MQ21" s="347">
        <v>0</v>
      </c>
      <c r="MR21" s="344">
        <v>0</v>
      </c>
      <c r="MS21" s="348">
        <v>0</v>
      </c>
      <c r="MT21" s="412">
        <v>0</v>
      </c>
      <c r="MU21" s="344">
        <v>1077721</v>
      </c>
      <c r="MV21" s="344">
        <v>3733804</v>
      </c>
      <c r="MW21" s="344">
        <v>56140368</v>
      </c>
      <c r="MX21" s="344">
        <v>87028235</v>
      </c>
      <c r="MY21" s="344">
        <v>53895407</v>
      </c>
      <c r="MZ21" s="348">
        <v>201875535</v>
      </c>
      <c r="NA21" s="353">
        <v>201875535</v>
      </c>
      <c r="NB21" s="347">
        <v>0</v>
      </c>
      <c r="NC21" s="344">
        <v>0</v>
      </c>
      <c r="ND21" s="348">
        <v>0</v>
      </c>
      <c r="NE21" s="412">
        <v>0</v>
      </c>
      <c r="NF21" s="344">
        <v>11815270</v>
      </c>
      <c r="NG21" s="344">
        <v>26032157</v>
      </c>
      <c r="NH21" s="344">
        <v>39248046</v>
      </c>
      <c r="NI21" s="344">
        <v>43677045</v>
      </c>
      <c r="NJ21" s="344">
        <v>17463808</v>
      </c>
      <c r="NK21" s="348">
        <v>138236326</v>
      </c>
      <c r="NL21" s="346">
        <v>138236326</v>
      </c>
      <c r="NM21" s="347">
        <v>0</v>
      </c>
      <c r="NN21" s="344">
        <v>0</v>
      </c>
      <c r="NO21" s="348">
        <v>0</v>
      </c>
      <c r="NP21" s="412">
        <v>0</v>
      </c>
      <c r="NQ21" s="344">
        <v>0</v>
      </c>
      <c r="NR21" s="344">
        <v>0</v>
      </c>
      <c r="NS21" s="344">
        <v>0</v>
      </c>
      <c r="NT21" s="344">
        <v>0</v>
      </c>
      <c r="NU21" s="344">
        <v>0</v>
      </c>
      <c r="NV21" s="348">
        <v>0</v>
      </c>
      <c r="NW21" s="349">
        <v>0</v>
      </c>
      <c r="NX21" s="347">
        <v>0</v>
      </c>
      <c r="NY21" s="344">
        <v>0</v>
      </c>
      <c r="NZ21" s="348">
        <v>0</v>
      </c>
      <c r="OA21" s="412">
        <v>0</v>
      </c>
      <c r="OB21" s="344">
        <v>0</v>
      </c>
      <c r="OC21" s="344">
        <v>0</v>
      </c>
      <c r="OD21" s="344">
        <v>707073</v>
      </c>
      <c r="OE21" s="344">
        <v>4479422</v>
      </c>
      <c r="OF21" s="344">
        <v>4679262</v>
      </c>
      <c r="OG21" s="348">
        <v>9865757</v>
      </c>
      <c r="OH21" s="349">
        <v>9865757</v>
      </c>
      <c r="OI21" s="347">
        <v>6863746</v>
      </c>
      <c r="OJ21" s="344">
        <v>16740463</v>
      </c>
      <c r="OK21" s="345">
        <v>23604209</v>
      </c>
      <c r="OL21" s="350">
        <v>0</v>
      </c>
      <c r="OM21" s="344">
        <v>107052965</v>
      </c>
      <c r="ON21" s="344">
        <v>203269290</v>
      </c>
      <c r="OO21" s="344">
        <v>232224553</v>
      </c>
      <c r="OP21" s="344">
        <v>264723276</v>
      </c>
      <c r="OQ21" s="344">
        <v>166517354</v>
      </c>
      <c r="OR21" s="348">
        <v>973787438</v>
      </c>
      <c r="OS21" s="353">
        <v>997391647</v>
      </c>
    </row>
    <row r="22" spans="2:409" s="70" customFormat="1" ht="21" customHeight="1" x14ac:dyDescent="0.2">
      <c r="B22" s="409" t="s">
        <v>17</v>
      </c>
      <c r="C22" s="325">
        <v>7886725</v>
      </c>
      <c r="D22" s="326">
        <v>17605030</v>
      </c>
      <c r="E22" s="327">
        <v>25491755</v>
      </c>
      <c r="F22" s="328">
        <v>0</v>
      </c>
      <c r="G22" s="326">
        <v>78721488</v>
      </c>
      <c r="H22" s="326">
        <v>176450875</v>
      </c>
      <c r="I22" s="326">
        <v>148696454</v>
      </c>
      <c r="J22" s="326">
        <v>142078888</v>
      </c>
      <c r="K22" s="326">
        <v>96484652</v>
      </c>
      <c r="L22" s="328">
        <v>642432357</v>
      </c>
      <c r="M22" s="329">
        <v>667924112</v>
      </c>
      <c r="N22" s="325">
        <v>1643114</v>
      </c>
      <c r="O22" s="326">
        <v>3856795</v>
      </c>
      <c r="P22" s="327">
        <v>5499909</v>
      </c>
      <c r="Q22" s="325">
        <v>0</v>
      </c>
      <c r="R22" s="326">
        <v>19771836</v>
      </c>
      <c r="S22" s="326">
        <v>44738039</v>
      </c>
      <c r="T22" s="326">
        <v>48035787</v>
      </c>
      <c r="U22" s="326">
        <v>55706452</v>
      </c>
      <c r="V22" s="326">
        <v>47036905</v>
      </c>
      <c r="W22" s="327">
        <v>215289019</v>
      </c>
      <c r="X22" s="329">
        <v>220788928</v>
      </c>
      <c r="Y22" s="325">
        <v>0</v>
      </c>
      <c r="Z22" s="326">
        <v>0</v>
      </c>
      <c r="AA22" s="327">
        <v>0</v>
      </c>
      <c r="AB22" s="325">
        <v>0</v>
      </c>
      <c r="AC22" s="326">
        <v>8337086</v>
      </c>
      <c r="AD22" s="326">
        <v>20992976</v>
      </c>
      <c r="AE22" s="326">
        <v>29092904</v>
      </c>
      <c r="AF22" s="326">
        <v>35038564</v>
      </c>
      <c r="AG22" s="326">
        <v>27577202</v>
      </c>
      <c r="AH22" s="327">
        <v>121038732</v>
      </c>
      <c r="AI22" s="329">
        <v>121038732</v>
      </c>
      <c r="AJ22" s="325">
        <v>0</v>
      </c>
      <c r="AK22" s="326">
        <v>36037</v>
      </c>
      <c r="AL22" s="327">
        <v>36037</v>
      </c>
      <c r="AM22" s="325">
        <v>0</v>
      </c>
      <c r="AN22" s="326">
        <v>15228</v>
      </c>
      <c r="AO22" s="326">
        <v>264548</v>
      </c>
      <c r="AP22" s="326">
        <v>703444</v>
      </c>
      <c r="AQ22" s="326">
        <v>2917164</v>
      </c>
      <c r="AR22" s="326">
        <v>5082432</v>
      </c>
      <c r="AS22" s="327">
        <v>8982816</v>
      </c>
      <c r="AT22" s="329">
        <v>9018853</v>
      </c>
      <c r="AU22" s="325">
        <v>871833</v>
      </c>
      <c r="AV22" s="326">
        <v>2728708</v>
      </c>
      <c r="AW22" s="327">
        <v>3600541</v>
      </c>
      <c r="AX22" s="325">
        <v>0</v>
      </c>
      <c r="AY22" s="326">
        <v>7152972</v>
      </c>
      <c r="AZ22" s="326">
        <v>14508473</v>
      </c>
      <c r="BA22" s="326">
        <v>10107586</v>
      </c>
      <c r="BB22" s="326">
        <v>9795631</v>
      </c>
      <c r="BC22" s="326">
        <v>8679940</v>
      </c>
      <c r="BD22" s="327">
        <v>50244602</v>
      </c>
      <c r="BE22" s="329">
        <v>53845143</v>
      </c>
      <c r="BF22" s="325">
        <v>108054</v>
      </c>
      <c r="BG22" s="326">
        <v>345683</v>
      </c>
      <c r="BH22" s="330">
        <v>453737</v>
      </c>
      <c r="BI22" s="331">
        <v>0</v>
      </c>
      <c r="BJ22" s="326">
        <v>397265</v>
      </c>
      <c r="BK22" s="326">
        <v>1703315</v>
      </c>
      <c r="BL22" s="326">
        <v>1012211</v>
      </c>
      <c r="BM22" s="326">
        <v>690520</v>
      </c>
      <c r="BN22" s="326">
        <v>951413</v>
      </c>
      <c r="BO22" s="327">
        <v>4754724</v>
      </c>
      <c r="BP22" s="329">
        <v>5208461</v>
      </c>
      <c r="BQ22" s="325">
        <v>663227</v>
      </c>
      <c r="BR22" s="326">
        <v>746367</v>
      </c>
      <c r="BS22" s="327">
        <v>1409594</v>
      </c>
      <c r="BT22" s="325">
        <v>0</v>
      </c>
      <c r="BU22" s="326">
        <v>3869285</v>
      </c>
      <c r="BV22" s="326">
        <v>7268727</v>
      </c>
      <c r="BW22" s="326">
        <v>7119642</v>
      </c>
      <c r="BX22" s="326">
        <v>7264573</v>
      </c>
      <c r="BY22" s="326">
        <v>4745918</v>
      </c>
      <c r="BZ22" s="327">
        <v>30268145</v>
      </c>
      <c r="CA22" s="329">
        <v>31677739</v>
      </c>
      <c r="CB22" s="325">
        <v>914539</v>
      </c>
      <c r="CC22" s="326">
        <v>3272782</v>
      </c>
      <c r="CD22" s="327">
        <v>4187321</v>
      </c>
      <c r="CE22" s="325">
        <v>0</v>
      </c>
      <c r="CF22" s="326">
        <v>23489935</v>
      </c>
      <c r="CG22" s="326">
        <v>57060051</v>
      </c>
      <c r="CH22" s="326">
        <v>43716187</v>
      </c>
      <c r="CI22" s="326">
        <v>28019170</v>
      </c>
      <c r="CJ22" s="326">
        <v>16772378</v>
      </c>
      <c r="CK22" s="327">
        <v>169057721</v>
      </c>
      <c r="CL22" s="329">
        <v>173245042</v>
      </c>
      <c r="CM22" s="325">
        <v>0</v>
      </c>
      <c r="CN22" s="326">
        <v>0</v>
      </c>
      <c r="CO22" s="327">
        <v>0</v>
      </c>
      <c r="CP22" s="331">
        <v>0</v>
      </c>
      <c r="CQ22" s="326">
        <v>20325114</v>
      </c>
      <c r="CR22" s="326">
        <v>43133321</v>
      </c>
      <c r="CS22" s="326">
        <v>34108943</v>
      </c>
      <c r="CT22" s="326">
        <v>22677627</v>
      </c>
      <c r="CU22" s="326">
        <v>14335700</v>
      </c>
      <c r="CV22" s="327">
        <v>134580705</v>
      </c>
      <c r="CW22" s="329">
        <v>134580705</v>
      </c>
      <c r="CX22" s="325">
        <v>914539</v>
      </c>
      <c r="CY22" s="326">
        <v>3272782</v>
      </c>
      <c r="CZ22" s="327">
        <v>4187321</v>
      </c>
      <c r="DA22" s="325">
        <v>0</v>
      </c>
      <c r="DB22" s="326">
        <v>3164821</v>
      </c>
      <c r="DC22" s="326">
        <v>13926730</v>
      </c>
      <c r="DD22" s="326">
        <v>9607244</v>
      </c>
      <c r="DE22" s="326">
        <v>5341543</v>
      </c>
      <c r="DF22" s="326">
        <v>2436678</v>
      </c>
      <c r="DG22" s="327">
        <v>34477016</v>
      </c>
      <c r="DH22" s="329">
        <v>38664337</v>
      </c>
      <c r="DI22" s="325">
        <v>21039</v>
      </c>
      <c r="DJ22" s="326">
        <v>62754</v>
      </c>
      <c r="DK22" s="330">
        <v>83793</v>
      </c>
      <c r="DL22" s="331">
        <v>0</v>
      </c>
      <c r="DM22" s="326">
        <v>2020069</v>
      </c>
      <c r="DN22" s="326">
        <v>7804400</v>
      </c>
      <c r="DO22" s="326">
        <v>9955605</v>
      </c>
      <c r="DP22" s="326">
        <v>12979452</v>
      </c>
      <c r="DQ22" s="326">
        <v>4264288</v>
      </c>
      <c r="DR22" s="327">
        <v>37023814</v>
      </c>
      <c r="DS22" s="329">
        <v>37107607</v>
      </c>
      <c r="DT22" s="325">
        <v>21039</v>
      </c>
      <c r="DU22" s="326">
        <v>62754</v>
      </c>
      <c r="DV22" s="327">
        <v>83793</v>
      </c>
      <c r="DW22" s="325">
        <v>0</v>
      </c>
      <c r="DX22" s="326">
        <v>1618195</v>
      </c>
      <c r="DY22" s="326">
        <v>6733985</v>
      </c>
      <c r="DZ22" s="326">
        <v>8962010</v>
      </c>
      <c r="EA22" s="326">
        <v>11776241</v>
      </c>
      <c r="EB22" s="326">
        <v>3504067</v>
      </c>
      <c r="EC22" s="327">
        <v>32594498</v>
      </c>
      <c r="ED22" s="329">
        <v>32678291</v>
      </c>
      <c r="EE22" s="325">
        <v>0</v>
      </c>
      <c r="EF22" s="330">
        <v>0</v>
      </c>
      <c r="EG22" s="327">
        <v>0</v>
      </c>
      <c r="EH22" s="325">
        <v>0</v>
      </c>
      <c r="EI22" s="326">
        <v>401874</v>
      </c>
      <c r="EJ22" s="326">
        <v>1070415</v>
      </c>
      <c r="EK22" s="326">
        <v>993595</v>
      </c>
      <c r="EL22" s="326">
        <v>1203211</v>
      </c>
      <c r="EM22" s="326">
        <v>760221</v>
      </c>
      <c r="EN22" s="330">
        <v>4429316</v>
      </c>
      <c r="EO22" s="329">
        <v>4429316</v>
      </c>
      <c r="EP22" s="325">
        <v>0</v>
      </c>
      <c r="EQ22" s="326">
        <v>0</v>
      </c>
      <c r="ER22" s="330">
        <v>0</v>
      </c>
      <c r="ES22" s="331">
        <v>0</v>
      </c>
      <c r="ET22" s="326">
        <v>0</v>
      </c>
      <c r="EU22" s="326">
        <v>0</v>
      </c>
      <c r="EV22" s="326">
        <v>0</v>
      </c>
      <c r="EW22" s="326">
        <v>0</v>
      </c>
      <c r="EX22" s="326">
        <v>0</v>
      </c>
      <c r="EY22" s="327">
        <v>0</v>
      </c>
      <c r="EZ22" s="329">
        <v>0</v>
      </c>
      <c r="FA22" s="325">
        <v>0</v>
      </c>
      <c r="FB22" s="326">
        <v>0</v>
      </c>
      <c r="FC22" s="330">
        <v>0</v>
      </c>
      <c r="FD22" s="331">
        <v>0</v>
      </c>
      <c r="FE22" s="326">
        <v>0</v>
      </c>
      <c r="FF22" s="326">
        <v>0</v>
      </c>
      <c r="FG22" s="326">
        <v>0</v>
      </c>
      <c r="FH22" s="326">
        <v>0</v>
      </c>
      <c r="FI22" s="326">
        <v>0</v>
      </c>
      <c r="FJ22" s="327">
        <v>0</v>
      </c>
      <c r="FK22" s="329">
        <v>0</v>
      </c>
      <c r="FL22" s="325">
        <v>2193109</v>
      </c>
      <c r="FM22" s="326">
        <v>4203469</v>
      </c>
      <c r="FN22" s="327">
        <v>6396578</v>
      </c>
      <c r="FO22" s="325">
        <v>0</v>
      </c>
      <c r="FP22" s="326">
        <v>4142477</v>
      </c>
      <c r="FQ22" s="326">
        <v>17368015</v>
      </c>
      <c r="FR22" s="326">
        <v>12189956</v>
      </c>
      <c r="FS22" s="326">
        <v>10704893</v>
      </c>
      <c r="FT22" s="326">
        <v>7373883</v>
      </c>
      <c r="FU22" s="327">
        <v>51779224</v>
      </c>
      <c r="FV22" s="329">
        <v>58175802</v>
      </c>
      <c r="FW22" s="332">
        <v>1016176</v>
      </c>
      <c r="FX22" s="326">
        <v>3396788</v>
      </c>
      <c r="FY22" s="330">
        <v>4412964</v>
      </c>
      <c r="FZ22" s="331">
        <v>0</v>
      </c>
      <c r="GA22" s="326">
        <v>3200408</v>
      </c>
      <c r="GB22" s="326">
        <v>16241009</v>
      </c>
      <c r="GC22" s="326">
        <v>11508812</v>
      </c>
      <c r="GD22" s="326">
        <v>10152768</v>
      </c>
      <c r="GE22" s="326">
        <v>7236761</v>
      </c>
      <c r="GF22" s="327">
        <v>48339758</v>
      </c>
      <c r="GG22" s="333">
        <v>52752722</v>
      </c>
      <c r="GH22" s="332">
        <v>51930</v>
      </c>
      <c r="GI22" s="326">
        <v>91512</v>
      </c>
      <c r="GJ22" s="330">
        <v>143442</v>
      </c>
      <c r="GK22" s="331">
        <v>0</v>
      </c>
      <c r="GL22" s="326">
        <v>199298</v>
      </c>
      <c r="GM22" s="326">
        <v>332791</v>
      </c>
      <c r="GN22" s="326">
        <v>204064</v>
      </c>
      <c r="GO22" s="326">
        <v>161525</v>
      </c>
      <c r="GP22" s="326">
        <v>80287</v>
      </c>
      <c r="GQ22" s="327">
        <v>977965</v>
      </c>
      <c r="GR22" s="329">
        <v>1121407</v>
      </c>
      <c r="GS22" s="325">
        <v>1125003</v>
      </c>
      <c r="GT22" s="326">
        <v>715169</v>
      </c>
      <c r="GU22" s="327">
        <v>1840172</v>
      </c>
      <c r="GV22" s="325">
        <v>0</v>
      </c>
      <c r="GW22" s="326">
        <v>742771</v>
      </c>
      <c r="GX22" s="326">
        <v>794215</v>
      </c>
      <c r="GY22" s="326">
        <v>477080</v>
      </c>
      <c r="GZ22" s="326">
        <v>390600</v>
      </c>
      <c r="HA22" s="326">
        <v>56835</v>
      </c>
      <c r="HB22" s="330">
        <v>2461501</v>
      </c>
      <c r="HC22" s="329">
        <v>4301673</v>
      </c>
      <c r="HD22" s="325">
        <v>1797874</v>
      </c>
      <c r="HE22" s="326">
        <v>3183534</v>
      </c>
      <c r="HF22" s="330">
        <v>4981408</v>
      </c>
      <c r="HG22" s="331">
        <v>0</v>
      </c>
      <c r="HH22" s="326">
        <v>15569965</v>
      </c>
      <c r="HI22" s="326">
        <v>26855636</v>
      </c>
      <c r="HJ22" s="326">
        <v>19807670</v>
      </c>
      <c r="HK22" s="326">
        <v>24054626</v>
      </c>
      <c r="HL22" s="326">
        <v>15493267</v>
      </c>
      <c r="HM22" s="327">
        <v>101781164</v>
      </c>
      <c r="HN22" s="328">
        <v>106762572</v>
      </c>
      <c r="HO22" s="332">
        <v>1317050</v>
      </c>
      <c r="HP22" s="326">
        <v>3025696</v>
      </c>
      <c r="HQ22" s="327">
        <v>4342746</v>
      </c>
      <c r="HR22" s="325">
        <v>0</v>
      </c>
      <c r="HS22" s="326">
        <v>13727206</v>
      </c>
      <c r="HT22" s="326">
        <v>22624734</v>
      </c>
      <c r="HU22" s="326">
        <v>14991249</v>
      </c>
      <c r="HV22" s="326">
        <v>10614295</v>
      </c>
      <c r="HW22" s="326">
        <v>5543931</v>
      </c>
      <c r="HX22" s="330">
        <v>67501415</v>
      </c>
      <c r="HY22" s="329">
        <v>71844161</v>
      </c>
      <c r="HZ22" s="357">
        <v>280493</v>
      </c>
      <c r="IA22" s="355">
        <v>520307</v>
      </c>
      <c r="IB22" s="357">
        <v>800800</v>
      </c>
      <c r="IC22" s="354">
        <v>0</v>
      </c>
      <c r="ID22" s="355">
        <v>22676216</v>
      </c>
      <c r="IE22" s="356">
        <v>41389219</v>
      </c>
      <c r="IF22" s="357">
        <v>53847726</v>
      </c>
      <c r="IG22" s="355">
        <v>49304978</v>
      </c>
      <c r="IH22" s="357">
        <v>28050963</v>
      </c>
      <c r="II22" s="358">
        <v>195269102</v>
      </c>
      <c r="IJ22" s="357">
        <v>196069902</v>
      </c>
      <c r="IK22" s="341">
        <v>0</v>
      </c>
      <c r="IL22" s="342">
        <v>0</v>
      </c>
      <c r="IM22" s="343">
        <v>0</v>
      </c>
      <c r="IN22" s="403">
        <v>0</v>
      </c>
      <c r="IO22" s="344">
        <v>60254</v>
      </c>
      <c r="IP22" s="344">
        <v>358805</v>
      </c>
      <c r="IQ22" s="344">
        <v>352802</v>
      </c>
      <c r="IR22" s="344">
        <v>722267</v>
      </c>
      <c r="IS22" s="344">
        <v>239936</v>
      </c>
      <c r="IT22" s="345">
        <v>1734064</v>
      </c>
      <c r="IU22" s="346">
        <v>1734064</v>
      </c>
      <c r="IV22" s="347">
        <v>0</v>
      </c>
      <c r="IW22" s="344">
        <v>0</v>
      </c>
      <c r="IX22" s="348">
        <v>0</v>
      </c>
      <c r="IY22" s="412">
        <v>0</v>
      </c>
      <c r="IZ22" s="344">
        <v>0</v>
      </c>
      <c r="JA22" s="344">
        <v>0</v>
      </c>
      <c r="JB22" s="344">
        <v>0</v>
      </c>
      <c r="JC22" s="344">
        <v>0</v>
      </c>
      <c r="JD22" s="344">
        <v>0</v>
      </c>
      <c r="JE22" s="348">
        <v>0</v>
      </c>
      <c r="JF22" s="349">
        <v>0</v>
      </c>
      <c r="JG22" s="347">
        <v>0</v>
      </c>
      <c r="JH22" s="344">
        <v>0</v>
      </c>
      <c r="JI22" s="345">
        <v>0</v>
      </c>
      <c r="JJ22" s="350">
        <v>0</v>
      </c>
      <c r="JK22" s="344">
        <v>11404603</v>
      </c>
      <c r="JL22" s="344">
        <v>17942505</v>
      </c>
      <c r="JM22" s="344">
        <v>13617846</v>
      </c>
      <c r="JN22" s="344">
        <v>13595785</v>
      </c>
      <c r="JO22" s="344">
        <v>5235260</v>
      </c>
      <c r="JP22" s="348">
        <v>61795999</v>
      </c>
      <c r="JQ22" s="346">
        <v>61795999</v>
      </c>
      <c r="JR22" s="347">
        <v>55881</v>
      </c>
      <c r="JS22" s="344">
        <v>178121</v>
      </c>
      <c r="JT22" s="345">
        <v>234002</v>
      </c>
      <c r="JU22" s="350">
        <v>0</v>
      </c>
      <c r="JV22" s="344">
        <v>810661</v>
      </c>
      <c r="JW22" s="344">
        <v>680540</v>
      </c>
      <c r="JX22" s="344">
        <v>1152416</v>
      </c>
      <c r="JY22" s="344">
        <v>916941</v>
      </c>
      <c r="JZ22" s="344">
        <v>468846</v>
      </c>
      <c r="KA22" s="348">
        <v>4029404</v>
      </c>
      <c r="KB22" s="346">
        <v>4263406</v>
      </c>
      <c r="KC22" s="351">
        <v>224612</v>
      </c>
      <c r="KD22" s="352">
        <v>342186</v>
      </c>
      <c r="KE22" s="348">
        <v>566798</v>
      </c>
      <c r="KF22" s="350">
        <v>0</v>
      </c>
      <c r="KG22" s="344">
        <v>954458</v>
      </c>
      <c r="KH22" s="344">
        <v>5089562</v>
      </c>
      <c r="KI22" s="344">
        <v>7744984</v>
      </c>
      <c r="KJ22" s="344">
        <v>5358775</v>
      </c>
      <c r="KK22" s="344">
        <v>2875730</v>
      </c>
      <c r="KL22" s="348">
        <v>22023509</v>
      </c>
      <c r="KM22" s="353">
        <v>22590307</v>
      </c>
      <c r="KN22" s="341">
        <v>0</v>
      </c>
      <c r="KO22" s="342">
        <v>0</v>
      </c>
      <c r="KP22" s="343">
        <v>0</v>
      </c>
      <c r="KQ22" s="412">
        <v>0</v>
      </c>
      <c r="KR22" s="344">
        <v>9446240</v>
      </c>
      <c r="KS22" s="344">
        <v>16308330</v>
      </c>
      <c r="KT22" s="344">
        <v>23028304</v>
      </c>
      <c r="KU22" s="344">
        <v>13763040</v>
      </c>
      <c r="KV22" s="344">
        <v>7014128</v>
      </c>
      <c r="KW22" s="348">
        <v>69560042</v>
      </c>
      <c r="KX22" s="346">
        <v>69560042</v>
      </c>
      <c r="KY22" s="347">
        <v>0</v>
      </c>
      <c r="KZ22" s="344">
        <v>0</v>
      </c>
      <c r="LA22" s="348">
        <v>0</v>
      </c>
      <c r="LB22" s="412">
        <v>0</v>
      </c>
      <c r="LC22" s="344">
        <v>0</v>
      </c>
      <c r="LD22" s="344">
        <v>0</v>
      </c>
      <c r="LE22" s="344">
        <v>0</v>
      </c>
      <c r="LF22" s="344">
        <v>0</v>
      </c>
      <c r="LG22" s="344">
        <v>0</v>
      </c>
      <c r="LH22" s="348">
        <v>0</v>
      </c>
      <c r="LI22" s="349">
        <v>0</v>
      </c>
      <c r="LJ22" s="347">
        <v>0</v>
      </c>
      <c r="LK22" s="344">
        <v>0</v>
      </c>
      <c r="LL22" s="348">
        <v>0</v>
      </c>
      <c r="LM22" s="412">
        <v>0</v>
      </c>
      <c r="LN22" s="344">
        <v>0</v>
      </c>
      <c r="LO22" s="344">
        <v>273708</v>
      </c>
      <c r="LP22" s="344">
        <v>7036964</v>
      </c>
      <c r="LQ22" s="344">
        <v>13681125</v>
      </c>
      <c r="LR22" s="344">
        <v>9832094</v>
      </c>
      <c r="LS22" s="348">
        <v>30823891</v>
      </c>
      <c r="LT22" s="346">
        <v>30823891</v>
      </c>
      <c r="LU22" s="347">
        <v>0</v>
      </c>
      <c r="LV22" s="344">
        <v>0</v>
      </c>
      <c r="LW22" s="348">
        <v>0</v>
      </c>
      <c r="LX22" s="412">
        <v>0</v>
      </c>
      <c r="LY22" s="344">
        <v>0</v>
      </c>
      <c r="LZ22" s="344">
        <v>735769</v>
      </c>
      <c r="MA22" s="344">
        <v>914410</v>
      </c>
      <c r="MB22" s="344">
        <v>1267045</v>
      </c>
      <c r="MC22" s="344">
        <v>2384969</v>
      </c>
      <c r="MD22" s="348">
        <v>5302193</v>
      </c>
      <c r="ME22" s="349">
        <v>5302193</v>
      </c>
      <c r="MF22" s="347">
        <v>0</v>
      </c>
      <c r="MG22" s="344">
        <v>0</v>
      </c>
      <c r="MH22" s="348">
        <v>0</v>
      </c>
      <c r="MI22" s="412">
        <v>0</v>
      </c>
      <c r="MJ22" s="344">
        <v>10708646</v>
      </c>
      <c r="MK22" s="344">
        <v>39294673</v>
      </c>
      <c r="ML22" s="344">
        <v>101459933</v>
      </c>
      <c r="MM22" s="344">
        <v>133373015</v>
      </c>
      <c r="MN22" s="344">
        <v>103784372</v>
      </c>
      <c r="MO22" s="348">
        <v>388620639</v>
      </c>
      <c r="MP22" s="353">
        <v>388620639</v>
      </c>
      <c r="MQ22" s="347">
        <v>0</v>
      </c>
      <c r="MR22" s="344">
        <v>0</v>
      </c>
      <c r="MS22" s="348">
        <v>0</v>
      </c>
      <c r="MT22" s="412">
        <v>0</v>
      </c>
      <c r="MU22" s="344">
        <v>875501</v>
      </c>
      <c r="MV22" s="344">
        <v>3164470</v>
      </c>
      <c r="MW22" s="344">
        <v>53096587</v>
      </c>
      <c r="MX22" s="344">
        <v>81608152</v>
      </c>
      <c r="MY22" s="344">
        <v>66831434</v>
      </c>
      <c r="MZ22" s="348">
        <v>205576144</v>
      </c>
      <c r="NA22" s="353">
        <v>205576144</v>
      </c>
      <c r="NB22" s="347">
        <v>0</v>
      </c>
      <c r="NC22" s="344">
        <v>0</v>
      </c>
      <c r="ND22" s="348">
        <v>0</v>
      </c>
      <c r="NE22" s="412">
        <v>0</v>
      </c>
      <c r="NF22" s="344">
        <v>9833145</v>
      </c>
      <c r="NG22" s="344">
        <v>36130203</v>
      </c>
      <c r="NH22" s="344">
        <v>48363346</v>
      </c>
      <c r="NI22" s="344">
        <v>49959415</v>
      </c>
      <c r="NJ22" s="344">
        <v>29967313</v>
      </c>
      <c r="NK22" s="348">
        <v>174253422</v>
      </c>
      <c r="NL22" s="346">
        <v>174253422</v>
      </c>
      <c r="NM22" s="347">
        <v>0</v>
      </c>
      <c r="NN22" s="344">
        <v>0</v>
      </c>
      <c r="NO22" s="348">
        <v>0</v>
      </c>
      <c r="NP22" s="412">
        <v>0</v>
      </c>
      <c r="NQ22" s="344">
        <v>0</v>
      </c>
      <c r="NR22" s="344">
        <v>0</v>
      </c>
      <c r="NS22" s="344">
        <v>0</v>
      </c>
      <c r="NT22" s="344">
        <v>330876</v>
      </c>
      <c r="NU22" s="344">
        <v>1050153</v>
      </c>
      <c r="NV22" s="348">
        <v>1381029</v>
      </c>
      <c r="NW22" s="349">
        <v>1381029</v>
      </c>
      <c r="NX22" s="347">
        <v>0</v>
      </c>
      <c r="NY22" s="344">
        <v>0</v>
      </c>
      <c r="NZ22" s="348">
        <v>0</v>
      </c>
      <c r="OA22" s="412">
        <v>0</v>
      </c>
      <c r="OB22" s="344">
        <v>0</v>
      </c>
      <c r="OC22" s="344">
        <v>0</v>
      </c>
      <c r="OD22" s="344">
        <v>0</v>
      </c>
      <c r="OE22" s="344">
        <v>1474572</v>
      </c>
      <c r="OF22" s="344">
        <v>5935472</v>
      </c>
      <c r="OG22" s="348">
        <v>7410044</v>
      </c>
      <c r="OH22" s="349">
        <v>7410044</v>
      </c>
      <c r="OI22" s="347">
        <v>8167218</v>
      </c>
      <c r="OJ22" s="344">
        <v>18125337</v>
      </c>
      <c r="OK22" s="345">
        <v>26292555</v>
      </c>
      <c r="OL22" s="350">
        <v>0</v>
      </c>
      <c r="OM22" s="344">
        <v>112106350</v>
      </c>
      <c r="ON22" s="344">
        <v>257134767</v>
      </c>
      <c r="OO22" s="344">
        <v>304004113</v>
      </c>
      <c r="OP22" s="344">
        <v>324756881</v>
      </c>
      <c r="OQ22" s="344">
        <v>228319987</v>
      </c>
      <c r="OR22" s="348">
        <v>1226322098</v>
      </c>
      <c r="OS22" s="353">
        <v>1252614653</v>
      </c>
    </row>
    <row r="23" spans="2:409" s="70" customFormat="1" ht="21" customHeight="1" x14ac:dyDescent="0.2">
      <c r="B23" s="409" t="s">
        <v>18</v>
      </c>
      <c r="C23" s="325">
        <v>9374679</v>
      </c>
      <c r="D23" s="326">
        <v>18919553</v>
      </c>
      <c r="E23" s="327">
        <v>28294232</v>
      </c>
      <c r="F23" s="328">
        <v>0</v>
      </c>
      <c r="G23" s="326">
        <v>145517396</v>
      </c>
      <c r="H23" s="326">
        <v>182705535</v>
      </c>
      <c r="I23" s="326">
        <v>163055102</v>
      </c>
      <c r="J23" s="326">
        <v>151902453</v>
      </c>
      <c r="K23" s="326">
        <v>114592898</v>
      </c>
      <c r="L23" s="328">
        <v>757773384</v>
      </c>
      <c r="M23" s="329">
        <v>786067616</v>
      </c>
      <c r="N23" s="325">
        <v>2140134</v>
      </c>
      <c r="O23" s="326">
        <v>5269098</v>
      </c>
      <c r="P23" s="327">
        <v>7409232</v>
      </c>
      <c r="Q23" s="325">
        <v>0</v>
      </c>
      <c r="R23" s="326">
        <v>40324289</v>
      </c>
      <c r="S23" s="326">
        <v>58355332</v>
      </c>
      <c r="T23" s="326">
        <v>50444691</v>
      </c>
      <c r="U23" s="326">
        <v>59714701</v>
      </c>
      <c r="V23" s="326">
        <v>61110193</v>
      </c>
      <c r="W23" s="327">
        <v>269949206</v>
      </c>
      <c r="X23" s="329">
        <v>277358438</v>
      </c>
      <c r="Y23" s="325">
        <v>0</v>
      </c>
      <c r="Z23" s="326">
        <v>0</v>
      </c>
      <c r="AA23" s="327">
        <v>0</v>
      </c>
      <c r="AB23" s="325">
        <v>0</v>
      </c>
      <c r="AC23" s="326">
        <v>18613019</v>
      </c>
      <c r="AD23" s="326">
        <v>28568623</v>
      </c>
      <c r="AE23" s="326">
        <v>28917892</v>
      </c>
      <c r="AF23" s="326">
        <v>39335501</v>
      </c>
      <c r="AG23" s="326">
        <v>39194724</v>
      </c>
      <c r="AH23" s="327">
        <v>154629759</v>
      </c>
      <c r="AI23" s="329">
        <v>154629759</v>
      </c>
      <c r="AJ23" s="325">
        <v>0</v>
      </c>
      <c r="AK23" s="326">
        <v>0</v>
      </c>
      <c r="AL23" s="327">
        <v>0</v>
      </c>
      <c r="AM23" s="325">
        <v>0</v>
      </c>
      <c r="AN23" s="326">
        <v>110202</v>
      </c>
      <c r="AO23" s="326">
        <v>460183</v>
      </c>
      <c r="AP23" s="326">
        <v>1087010</v>
      </c>
      <c r="AQ23" s="326">
        <v>2442193</v>
      </c>
      <c r="AR23" s="326">
        <v>5751922</v>
      </c>
      <c r="AS23" s="327">
        <v>9851510</v>
      </c>
      <c r="AT23" s="329">
        <v>9851510</v>
      </c>
      <c r="AU23" s="325">
        <v>1081297</v>
      </c>
      <c r="AV23" s="326">
        <v>3855287</v>
      </c>
      <c r="AW23" s="327">
        <v>4936584</v>
      </c>
      <c r="AX23" s="325">
        <v>0</v>
      </c>
      <c r="AY23" s="326">
        <v>12851040</v>
      </c>
      <c r="AZ23" s="326">
        <v>17449265</v>
      </c>
      <c r="BA23" s="326">
        <v>10830619</v>
      </c>
      <c r="BB23" s="326">
        <v>9124978</v>
      </c>
      <c r="BC23" s="326">
        <v>9201794</v>
      </c>
      <c r="BD23" s="327">
        <v>59457696</v>
      </c>
      <c r="BE23" s="329">
        <v>64394280</v>
      </c>
      <c r="BF23" s="325">
        <v>263796</v>
      </c>
      <c r="BG23" s="326">
        <v>502398</v>
      </c>
      <c r="BH23" s="330">
        <v>766194</v>
      </c>
      <c r="BI23" s="331">
        <v>0</v>
      </c>
      <c r="BJ23" s="326">
        <v>1712250</v>
      </c>
      <c r="BK23" s="326">
        <v>2976003</v>
      </c>
      <c r="BL23" s="326">
        <v>1675546</v>
      </c>
      <c r="BM23" s="326">
        <v>937053</v>
      </c>
      <c r="BN23" s="326">
        <v>654745</v>
      </c>
      <c r="BO23" s="327">
        <v>7955597</v>
      </c>
      <c r="BP23" s="329">
        <v>8721791</v>
      </c>
      <c r="BQ23" s="325">
        <v>795041</v>
      </c>
      <c r="BR23" s="326">
        <v>911413</v>
      </c>
      <c r="BS23" s="327">
        <v>1706454</v>
      </c>
      <c r="BT23" s="325">
        <v>0</v>
      </c>
      <c r="BU23" s="326">
        <v>7037778</v>
      </c>
      <c r="BV23" s="326">
        <v>8901258</v>
      </c>
      <c r="BW23" s="326">
        <v>7933624</v>
      </c>
      <c r="BX23" s="326">
        <v>7874976</v>
      </c>
      <c r="BY23" s="326">
        <v>6307008</v>
      </c>
      <c r="BZ23" s="327">
        <v>38054644</v>
      </c>
      <c r="CA23" s="329">
        <v>39761098</v>
      </c>
      <c r="CB23" s="325">
        <v>1601220</v>
      </c>
      <c r="CC23" s="326">
        <v>5034757</v>
      </c>
      <c r="CD23" s="327">
        <v>6635977</v>
      </c>
      <c r="CE23" s="325">
        <v>0</v>
      </c>
      <c r="CF23" s="326">
        <v>47887087</v>
      </c>
      <c r="CG23" s="326">
        <v>57770195</v>
      </c>
      <c r="CH23" s="326">
        <v>47589038</v>
      </c>
      <c r="CI23" s="326">
        <v>29098638</v>
      </c>
      <c r="CJ23" s="326">
        <v>14973370</v>
      </c>
      <c r="CK23" s="327">
        <v>197318328</v>
      </c>
      <c r="CL23" s="329">
        <v>203954305</v>
      </c>
      <c r="CM23" s="325">
        <v>0</v>
      </c>
      <c r="CN23" s="326">
        <v>0</v>
      </c>
      <c r="CO23" s="327">
        <v>0</v>
      </c>
      <c r="CP23" s="331">
        <v>0</v>
      </c>
      <c r="CQ23" s="326">
        <v>39319093</v>
      </c>
      <c r="CR23" s="326">
        <v>45299644</v>
      </c>
      <c r="CS23" s="326">
        <v>38198886</v>
      </c>
      <c r="CT23" s="326">
        <v>23560439</v>
      </c>
      <c r="CU23" s="326">
        <v>12318066</v>
      </c>
      <c r="CV23" s="327">
        <v>158696128</v>
      </c>
      <c r="CW23" s="329">
        <v>158696128</v>
      </c>
      <c r="CX23" s="325">
        <v>1601220</v>
      </c>
      <c r="CY23" s="326">
        <v>5034757</v>
      </c>
      <c r="CZ23" s="327">
        <v>6635977</v>
      </c>
      <c r="DA23" s="325">
        <v>0</v>
      </c>
      <c r="DB23" s="326">
        <v>8567994</v>
      </c>
      <c r="DC23" s="326">
        <v>12470551</v>
      </c>
      <c r="DD23" s="326">
        <v>9390152</v>
      </c>
      <c r="DE23" s="326">
        <v>5538199</v>
      </c>
      <c r="DF23" s="326">
        <v>2655304</v>
      </c>
      <c r="DG23" s="327">
        <v>38622200</v>
      </c>
      <c r="DH23" s="329">
        <v>45258177</v>
      </c>
      <c r="DI23" s="325">
        <v>0</v>
      </c>
      <c r="DJ23" s="326">
        <v>211156</v>
      </c>
      <c r="DK23" s="330">
        <v>211156</v>
      </c>
      <c r="DL23" s="331">
        <v>0</v>
      </c>
      <c r="DM23" s="326">
        <v>3345993</v>
      </c>
      <c r="DN23" s="326">
        <v>6996030</v>
      </c>
      <c r="DO23" s="326">
        <v>14913942</v>
      </c>
      <c r="DP23" s="326">
        <v>15776997</v>
      </c>
      <c r="DQ23" s="326">
        <v>7133876</v>
      </c>
      <c r="DR23" s="327">
        <v>48166838</v>
      </c>
      <c r="DS23" s="329">
        <v>48377994</v>
      </c>
      <c r="DT23" s="325">
        <v>0</v>
      </c>
      <c r="DU23" s="326">
        <v>211156</v>
      </c>
      <c r="DV23" s="327">
        <v>211156</v>
      </c>
      <c r="DW23" s="325">
        <v>0</v>
      </c>
      <c r="DX23" s="326">
        <v>3276239</v>
      </c>
      <c r="DY23" s="326">
        <v>6564257</v>
      </c>
      <c r="DZ23" s="326">
        <v>14504237</v>
      </c>
      <c r="EA23" s="326">
        <v>15516106</v>
      </c>
      <c r="EB23" s="326">
        <v>7037552</v>
      </c>
      <c r="EC23" s="327">
        <v>46898391</v>
      </c>
      <c r="ED23" s="329">
        <v>47109547</v>
      </c>
      <c r="EE23" s="325">
        <v>0</v>
      </c>
      <c r="EF23" s="330">
        <v>0</v>
      </c>
      <c r="EG23" s="327">
        <v>0</v>
      </c>
      <c r="EH23" s="325">
        <v>0</v>
      </c>
      <c r="EI23" s="326">
        <v>69754</v>
      </c>
      <c r="EJ23" s="326">
        <v>431773</v>
      </c>
      <c r="EK23" s="326">
        <v>409705</v>
      </c>
      <c r="EL23" s="326">
        <v>260891</v>
      </c>
      <c r="EM23" s="326">
        <v>96324</v>
      </c>
      <c r="EN23" s="330">
        <v>1268447</v>
      </c>
      <c r="EO23" s="329">
        <v>1268447</v>
      </c>
      <c r="EP23" s="325">
        <v>0</v>
      </c>
      <c r="EQ23" s="326">
        <v>0</v>
      </c>
      <c r="ER23" s="330">
        <v>0</v>
      </c>
      <c r="ES23" s="331">
        <v>0</v>
      </c>
      <c r="ET23" s="326">
        <v>0</v>
      </c>
      <c r="EU23" s="326">
        <v>0</v>
      </c>
      <c r="EV23" s="326">
        <v>0</v>
      </c>
      <c r="EW23" s="326">
        <v>0</v>
      </c>
      <c r="EX23" s="326">
        <v>0</v>
      </c>
      <c r="EY23" s="327">
        <v>0</v>
      </c>
      <c r="EZ23" s="329">
        <v>0</v>
      </c>
      <c r="FA23" s="325">
        <v>0</v>
      </c>
      <c r="FB23" s="326">
        <v>0</v>
      </c>
      <c r="FC23" s="330">
        <v>0</v>
      </c>
      <c r="FD23" s="331">
        <v>0</v>
      </c>
      <c r="FE23" s="326">
        <v>0</v>
      </c>
      <c r="FF23" s="326">
        <v>0</v>
      </c>
      <c r="FG23" s="326">
        <v>0</v>
      </c>
      <c r="FH23" s="326">
        <v>0</v>
      </c>
      <c r="FI23" s="326">
        <v>0</v>
      </c>
      <c r="FJ23" s="327">
        <v>0</v>
      </c>
      <c r="FK23" s="329">
        <v>0</v>
      </c>
      <c r="FL23" s="325">
        <v>1961844</v>
      </c>
      <c r="FM23" s="326">
        <v>3915825</v>
      </c>
      <c r="FN23" s="327">
        <v>5877669</v>
      </c>
      <c r="FO23" s="325">
        <v>0</v>
      </c>
      <c r="FP23" s="326">
        <v>7154411</v>
      </c>
      <c r="FQ23" s="326">
        <v>16052283</v>
      </c>
      <c r="FR23" s="326">
        <v>11157779</v>
      </c>
      <c r="FS23" s="326">
        <v>10432546</v>
      </c>
      <c r="FT23" s="326">
        <v>8129098</v>
      </c>
      <c r="FU23" s="327">
        <v>52926117</v>
      </c>
      <c r="FV23" s="329">
        <v>58803786</v>
      </c>
      <c r="FW23" s="332">
        <v>1195256</v>
      </c>
      <c r="FX23" s="326">
        <v>3396935</v>
      </c>
      <c r="FY23" s="330">
        <v>4592191</v>
      </c>
      <c r="FZ23" s="331">
        <v>0</v>
      </c>
      <c r="GA23" s="326">
        <v>6083333</v>
      </c>
      <c r="GB23" s="326">
        <v>14804605</v>
      </c>
      <c r="GC23" s="326">
        <v>10630292</v>
      </c>
      <c r="GD23" s="326">
        <v>10042605</v>
      </c>
      <c r="GE23" s="326">
        <v>7965598</v>
      </c>
      <c r="GF23" s="327">
        <v>49526433</v>
      </c>
      <c r="GG23" s="333">
        <v>54118624</v>
      </c>
      <c r="GH23" s="332">
        <v>122985</v>
      </c>
      <c r="GI23" s="326">
        <v>235930</v>
      </c>
      <c r="GJ23" s="330">
        <v>358915</v>
      </c>
      <c r="GK23" s="331">
        <v>0</v>
      </c>
      <c r="GL23" s="326">
        <v>447908</v>
      </c>
      <c r="GM23" s="326">
        <v>453238</v>
      </c>
      <c r="GN23" s="326">
        <v>254816</v>
      </c>
      <c r="GO23" s="326">
        <v>261337</v>
      </c>
      <c r="GP23" s="326">
        <v>38700</v>
      </c>
      <c r="GQ23" s="327">
        <v>1455999</v>
      </c>
      <c r="GR23" s="329">
        <v>1814914</v>
      </c>
      <c r="GS23" s="325">
        <v>643603</v>
      </c>
      <c r="GT23" s="326">
        <v>282960</v>
      </c>
      <c r="GU23" s="327">
        <v>926563</v>
      </c>
      <c r="GV23" s="325">
        <v>0</v>
      </c>
      <c r="GW23" s="326">
        <v>623170</v>
      </c>
      <c r="GX23" s="326">
        <v>794440</v>
      </c>
      <c r="GY23" s="326">
        <v>272671</v>
      </c>
      <c r="GZ23" s="326">
        <v>128604</v>
      </c>
      <c r="HA23" s="326">
        <v>124800</v>
      </c>
      <c r="HB23" s="330">
        <v>1943685</v>
      </c>
      <c r="HC23" s="329">
        <v>2870248</v>
      </c>
      <c r="HD23" s="325">
        <v>2009552</v>
      </c>
      <c r="HE23" s="326">
        <v>1112659</v>
      </c>
      <c r="HF23" s="330">
        <v>3122211</v>
      </c>
      <c r="HG23" s="331">
        <v>0</v>
      </c>
      <c r="HH23" s="326">
        <v>22897920</v>
      </c>
      <c r="HI23" s="326">
        <v>20980880</v>
      </c>
      <c r="HJ23" s="326">
        <v>23944900</v>
      </c>
      <c r="HK23" s="326">
        <v>26184902</v>
      </c>
      <c r="HL23" s="326">
        <v>16704791</v>
      </c>
      <c r="HM23" s="327">
        <v>110713393</v>
      </c>
      <c r="HN23" s="328">
        <v>113835604</v>
      </c>
      <c r="HO23" s="332">
        <v>1661929</v>
      </c>
      <c r="HP23" s="326">
        <v>3376058</v>
      </c>
      <c r="HQ23" s="327">
        <v>5037987</v>
      </c>
      <c r="HR23" s="325">
        <v>0</v>
      </c>
      <c r="HS23" s="326">
        <v>23907696</v>
      </c>
      <c r="HT23" s="326">
        <v>22550815</v>
      </c>
      <c r="HU23" s="326">
        <v>15004752</v>
      </c>
      <c r="HV23" s="326">
        <v>10694669</v>
      </c>
      <c r="HW23" s="326">
        <v>6541570</v>
      </c>
      <c r="HX23" s="330">
        <v>78699502</v>
      </c>
      <c r="HY23" s="329">
        <v>83737489</v>
      </c>
      <c r="HZ23" s="334">
        <v>297068</v>
      </c>
      <c r="IA23" s="335">
        <v>2282435</v>
      </c>
      <c r="IB23" s="336">
        <v>2579503</v>
      </c>
      <c r="IC23" s="337">
        <v>0</v>
      </c>
      <c r="ID23" s="335">
        <v>35818029</v>
      </c>
      <c r="IE23" s="338">
        <v>45924153</v>
      </c>
      <c r="IF23" s="336">
        <v>57324481</v>
      </c>
      <c r="IG23" s="335">
        <v>41968147</v>
      </c>
      <c r="IH23" s="336">
        <v>21384738</v>
      </c>
      <c r="II23" s="339">
        <v>202419548</v>
      </c>
      <c r="IJ23" s="340">
        <v>204999051</v>
      </c>
      <c r="IK23" s="341">
        <v>0</v>
      </c>
      <c r="IL23" s="342">
        <v>0</v>
      </c>
      <c r="IM23" s="343">
        <v>0</v>
      </c>
      <c r="IN23" s="403">
        <v>0</v>
      </c>
      <c r="IO23" s="344">
        <v>618407</v>
      </c>
      <c r="IP23" s="344">
        <v>757924</v>
      </c>
      <c r="IQ23" s="344">
        <v>180667</v>
      </c>
      <c r="IR23" s="344">
        <v>46550</v>
      </c>
      <c r="IS23" s="344">
        <v>1407601</v>
      </c>
      <c r="IT23" s="345">
        <v>3011149</v>
      </c>
      <c r="IU23" s="346">
        <v>3011149</v>
      </c>
      <c r="IV23" s="347">
        <v>0</v>
      </c>
      <c r="IW23" s="344">
        <v>0</v>
      </c>
      <c r="IX23" s="348">
        <v>0</v>
      </c>
      <c r="IY23" s="412">
        <v>0</v>
      </c>
      <c r="IZ23" s="344">
        <v>0</v>
      </c>
      <c r="JA23" s="344">
        <v>0</v>
      </c>
      <c r="JB23" s="344">
        <v>0</v>
      </c>
      <c r="JC23" s="344">
        <v>0</v>
      </c>
      <c r="JD23" s="344">
        <v>0</v>
      </c>
      <c r="JE23" s="348">
        <v>0</v>
      </c>
      <c r="JF23" s="349">
        <v>0</v>
      </c>
      <c r="JG23" s="347">
        <v>0</v>
      </c>
      <c r="JH23" s="344">
        <v>0</v>
      </c>
      <c r="JI23" s="345">
        <v>0</v>
      </c>
      <c r="JJ23" s="350">
        <v>0</v>
      </c>
      <c r="JK23" s="344">
        <v>13016216</v>
      </c>
      <c r="JL23" s="344">
        <v>11494656</v>
      </c>
      <c r="JM23" s="344">
        <v>8245632</v>
      </c>
      <c r="JN23" s="344">
        <v>4236129</v>
      </c>
      <c r="JO23" s="344">
        <v>2752411</v>
      </c>
      <c r="JP23" s="348">
        <v>39745044</v>
      </c>
      <c r="JQ23" s="346">
        <v>39745044</v>
      </c>
      <c r="JR23" s="347">
        <v>0</v>
      </c>
      <c r="JS23" s="344">
        <v>0</v>
      </c>
      <c r="JT23" s="345">
        <v>0</v>
      </c>
      <c r="JU23" s="350">
        <v>0</v>
      </c>
      <c r="JV23" s="344">
        <v>912887</v>
      </c>
      <c r="JW23" s="344">
        <v>932224</v>
      </c>
      <c r="JX23" s="344">
        <v>3044687</v>
      </c>
      <c r="JY23" s="344">
        <v>2031514</v>
      </c>
      <c r="JZ23" s="344">
        <v>735792</v>
      </c>
      <c r="KA23" s="348">
        <v>7657104</v>
      </c>
      <c r="KB23" s="346">
        <v>7657104</v>
      </c>
      <c r="KC23" s="351">
        <v>297068</v>
      </c>
      <c r="KD23" s="352">
        <v>1523510</v>
      </c>
      <c r="KE23" s="348">
        <v>1820578</v>
      </c>
      <c r="KF23" s="350">
        <v>0</v>
      </c>
      <c r="KG23" s="344">
        <v>6651355</v>
      </c>
      <c r="KH23" s="344">
        <v>8519951</v>
      </c>
      <c r="KI23" s="344">
        <v>12385832</v>
      </c>
      <c r="KJ23" s="344">
        <v>5413495</v>
      </c>
      <c r="KK23" s="344">
        <v>2331871</v>
      </c>
      <c r="KL23" s="348">
        <v>35302504</v>
      </c>
      <c r="KM23" s="353">
        <v>37123082</v>
      </c>
      <c r="KN23" s="341">
        <v>0</v>
      </c>
      <c r="KO23" s="342">
        <v>758925</v>
      </c>
      <c r="KP23" s="343">
        <v>758925</v>
      </c>
      <c r="KQ23" s="412">
        <v>0</v>
      </c>
      <c r="KR23" s="344">
        <v>13485201</v>
      </c>
      <c r="KS23" s="344">
        <v>21905342</v>
      </c>
      <c r="KT23" s="344">
        <v>27246799</v>
      </c>
      <c r="KU23" s="344">
        <v>17031577</v>
      </c>
      <c r="KV23" s="344">
        <v>5446284</v>
      </c>
      <c r="KW23" s="348">
        <v>85115203</v>
      </c>
      <c r="KX23" s="346">
        <v>85874128</v>
      </c>
      <c r="KY23" s="347">
        <v>0</v>
      </c>
      <c r="KZ23" s="344">
        <v>0</v>
      </c>
      <c r="LA23" s="348">
        <v>0</v>
      </c>
      <c r="LB23" s="412">
        <v>0</v>
      </c>
      <c r="LC23" s="344">
        <v>0</v>
      </c>
      <c r="LD23" s="344">
        <v>0</v>
      </c>
      <c r="LE23" s="344">
        <v>0</v>
      </c>
      <c r="LF23" s="344">
        <v>0</v>
      </c>
      <c r="LG23" s="344">
        <v>0</v>
      </c>
      <c r="LH23" s="348">
        <v>0</v>
      </c>
      <c r="LI23" s="349">
        <v>0</v>
      </c>
      <c r="LJ23" s="347">
        <v>0</v>
      </c>
      <c r="LK23" s="344">
        <v>0</v>
      </c>
      <c r="LL23" s="348">
        <v>0</v>
      </c>
      <c r="LM23" s="412">
        <v>0</v>
      </c>
      <c r="LN23" s="344">
        <v>0</v>
      </c>
      <c r="LO23" s="344">
        <v>548272</v>
      </c>
      <c r="LP23" s="344">
        <v>2053509</v>
      </c>
      <c r="LQ23" s="344">
        <v>4720622</v>
      </c>
      <c r="LR23" s="344">
        <v>1642237</v>
      </c>
      <c r="LS23" s="348">
        <v>8964640</v>
      </c>
      <c r="LT23" s="346">
        <v>8964640</v>
      </c>
      <c r="LU23" s="347">
        <v>0</v>
      </c>
      <c r="LV23" s="344">
        <v>0</v>
      </c>
      <c r="LW23" s="348">
        <v>0</v>
      </c>
      <c r="LX23" s="412">
        <v>0</v>
      </c>
      <c r="LY23" s="344">
        <v>1133963</v>
      </c>
      <c r="LZ23" s="344">
        <v>1765784</v>
      </c>
      <c r="MA23" s="344">
        <v>4167355</v>
      </c>
      <c r="MB23" s="344">
        <v>8488260</v>
      </c>
      <c r="MC23" s="344">
        <v>7068542</v>
      </c>
      <c r="MD23" s="348">
        <v>22623904</v>
      </c>
      <c r="ME23" s="349">
        <v>22623904</v>
      </c>
      <c r="MF23" s="347">
        <v>0</v>
      </c>
      <c r="MG23" s="344">
        <v>0</v>
      </c>
      <c r="MH23" s="348">
        <v>0</v>
      </c>
      <c r="MI23" s="412">
        <v>0</v>
      </c>
      <c r="MJ23" s="344">
        <v>7250848</v>
      </c>
      <c r="MK23" s="344">
        <v>24245395</v>
      </c>
      <c r="ML23" s="344">
        <v>90419086</v>
      </c>
      <c r="MM23" s="344">
        <v>152919098</v>
      </c>
      <c r="MN23" s="344">
        <v>110423450</v>
      </c>
      <c r="MO23" s="348">
        <v>385257877</v>
      </c>
      <c r="MP23" s="353">
        <v>385257877</v>
      </c>
      <c r="MQ23" s="347">
        <v>0</v>
      </c>
      <c r="MR23" s="344">
        <v>0</v>
      </c>
      <c r="MS23" s="348">
        <v>0</v>
      </c>
      <c r="MT23" s="412">
        <v>0</v>
      </c>
      <c r="MU23" s="344">
        <v>1173171</v>
      </c>
      <c r="MV23" s="344">
        <v>3514584</v>
      </c>
      <c r="MW23" s="344">
        <v>53416624</v>
      </c>
      <c r="MX23" s="344">
        <v>113109573</v>
      </c>
      <c r="MY23" s="344">
        <v>79591622</v>
      </c>
      <c r="MZ23" s="348">
        <v>250805574</v>
      </c>
      <c r="NA23" s="353">
        <v>250805574</v>
      </c>
      <c r="NB23" s="347">
        <v>0</v>
      </c>
      <c r="NC23" s="344">
        <v>0</v>
      </c>
      <c r="ND23" s="348">
        <v>0</v>
      </c>
      <c r="NE23" s="412">
        <v>0</v>
      </c>
      <c r="NF23" s="344">
        <v>6077677</v>
      </c>
      <c r="NG23" s="344">
        <v>20531893</v>
      </c>
      <c r="NH23" s="344">
        <v>36232074</v>
      </c>
      <c r="NI23" s="344">
        <v>36556310</v>
      </c>
      <c r="NJ23" s="344">
        <v>24577514</v>
      </c>
      <c r="NK23" s="348">
        <v>123975468</v>
      </c>
      <c r="NL23" s="346">
        <v>123975468</v>
      </c>
      <c r="NM23" s="347">
        <v>0</v>
      </c>
      <c r="NN23" s="344">
        <v>0</v>
      </c>
      <c r="NO23" s="348">
        <v>0</v>
      </c>
      <c r="NP23" s="412">
        <v>0</v>
      </c>
      <c r="NQ23" s="344">
        <v>0</v>
      </c>
      <c r="NR23" s="344">
        <v>0</v>
      </c>
      <c r="NS23" s="344">
        <v>0</v>
      </c>
      <c r="NT23" s="344">
        <v>218952</v>
      </c>
      <c r="NU23" s="344">
        <v>0</v>
      </c>
      <c r="NV23" s="348">
        <v>218952</v>
      </c>
      <c r="NW23" s="349">
        <v>218952</v>
      </c>
      <c r="NX23" s="347">
        <v>0</v>
      </c>
      <c r="NY23" s="344">
        <v>0</v>
      </c>
      <c r="NZ23" s="348">
        <v>0</v>
      </c>
      <c r="OA23" s="412">
        <v>0</v>
      </c>
      <c r="OB23" s="344">
        <v>0</v>
      </c>
      <c r="OC23" s="344">
        <v>198918</v>
      </c>
      <c r="OD23" s="344">
        <v>770388</v>
      </c>
      <c r="OE23" s="344">
        <v>3034263</v>
      </c>
      <c r="OF23" s="344">
        <v>6254314</v>
      </c>
      <c r="OG23" s="348">
        <v>10257883</v>
      </c>
      <c r="OH23" s="349">
        <v>10257883</v>
      </c>
      <c r="OI23" s="347">
        <v>9671747</v>
      </c>
      <c r="OJ23" s="344">
        <v>21201988</v>
      </c>
      <c r="OK23" s="345">
        <v>30873735</v>
      </c>
      <c r="OL23" s="350">
        <v>0</v>
      </c>
      <c r="OM23" s="344">
        <v>188586273</v>
      </c>
      <c r="ON23" s="344">
        <v>252875083</v>
      </c>
      <c r="OO23" s="344">
        <v>310798669</v>
      </c>
      <c r="OP23" s="344">
        <v>346789698</v>
      </c>
      <c r="OQ23" s="344">
        <v>246401086</v>
      </c>
      <c r="OR23" s="348">
        <v>1345450809</v>
      </c>
      <c r="OS23" s="353">
        <v>1376324544</v>
      </c>
    </row>
    <row r="24" spans="2:409" s="70" customFormat="1" ht="21" customHeight="1" x14ac:dyDescent="0.2">
      <c r="B24" s="409" t="s">
        <v>19</v>
      </c>
      <c r="C24" s="325">
        <v>5470474</v>
      </c>
      <c r="D24" s="326">
        <v>9876136</v>
      </c>
      <c r="E24" s="327">
        <v>15346610</v>
      </c>
      <c r="F24" s="328">
        <v>0</v>
      </c>
      <c r="G24" s="326">
        <v>66850638</v>
      </c>
      <c r="H24" s="326">
        <v>73357015</v>
      </c>
      <c r="I24" s="326">
        <v>61067679</v>
      </c>
      <c r="J24" s="326">
        <v>47581856</v>
      </c>
      <c r="K24" s="326">
        <v>37312401</v>
      </c>
      <c r="L24" s="328">
        <v>286169589</v>
      </c>
      <c r="M24" s="329">
        <v>301516199</v>
      </c>
      <c r="N24" s="325">
        <v>1298873</v>
      </c>
      <c r="O24" s="326">
        <v>2040569</v>
      </c>
      <c r="P24" s="327">
        <v>3339442</v>
      </c>
      <c r="Q24" s="325">
        <v>0</v>
      </c>
      <c r="R24" s="326">
        <v>17660368</v>
      </c>
      <c r="S24" s="326">
        <v>18538354</v>
      </c>
      <c r="T24" s="326">
        <v>17918729</v>
      </c>
      <c r="U24" s="326">
        <v>16363603</v>
      </c>
      <c r="V24" s="326">
        <v>15947011</v>
      </c>
      <c r="W24" s="327">
        <v>86428065</v>
      </c>
      <c r="X24" s="329">
        <v>89767507</v>
      </c>
      <c r="Y24" s="325">
        <v>0</v>
      </c>
      <c r="Z24" s="326">
        <v>0</v>
      </c>
      <c r="AA24" s="327">
        <v>0</v>
      </c>
      <c r="AB24" s="325">
        <v>0</v>
      </c>
      <c r="AC24" s="326">
        <v>7186223</v>
      </c>
      <c r="AD24" s="326">
        <v>8668818</v>
      </c>
      <c r="AE24" s="326">
        <v>9126315</v>
      </c>
      <c r="AF24" s="326">
        <v>8662659</v>
      </c>
      <c r="AG24" s="326">
        <v>8798907</v>
      </c>
      <c r="AH24" s="327">
        <v>42442922</v>
      </c>
      <c r="AI24" s="329">
        <v>42442922</v>
      </c>
      <c r="AJ24" s="325">
        <v>0</v>
      </c>
      <c r="AK24" s="326">
        <v>0</v>
      </c>
      <c r="AL24" s="327">
        <v>0</v>
      </c>
      <c r="AM24" s="325">
        <v>0</v>
      </c>
      <c r="AN24" s="326">
        <v>164246</v>
      </c>
      <c r="AO24" s="326">
        <v>266425</v>
      </c>
      <c r="AP24" s="326">
        <v>526791</v>
      </c>
      <c r="AQ24" s="326">
        <v>964390</v>
      </c>
      <c r="AR24" s="326">
        <v>1485334</v>
      </c>
      <c r="AS24" s="327">
        <v>3407186</v>
      </c>
      <c r="AT24" s="329">
        <v>3407186</v>
      </c>
      <c r="AU24" s="325">
        <v>753381</v>
      </c>
      <c r="AV24" s="326">
        <v>1300221</v>
      </c>
      <c r="AW24" s="327">
        <v>2053602</v>
      </c>
      <c r="AX24" s="325">
        <v>0</v>
      </c>
      <c r="AY24" s="326">
        <v>6996126</v>
      </c>
      <c r="AZ24" s="326">
        <v>6004165</v>
      </c>
      <c r="BA24" s="326">
        <v>5148800</v>
      </c>
      <c r="BB24" s="326">
        <v>3943804</v>
      </c>
      <c r="BC24" s="326">
        <v>3540366</v>
      </c>
      <c r="BD24" s="327">
        <v>25633261</v>
      </c>
      <c r="BE24" s="329">
        <v>27686863</v>
      </c>
      <c r="BF24" s="325">
        <v>60196</v>
      </c>
      <c r="BG24" s="326">
        <v>146417</v>
      </c>
      <c r="BH24" s="330">
        <v>206613</v>
      </c>
      <c r="BI24" s="331">
        <v>0</v>
      </c>
      <c r="BJ24" s="326">
        <v>630507</v>
      </c>
      <c r="BK24" s="326">
        <v>328258</v>
      </c>
      <c r="BL24" s="326">
        <v>274085</v>
      </c>
      <c r="BM24" s="326">
        <v>419039</v>
      </c>
      <c r="BN24" s="326">
        <v>118760</v>
      </c>
      <c r="BO24" s="327">
        <v>1770649</v>
      </c>
      <c r="BP24" s="329">
        <v>1977262</v>
      </c>
      <c r="BQ24" s="325">
        <v>485296</v>
      </c>
      <c r="BR24" s="326">
        <v>593931</v>
      </c>
      <c r="BS24" s="327">
        <v>1079227</v>
      </c>
      <c r="BT24" s="325">
        <v>0</v>
      </c>
      <c r="BU24" s="326">
        <v>2683266</v>
      </c>
      <c r="BV24" s="326">
        <v>3270688</v>
      </c>
      <c r="BW24" s="326">
        <v>2842738</v>
      </c>
      <c r="BX24" s="326">
        <v>2373711</v>
      </c>
      <c r="BY24" s="326">
        <v>2003644</v>
      </c>
      <c r="BZ24" s="327">
        <v>13174047</v>
      </c>
      <c r="CA24" s="329">
        <v>14253274</v>
      </c>
      <c r="CB24" s="325">
        <v>775994</v>
      </c>
      <c r="CC24" s="326">
        <v>2610683</v>
      </c>
      <c r="CD24" s="327">
        <v>3386677</v>
      </c>
      <c r="CE24" s="325">
        <v>0</v>
      </c>
      <c r="CF24" s="326">
        <v>20626504</v>
      </c>
      <c r="CG24" s="326">
        <v>25257330</v>
      </c>
      <c r="CH24" s="326">
        <v>17598275</v>
      </c>
      <c r="CI24" s="326">
        <v>9313657</v>
      </c>
      <c r="CJ24" s="326">
        <v>6331891</v>
      </c>
      <c r="CK24" s="327">
        <v>79127657</v>
      </c>
      <c r="CL24" s="329">
        <v>82514334</v>
      </c>
      <c r="CM24" s="325">
        <v>0</v>
      </c>
      <c r="CN24" s="326">
        <v>0</v>
      </c>
      <c r="CO24" s="327">
        <v>0</v>
      </c>
      <c r="CP24" s="331">
        <v>0</v>
      </c>
      <c r="CQ24" s="326">
        <v>15572828</v>
      </c>
      <c r="CR24" s="326">
        <v>19247775</v>
      </c>
      <c r="CS24" s="326">
        <v>12294579</v>
      </c>
      <c r="CT24" s="326">
        <v>6459163</v>
      </c>
      <c r="CU24" s="326">
        <v>5045362</v>
      </c>
      <c r="CV24" s="327">
        <v>58619707</v>
      </c>
      <c r="CW24" s="329">
        <v>58619707</v>
      </c>
      <c r="CX24" s="325">
        <v>775994</v>
      </c>
      <c r="CY24" s="326">
        <v>2610683</v>
      </c>
      <c r="CZ24" s="327">
        <v>3386677</v>
      </c>
      <c r="DA24" s="325">
        <v>0</v>
      </c>
      <c r="DB24" s="326">
        <v>5053676</v>
      </c>
      <c r="DC24" s="326">
        <v>6009555</v>
      </c>
      <c r="DD24" s="326">
        <v>5303696</v>
      </c>
      <c r="DE24" s="326">
        <v>2854494</v>
      </c>
      <c r="DF24" s="326">
        <v>1286529</v>
      </c>
      <c r="DG24" s="327">
        <v>20507950</v>
      </c>
      <c r="DH24" s="329">
        <v>23894627</v>
      </c>
      <c r="DI24" s="325">
        <v>0</v>
      </c>
      <c r="DJ24" s="326">
        <v>98412</v>
      </c>
      <c r="DK24" s="330">
        <v>98412</v>
      </c>
      <c r="DL24" s="331">
        <v>0</v>
      </c>
      <c r="DM24" s="326">
        <v>1483229</v>
      </c>
      <c r="DN24" s="326">
        <v>3301674</v>
      </c>
      <c r="DO24" s="326">
        <v>4013283</v>
      </c>
      <c r="DP24" s="326">
        <v>4191892</v>
      </c>
      <c r="DQ24" s="326">
        <v>1057193</v>
      </c>
      <c r="DR24" s="327">
        <v>14047271</v>
      </c>
      <c r="DS24" s="329">
        <v>14145683</v>
      </c>
      <c r="DT24" s="325">
        <v>0</v>
      </c>
      <c r="DU24" s="326">
        <v>68881</v>
      </c>
      <c r="DV24" s="327">
        <v>68881</v>
      </c>
      <c r="DW24" s="325">
        <v>0</v>
      </c>
      <c r="DX24" s="326">
        <v>1340793</v>
      </c>
      <c r="DY24" s="326">
        <v>3179570</v>
      </c>
      <c r="DZ24" s="326">
        <v>3779242</v>
      </c>
      <c r="EA24" s="326">
        <v>3545913</v>
      </c>
      <c r="EB24" s="326">
        <v>967066</v>
      </c>
      <c r="EC24" s="327">
        <v>12812584</v>
      </c>
      <c r="ED24" s="329">
        <v>12881465</v>
      </c>
      <c r="EE24" s="325">
        <v>0</v>
      </c>
      <c r="EF24" s="330">
        <v>29531</v>
      </c>
      <c r="EG24" s="327">
        <v>29531</v>
      </c>
      <c r="EH24" s="325">
        <v>0</v>
      </c>
      <c r="EI24" s="326">
        <v>142436</v>
      </c>
      <c r="EJ24" s="326">
        <v>122104</v>
      </c>
      <c r="EK24" s="326">
        <v>234041</v>
      </c>
      <c r="EL24" s="326">
        <v>645979</v>
      </c>
      <c r="EM24" s="326">
        <v>90127</v>
      </c>
      <c r="EN24" s="330">
        <v>1234687</v>
      </c>
      <c r="EO24" s="329">
        <v>1264218</v>
      </c>
      <c r="EP24" s="325">
        <v>0</v>
      </c>
      <c r="EQ24" s="326">
        <v>0</v>
      </c>
      <c r="ER24" s="330">
        <v>0</v>
      </c>
      <c r="ES24" s="331">
        <v>0</v>
      </c>
      <c r="ET24" s="326">
        <v>0</v>
      </c>
      <c r="EU24" s="326">
        <v>0</v>
      </c>
      <c r="EV24" s="326">
        <v>0</v>
      </c>
      <c r="EW24" s="326">
        <v>0</v>
      </c>
      <c r="EX24" s="326">
        <v>0</v>
      </c>
      <c r="EY24" s="327">
        <v>0</v>
      </c>
      <c r="EZ24" s="329">
        <v>0</v>
      </c>
      <c r="FA24" s="325">
        <v>0</v>
      </c>
      <c r="FB24" s="326">
        <v>0</v>
      </c>
      <c r="FC24" s="330">
        <v>0</v>
      </c>
      <c r="FD24" s="331">
        <v>0</v>
      </c>
      <c r="FE24" s="326">
        <v>0</v>
      </c>
      <c r="FF24" s="326">
        <v>0</v>
      </c>
      <c r="FG24" s="326">
        <v>0</v>
      </c>
      <c r="FH24" s="326">
        <v>0</v>
      </c>
      <c r="FI24" s="326">
        <v>0</v>
      </c>
      <c r="FJ24" s="327">
        <v>0</v>
      </c>
      <c r="FK24" s="329">
        <v>0</v>
      </c>
      <c r="FL24" s="325">
        <v>1479953</v>
      </c>
      <c r="FM24" s="326">
        <v>1784652</v>
      </c>
      <c r="FN24" s="327">
        <v>3264605</v>
      </c>
      <c r="FO24" s="325">
        <v>0</v>
      </c>
      <c r="FP24" s="326">
        <v>4277618</v>
      </c>
      <c r="FQ24" s="326">
        <v>6368324</v>
      </c>
      <c r="FR24" s="326">
        <v>4891465</v>
      </c>
      <c r="FS24" s="326">
        <v>4431453</v>
      </c>
      <c r="FT24" s="326">
        <v>3145424</v>
      </c>
      <c r="FU24" s="327">
        <v>23114284</v>
      </c>
      <c r="FV24" s="329">
        <v>26378889</v>
      </c>
      <c r="FW24" s="332">
        <v>910977</v>
      </c>
      <c r="FX24" s="326">
        <v>1413858</v>
      </c>
      <c r="FY24" s="330">
        <v>2324835</v>
      </c>
      <c r="FZ24" s="331">
        <v>0</v>
      </c>
      <c r="GA24" s="326">
        <v>3606046</v>
      </c>
      <c r="GB24" s="326">
        <v>5830370</v>
      </c>
      <c r="GC24" s="326">
        <v>4589228</v>
      </c>
      <c r="GD24" s="326">
        <v>4082073</v>
      </c>
      <c r="GE24" s="326">
        <v>3014664</v>
      </c>
      <c r="GF24" s="327">
        <v>21122381</v>
      </c>
      <c r="GG24" s="333">
        <v>23447216</v>
      </c>
      <c r="GH24" s="332">
        <v>95858</v>
      </c>
      <c r="GI24" s="326">
        <v>54104</v>
      </c>
      <c r="GJ24" s="330">
        <v>149962</v>
      </c>
      <c r="GK24" s="331">
        <v>0</v>
      </c>
      <c r="GL24" s="326">
        <v>114021</v>
      </c>
      <c r="GM24" s="326">
        <v>217462</v>
      </c>
      <c r="GN24" s="326">
        <v>187982</v>
      </c>
      <c r="GO24" s="326">
        <v>217530</v>
      </c>
      <c r="GP24" s="326">
        <v>26180</v>
      </c>
      <c r="GQ24" s="327">
        <v>763175</v>
      </c>
      <c r="GR24" s="329">
        <v>913137</v>
      </c>
      <c r="GS24" s="325">
        <v>473118</v>
      </c>
      <c r="GT24" s="326">
        <v>316690</v>
      </c>
      <c r="GU24" s="327">
        <v>789808</v>
      </c>
      <c r="GV24" s="325">
        <v>0</v>
      </c>
      <c r="GW24" s="326">
        <v>557551</v>
      </c>
      <c r="GX24" s="326">
        <v>320492</v>
      </c>
      <c r="GY24" s="326">
        <v>114255</v>
      </c>
      <c r="GZ24" s="326">
        <v>131850</v>
      </c>
      <c r="HA24" s="326">
        <v>104580</v>
      </c>
      <c r="HB24" s="330">
        <v>1228728</v>
      </c>
      <c r="HC24" s="329">
        <v>2018536</v>
      </c>
      <c r="HD24" s="325">
        <v>912089</v>
      </c>
      <c r="HE24" s="326">
        <v>1920216</v>
      </c>
      <c r="HF24" s="330">
        <v>2832305</v>
      </c>
      <c r="HG24" s="331">
        <v>0</v>
      </c>
      <c r="HH24" s="326">
        <v>11524117</v>
      </c>
      <c r="HI24" s="326">
        <v>11451325</v>
      </c>
      <c r="HJ24" s="326">
        <v>11484894</v>
      </c>
      <c r="HK24" s="326">
        <v>9926084</v>
      </c>
      <c r="HL24" s="326">
        <v>8816646</v>
      </c>
      <c r="HM24" s="327">
        <v>53203066</v>
      </c>
      <c r="HN24" s="328">
        <v>56035371</v>
      </c>
      <c r="HO24" s="332">
        <v>1003565</v>
      </c>
      <c r="HP24" s="326">
        <v>1421604</v>
      </c>
      <c r="HQ24" s="327">
        <v>2425169</v>
      </c>
      <c r="HR24" s="325">
        <v>0</v>
      </c>
      <c r="HS24" s="326">
        <v>11278802</v>
      </c>
      <c r="HT24" s="326">
        <v>8440008</v>
      </c>
      <c r="HU24" s="326">
        <v>5161033</v>
      </c>
      <c r="HV24" s="326">
        <v>3355167</v>
      </c>
      <c r="HW24" s="326">
        <v>2014236</v>
      </c>
      <c r="HX24" s="330">
        <v>30249246</v>
      </c>
      <c r="HY24" s="329">
        <v>32674415</v>
      </c>
      <c r="HZ24" s="357">
        <v>0</v>
      </c>
      <c r="IA24" s="355">
        <v>121733</v>
      </c>
      <c r="IB24" s="357">
        <v>121733</v>
      </c>
      <c r="IC24" s="354">
        <v>0</v>
      </c>
      <c r="ID24" s="355">
        <v>13864926</v>
      </c>
      <c r="IE24" s="356">
        <v>27163732</v>
      </c>
      <c r="IF24" s="357">
        <v>24873637</v>
      </c>
      <c r="IG24" s="355">
        <v>14041409</v>
      </c>
      <c r="IH24" s="357">
        <v>13896613</v>
      </c>
      <c r="II24" s="358">
        <v>93840317</v>
      </c>
      <c r="IJ24" s="357">
        <v>93962050</v>
      </c>
      <c r="IK24" s="341">
        <v>0</v>
      </c>
      <c r="IL24" s="342">
        <v>0</v>
      </c>
      <c r="IM24" s="343">
        <v>0</v>
      </c>
      <c r="IN24" s="403">
        <v>0</v>
      </c>
      <c r="IO24" s="344">
        <v>861557</v>
      </c>
      <c r="IP24" s="344">
        <v>1658437</v>
      </c>
      <c r="IQ24" s="344">
        <v>1184725</v>
      </c>
      <c r="IR24" s="344">
        <v>1258779</v>
      </c>
      <c r="IS24" s="344">
        <v>1028524</v>
      </c>
      <c r="IT24" s="345">
        <v>5992022</v>
      </c>
      <c r="IU24" s="346">
        <v>5992022</v>
      </c>
      <c r="IV24" s="347">
        <v>0</v>
      </c>
      <c r="IW24" s="344">
        <v>0</v>
      </c>
      <c r="IX24" s="348">
        <v>0</v>
      </c>
      <c r="IY24" s="412">
        <v>0</v>
      </c>
      <c r="IZ24" s="344">
        <v>11459</v>
      </c>
      <c r="JA24" s="344">
        <v>22918</v>
      </c>
      <c r="JB24" s="344">
        <v>45836</v>
      </c>
      <c r="JC24" s="344">
        <v>125858</v>
      </c>
      <c r="JD24" s="344">
        <v>89135</v>
      </c>
      <c r="JE24" s="348">
        <v>295206</v>
      </c>
      <c r="JF24" s="349">
        <v>295206</v>
      </c>
      <c r="JG24" s="347">
        <v>0</v>
      </c>
      <c r="JH24" s="344">
        <v>0</v>
      </c>
      <c r="JI24" s="345">
        <v>0</v>
      </c>
      <c r="JJ24" s="350">
        <v>0</v>
      </c>
      <c r="JK24" s="344">
        <v>5717731</v>
      </c>
      <c r="JL24" s="344">
        <v>6875229</v>
      </c>
      <c r="JM24" s="344">
        <v>4426015</v>
      </c>
      <c r="JN24" s="344">
        <v>2807885</v>
      </c>
      <c r="JO24" s="344">
        <v>1352589</v>
      </c>
      <c r="JP24" s="348">
        <v>21179449</v>
      </c>
      <c r="JQ24" s="346">
        <v>21179449</v>
      </c>
      <c r="JR24" s="347">
        <v>0</v>
      </c>
      <c r="JS24" s="344">
        <v>0</v>
      </c>
      <c r="JT24" s="345">
        <v>0</v>
      </c>
      <c r="JU24" s="350">
        <v>0</v>
      </c>
      <c r="JV24" s="344">
        <v>837685</v>
      </c>
      <c r="JW24" s="344">
        <v>1926446</v>
      </c>
      <c r="JX24" s="344">
        <v>2637949</v>
      </c>
      <c r="JY24" s="344">
        <v>597754</v>
      </c>
      <c r="JZ24" s="344">
        <v>795030</v>
      </c>
      <c r="KA24" s="348">
        <v>6794864</v>
      </c>
      <c r="KB24" s="346">
        <v>6794864</v>
      </c>
      <c r="KC24" s="351">
        <v>0</v>
      </c>
      <c r="KD24" s="352">
        <v>121733</v>
      </c>
      <c r="KE24" s="348">
        <v>121733</v>
      </c>
      <c r="KF24" s="350">
        <v>0</v>
      </c>
      <c r="KG24" s="344">
        <v>3051485</v>
      </c>
      <c r="KH24" s="344">
        <v>9357709</v>
      </c>
      <c r="KI24" s="344">
        <v>8913954</v>
      </c>
      <c r="KJ24" s="344">
        <v>3609587</v>
      </c>
      <c r="KK24" s="344">
        <v>2631764</v>
      </c>
      <c r="KL24" s="348">
        <v>27564499</v>
      </c>
      <c r="KM24" s="353">
        <v>27686232</v>
      </c>
      <c r="KN24" s="341">
        <v>0</v>
      </c>
      <c r="KO24" s="342">
        <v>0</v>
      </c>
      <c r="KP24" s="343">
        <v>0</v>
      </c>
      <c r="KQ24" s="412">
        <v>0</v>
      </c>
      <c r="KR24" s="344">
        <v>3187809</v>
      </c>
      <c r="KS24" s="344">
        <v>7077709</v>
      </c>
      <c r="KT24" s="344">
        <v>7329862</v>
      </c>
      <c r="KU24" s="344">
        <v>4748497</v>
      </c>
      <c r="KV24" s="344">
        <v>3582581</v>
      </c>
      <c r="KW24" s="348">
        <v>25926458</v>
      </c>
      <c r="KX24" s="346">
        <v>25926458</v>
      </c>
      <c r="KY24" s="347">
        <v>0</v>
      </c>
      <c r="KZ24" s="344">
        <v>0</v>
      </c>
      <c r="LA24" s="348">
        <v>0</v>
      </c>
      <c r="LB24" s="412">
        <v>0</v>
      </c>
      <c r="LC24" s="344">
        <v>0</v>
      </c>
      <c r="LD24" s="344">
        <v>0</v>
      </c>
      <c r="LE24" s="344">
        <v>0</v>
      </c>
      <c r="LF24" s="344">
        <v>0</v>
      </c>
      <c r="LG24" s="344">
        <v>0</v>
      </c>
      <c r="LH24" s="348">
        <v>0</v>
      </c>
      <c r="LI24" s="349">
        <v>0</v>
      </c>
      <c r="LJ24" s="347">
        <v>0</v>
      </c>
      <c r="LK24" s="344">
        <v>0</v>
      </c>
      <c r="LL24" s="348">
        <v>0</v>
      </c>
      <c r="LM24" s="412">
        <v>0</v>
      </c>
      <c r="LN24" s="344">
        <v>0</v>
      </c>
      <c r="LO24" s="344">
        <v>0</v>
      </c>
      <c r="LP24" s="344">
        <v>0</v>
      </c>
      <c r="LQ24" s="344">
        <v>0</v>
      </c>
      <c r="LR24" s="344">
        <v>0</v>
      </c>
      <c r="LS24" s="348">
        <v>0</v>
      </c>
      <c r="LT24" s="346">
        <v>0</v>
      </c>
      <c r="LU24" s="347">
        <v>0</v>
      </c>
      <c r="LV24" s="344">
        <v>0</v>
      </c>
      <c r="LW24" s="348">
        <v>0</v>
      </c>
      <c r="LX24" s="412">
        <v>0</v>
      </c>
      <c r="LY24" s="344">
        <v>197200</v>
      </c>
      <c r="LZ24" s="344">
        <v>245284</v>
      </c>
      <c r="MA24" s="344">
        <v>335296</v>
      </c>
      <c r="MB24" s="344">
        <v>893049</v>
      </c>
      <c r="MC24" s="344">
        <v>4416990</v>
      </c>
      <c r="MD24" s="348">
        <v>6087819</v>
      </c>
      <c r="ME24" s="349">
        <v>6087819</v>
      </c>
      <c r="MF24" s="347">
        <v>0</v>
      </c>
      <c r="MG24" s="344">
        <v>0</v>
      </c>
      <c r="MH24" s="348">
        <v>0</v>
      </c>
      <c r="MI24" s="412">
        <v>0</v>
      </c>
      <c r="MJ24" s="344">
        <v>5869994</v>
      </c>
      <c r="MK24" s="344">
        <v>15307133</v>
      </c>
      <c r="ML24" s="344">
        <v>47996615</v>
      </c>
      <c r="MM24" s="344">
        <v>55959911</v>
      </c>
      <c r="MN24" s="344">
        <v>41840723</v>
      </c>
      <c r="MO24" s="348">
        <v>166974376</v>
      </c>
      <c r="MP24" s="353">
        <v>166974376</v>
      </c>
      <c r="MQ24" s="347">
        <v>0</v>
      </c>
      <c r="MR24" s="344">
        <v>0</v>
      </c>
      <c r="MS24" s="348">
        <v>0</v>
      </c>
      <c r="MT24" s="412">
        <v>0</v>
      </c>
      <c r="MU24" s="344">
        <v>218546</v>
      </c>
      <c r="MV24" s="344">
        <v>1712701</v>
      </c>
      <c r="MW24" s="344">
        <v>29443404</v>
      </c>
      <c r="MX24" s="344">
        <v>34254654</v>
      </c>
      <c r="MY24" s="344">
        <v>29719730</v>
      </c>
      <c r="MZ24" s="348">
        <v>95349035</v>
      </c>
      <c r="NA24" s="353">
        <v>95349035</v>
      </c>
      <c r="NB24" s="347">
        <v>0</v>
      </c>
      <c r="NC24" s="344">
        <v>0</v>
      </c>
      <c r="ND24" s="348">
        <v>0</v>
      </c>
      <c r="NE24" s="412">
        <v>0</v>
      </c>
      <c r="NF24" s="344">
        <v>5651448</v>
      </c>
      <c r="NG24" s="344">
        <v>13594432</v>
      </c>
      <c r="NH24" s="344">
        <v>18553211</v>
      </c>
      <c r="NI24" s="344">
        <v>20129658</v>
      </c>
      <c r="NJ24" s="344">
        <v>9486537</v>
      </c>
      <c r="NK24" s="348">
        <v>67415286</v>
      </c>
      <c r="NL24" s="346">
        <v>67415286</v>
      </c>
      <c r="NM24" s="347">
        <v>0</v>
      </c>
      <c r="NN24" s="344">
        <v>0</v>
      </c>
      <c r="NO24" s="348">
        <v>0</v>
      </c>
      <c r="NP24" s="412">
        <v>0</v>
      </c>
      <c r="NQ24" s="344">
        <v>0</v>
      </c>
      <c r="NR24" s="344">
        <v>0</v>
      </c>
      <c r="NS24" s="344">
        <v>0</v>
      </c>
      <c r="NT24" s="344">
        <v>0</v>
      </c>
      <c r="NU24" s="344">
        <v>0</v>
      </c>
      <c r="NV24" s="348">
        <v>0</v>
      </c>
      <c r="NW24" s="349">
        <v>0</v>
      </c>
      <c r="NX24" s="347">
        <v>0</v>
      </c>
      <c r="NY24" s="344">
        <v>0</v>
      </c>
      <c r="NZ24" s="348">
        <v>0</v>
      </c>
      <c r="OA24" s="412">
        <v>0</v>
      </c>
      <c r="OB24" s="344">
        <v>0</v>
      </c>
      <c r="OC24" s="344">
        <v>0</v>
      </c>
      <c r="OD24" s="344">
        <v>0</v>
      </c>
      <c r="OE24" s="344">
        <v>1575599</v>
      </c>
      <c r="OF24" s="344">
        <v>2634456</v>
      </c>
      <c r="OG24" s="348">
        <v>4210055</v>
      </c>
      <c r="OH24" s="349">
        <v>4210055</v>
      </c>
      <c r="OI24" s="347">
        <v>5470474</v>
      </c>
      <c r="OJ24" s="344">
        <v>9997869</v>
      </c>
      <c r="OK24" s="345">
        <v>15468343</v>
      </c>
      <c r="OL24" s="350">
        <v>0</v>
      </c>
      <c r="OM24" s="344">
        <v>86585558</v>
      </c>
      <c r="ON24" s="344">
        <v>115827880</v>
      </c>
      <c r="OO24" s="344">
        <v>133937931</v>
      </c>
      <c r="OP24" s="344">
        <v>117583176</v>
      </c>
      <c r="OQ24" s="344">
        <v>93049737</v>
      </c>
      <c r="OR24" s="348">
        <v>546984282</v>
      </c>
      <c r="OS24" s="353">
        <v>562452625</v>
      </c>
    </row>
    <row r="25" spans="2:409" s="70" customFormat="1" ht="21" customHeight="1" x14ac:dyDescent="0.2">
      <c r="B25" s="409" t="s">
        <v>20</v>
      </c>
      <c r="C25" s="325">
        <v>5119338</v>
      </c>
      <c r="D25" s="326">
        <v>12208206</v>
      </c>
      <c r="E25" s="327">
        <v>17327544</v>
      </c>
      <c r="F25" s="325">
        <v>0</v>
      </c>
      <c r="G25" s="326">
        <v>93740080</v>
      </c>
      <c r="H25" s="326">
        <v>87340100</v>
      </c>
      <c r="I25" s="326">
        <v>85401602</v>
      </c>
      <c r="J25" s="326">
        <v>67916742</v>
      </c>
      <c r="K25" s="326">
        <v>48683768</v>
      </c>
      <c r="L25" s="366">
        <v>383082292</v>
      </c>
      <c r="M25" s="329">
        <v>400409836</v>
      </c>
      <c r="N25" s="325">
        <v>1531823</v>
      </c>
      <c r="O25" s="326">
        <v>4318433</v>
      </c>
      <c r="P25" s="327">
        <v>5850256</v>
      </c>
      <c r="Q25" s="325">
        <v>0</v>
      </c>
      <c r="R25" s="326">
        <v>28276819</v>
      </c>
      <c r="S25" s="326">
        <v>27160423</v>
      </c>
      <c r="T25" s="326">
        <v>28987446</v>
      </c>
      <c r="U25" s="326">
        <v>23586013</v>
      </c>
      <c r="V25" s="326">
        <v>25202684</v>
      </c>
      <c r="W25" s="327">
        <v>133213385</v>
      </c>
      <c r="X25" s="329">
        <v>139063641</v>
      </c>
      <c r="Y25" s="325">
        <v>0</v>
      </c>
      <c r="Z25" s="326">
        <v>0</v>
      </c>
      <c r="AA25" s="327">
        <v>0</v>
      </c>
      <c r="AB25" s="325">
        <v>0</v>
      </c>
      <c r="AC25" s="326">
        <v>12372556</v>
      </c>
      <c r="AD25" s="326">
        <v>11576947</v>
      </c>
      <c r="AE25" s="326">
        <v>15965247</v>
      </c>
      <c r="AF25" s="326">
        <v>13887292</v>
      </c>
      <c r="AG25" s="326">
        <v>16375767</v>
      </c>
      <c r="AH25" s="327">
        <v>70177809</v>
      </c>
      <c r="AI25" s="329">
        <v>70177809</v>
      </c>
      <c r="AJ25" s="325">
        <v>0</v>
      </c>
      <c r="AK25" s="326">
        <v>0</v>
      </c>
      <c r="AL25" s="327">
        <v>0</v>
      </c>
      <c r="AM25" s="325">
        <v>0</v>
      </c>
      <c r="AN25" s="326">
        <v>203858</v>
      </c>
      <c r="AO25" s="326">
        <v>226511</v>
      </c>
      <c r="AP25" s="326">
        <v>867776</v>
      </c>
      <c r="AQ25" s="326">
        <v>1238657</v>
      </c>
      <c r="AR25" s="326">
        <v>2261344</v>
      </c>
      <c r="AS25" s="327">
        <v>4798146</v>
      </c>
      <c r="AT25" s="329">
        <v>4798146</v>
      </c>
      <c r="AU25" s="325">
        <v>895103</v>
      </c>
      <c r="AV25" s="326">
        <v>2482612</v>
      </c>
      <c r="AW25" s="327">
        <v>3377715</v>
      </c>
      <c r="AX25" s="325">
        <v>0</v>
      </c>
      <c r="AY25" s="326">
        <v>9884413</v>
      </c>
      <c r="AZ25" s="326">
        <v>9404265</v>
      </c>
      <c r="BA25" s="326">
        <v>5943079</v>
      </c>
      <c r="BB25" s="326">
        <v>4468344</v>
      </c>
      <c r="BC25" s="326">
        <v>3267601</v>
      </c>
      <c r="BD25" s="327">
        <v>32967702</v>
      </c>
      <c r="BE25" s="329">
        <v>36345417</v>
      </c>
      <c r="BF25" s="325">
        <v>277756</v>
      </c>
      <c r="BG25" s="326">
        <v>1364304</v>
      </c>
      <c r="BH25" s="330">
        <v>1642060</v>
      </c>
      <c r="BI25" s="331">
        <v>0</v>
      </c>
      <c r="BJ25" s="326">
        <v>2151481</v>
      </c>
      <c r="BK25" s="326">
        <v>2209703</v>
      </c>
      <c r="BL25" s="326">
        <v>1839339</v>
      </c>
      <c r="BM25" s="326">
        <v>1077910</v>
      </c>
      <c r="BN25" s="326">
        <v>557493</v>
      </c>
      <c r="BO25" s="327">
        <v>7835926</v>
      </c>
      <c r="BP25" s="329">
        <v>9477986</v>
      </c>
      <c r="BQ25" s="325">
        <v>358964</v>
      </c>
      <c r="BR25" s="326">
        <v>471517</v>
      </c>
      <c r="BS25" s="327">
        <v>830481</v>
      </c>
      <c r="BT25" s="325">
        <v>0</v>
      </c>
      <c r="BU25" s="326">
        <v>3664511</v>
      </c>
      <c r="BV25" s="326">
        <v>3742997</v>
      </c>
      <c r="BW25" s="326">
        <v>4372005</v>
      </c>
      <c r="BX25" s="326">
        <v>2913810</v>
      </c>
      <c r="BY25" s="326">
        <v>2740479</v>
      </c>
      <c r="BZ25" s="327">
        <v>17433802</v>
      </c>
      <c r="CA25" s="329">
        <v>18264283</v>
      </c>
      <c r="CB25" s="325">
        <v>344538</v>
      </c>
      <c r="CC25" s="326">
        <v>1634858</v>
      </c>
      <c r="CD25" s="327">
        <v>1979396</v>
      </c>
      <c r="CE25" s="325">
        <v>0</v>
      </c>
      <c r="CF25" s="326">
        <v>26322843</v>
      </c>
      <c r="CG25" s="326">
        <v>26962847</v>
      </c>
      <c r="CH25" s="326">
        <v>17979205</v>
      </c>
      <c r="CI25" s="326">
        <v>12757821</v>
      </c>
      <c r="CJ25" s="326">
        <v>4526931</v>
      </c>
      <c r="CK25" s="327">
        <v>88549647</v>
      </c>
      <c r="CL25" s="329">
        <v>90529043</v>
      </c>
      <c r="CM25" s="325">
        <v>0</v>
      </c>
      <c r="CN25" s="326">
        <v>0</v>
      </c>
      <c r="CO25" s="327">
        <v>0</v>
      </c>
      <c r="CP25" s="331">
        <v>0</v>
      </c>
      <c r="CQ25" s="326">
        <v>19778039</v>
      </c>
      <c r="CR25" s="326">
        <v>20575680</v>
      </c>
      <c r="CS25" s="326">
        <v>14221808</v>
      </c>
      <c r="CT25" s="326">
        <v>9253447</v>
      </c>
      <c r="CU25" s="326">
        <v>3149760</v>
      </c>
      <c r="CV25" s="327">
        <v>66978734</v>
      </c>
      <c r="CW25" s="329">
        <v>66978734</v>
      </c>
      <c r="CX25" s="325">
        <v>344538</v>
      </c>
      <c r="CY25" s="326">
        <v>1634858</v>
      </c>
      <c r="CZ25" s="327">
        <v>1979396</v>
      </c>
      <c r="DA25" s="325">
        <v>0</v>
      </c>
      <c r="DB25" s="326">
        <v>6544804</v>
      </c>
      <c r="DC25" s="326">
        <v>6387167</v>
      </c>
      <c r="DD25" s="326">
        <v>3757397</v>
      </c>
      <c r="DE25" s="326">
        <v>3504374</v>
      </c>
      <c r="DF25" s="326">
        <v>1377171</v>
      </c>
      <c r="DG25" s="327">
        <v>21570913</v>
      </c>
      <c r="DH25" s="329">
        <v>23550309</v>
      </c>
      <c r="DI25" s="325">
        <v>0</v>
      </c>
      <c r="DJ25" s="326">
        <v>66899</v>
      </c>
      <c r="DK25" s="330">
        <v>66899</v>
      </c>
      <c r="DL25" s="331">
        <v>0</v>
      </c>
      <c r="DM25" s="326">
        <v>2803549</v>
      </c>
      <c r="DN25" s="326">
        <v>5034038</v>
      </c>
      <c r="DO25" s="326">
        <v>11420636</v>
      </c>
      <c r="DP25" s="326">
        <v>7807746</v>
      </c>
      <c r="DQ25" s="326">
        <v>4066428</v>
      </c>
      <c r="DR25" s="327">
        <v>31132397</v>
      </c>
      <c r="DS25" s="329">
        <v>31199296</v>
      </c>
      <c r="DT25" s="325">
        <v>0</v>
      </c>
      <c r="DU25" s="326">
        <v>66899</v>
      </c>
      <c r="DV25" s="327">
        <v>66899</v>
      </c>
      <c r="DW25" s="325">
        <v>0</v>
      </c>
      <c r="DX25" s="326">
        <v>2803549</v>
      </c>
      <c r="DY25" s="326">
        <v>4836075</v>
      </c>
      <c r="DZ25" s="326">
        <v>10895004</v>
      </c>
      <c r="EA25" s="326">
        <v>7147282</v>
      </c>
      <c r="EB25" s="326">
        <v>3596571</v>
      </c>
      <c r="EC25" s="327">
        <v>29278481</v>
      </c>
      <c r="ED25" s="329">
        <v>29345380</v>
      </c>
      <c r="EE25" s="325">
        <v>0</v>
      </c>
      <c r="EF25" s="330">
        <v>0</v>
      </c>
      <c r="EG25" s="327">
        <v>0</v>
      </c>
      <c r="EH25" s="325">
        <v>0</v>
      </c>
      <c r="EI25" s="326">
        <v>0</v>
      </c>
      <c r="EJ25" s="326">
        <v>197963</v>
      </c>
      <c r="EK25" s="326">
        <v>525632</v>
      </c>
      <c r="EL25" s="326">
        <v>660464</v>
      </c>
      <c r="EM25" s="326">
        <v>469857</v>
      </c>
      <c r="EN25" s="330">
        <v>1853916</v>
      </c>
      <c r="EO25" s="329">
        <v>1853916</v>
      </c>
      <c r="EP25" s="325">
        <v>0</v>
      </c>
      <c r="EQ25" s="326">
        <v>0</v>
      </c>
      <c r="ER25" s="330">
        <v>0</v>
      </c>
      <c r="ES25" s="331">
        <v>0</v>
      </c>
      <c r="ET25" s="326">
        <v>0</v>
      </c>
      <c r="EU25" s="326">
        <v>0</v>
      </c>
      <c r="EV25" s="326">
        <v>0</v>
      </c>
      <c r="EW25" s="326">
        <v>0</v>
      </c>
      <c r="EX25" s="326">
        <v>0</v>
      </c>
      <c r="EY25" s="327">
        <v>0</v>
      </c>
      <c r="EZ25" s="329">
        <v>0</v>
      </c>
      <c r="FA25" s="325">
        <v>0</v>
      </c>
      <c r="FB25" s="326">
        <v>0</v>
      </c>
      <c r="FC25" s="330">
        <v>0</v>
      </c>
      <c r="FD25" s="331">
        <v>0</v>
      </c>
      <c r="FE25" s="326">
        <v>0</v>
      </c>
      <c r="FF25" s="326">
        <v>0</v>
      </c>
      <c r="FG25" s="326">
        <v>0</v>
      </c>
      <c r="FH25" s="326">
        <v>0</v>
      </c>
      <c r="FI25" s="326">
        <v>0</v>
      </c>
      <c r="FJ25" s="327">
        <v>0</v>
      </c>
      <c r="FK25" s="329">
        <v>0</v>
      </c>
      <c r="FL25" s="325">
        <v>1519932</v>
      </c>
      <c r="FM25" s="326">
        <v>3195676</v>
      </c>
      <c r="FN25" s="327">
        <v>4715608</v>
      </c>
      <c r="FO25" s="325">
        <v>0</v>
      </c>
      <c r="FP25" s="326">
        <v>6564096</v>
      </c>
      <c r="FQ25" s="326">
        <v>7573027</v>
      </c>
      <c r="FR25" s="326">
        <v>6315667</v>
      </c>
      <c r="FS25" s="326">
        <v>5373703</v>
      </c>
      <c r="FT25" s="326">
        <v>3508120</v>
      </c>
      <c r="FU25" s="327">
        <v>29334613</v>
      </c>
      <c r="FV25" s="329">
        <v>34050221</v>
      </c>
      <c r="FW25" s="332">
        <v>823332</v>
      </c>
      <c r="FX25" s="326">
        <v>2380048</v>
      </c>
      <c r="FY25" s="330">
        <v>3203380</v>
      </c>
      <c r="FZ25" s="331">
        <v>0</v>
      </c>
      <c r="GA25" s="326">
        <v>5539925</v>
      </c>
      <c r="GB25" s="326">
        <v>6876734</v>
      </c>
      <c r="GC25" s="326">
        <v>5835148</v>
      </c>
      <c r="GD25" s="326">
        <v>5102938</v>
      </c>
      <c r="GE25" s="326">
        <v>3350220</v>
      </c>
      <c r="GF25" s="327">
        <v>26704965</v>
      </c>
      <c r="GG25" s="333">
        <v>29908345</v>
      </c>
      <c r="GH25" s="332">
        <v>16200</v>
      </c>
      <c r="GI25" s="326">
        <v>128208</v>
      </c>
      <c r="GJ25" s="330">
        <v>144408</v>
      </c>
      <c r="GK25" s="331">
        <v>0</v>
      </c>
      <c r="GL25" s="326">
        <v>116361</v>
      </c>
      <c r="GM25" s="326">
        <v>400518</v>
      </c>
      <c r="GN25" s="326">
        <v>136584</v>
      </c>
      <c r="GO25" s="326">
        <v>52965</v>
      </c>
      <c r="GP25" s="326">
        <v>0</v>
      </c>
      <c r="GQ25" s="327">
        <v>706428</v>
      </c>
      <c r="GR25" s="329">
        <v>850836</v>
      </c>
      <c r="GS25" s="325">
        <v>680400</v>
      </c>
      <c r="GT25" s="326">
        <v>687420</v>
      </c>
      <c r="GU25" s="327">
        <v>1367820</v>
      </c>
      <c r="GV25" s="325">
        <v>0</v>
      </c>
      <c r="GW25" s="326">
        <v>907810</v>
      </c>
      <c r="GX25" s="326">
        <v>295775</v>
      </c>
      <c r="GY25" s="326">
        <v>343935</v>
      </c>
      <c r="GZ25" s="326">
        <v>217800</v>
      </c>
      <c r="HA25" s="326">
        <v>157900</v>
      </c>
      <c r="HB25" s="330">
        <v>1923220</v>
      </c>
      <c r="HC25" s="329">
        <v>3291040</v>
      </c>
      <c r="HD25" s="325">
        <v>727207</v>
      </c>
      <c r="HE25" s="326">
        <v>915402</v>
      </c>
      <c r="HF25" s="330">
        <v>1642609</v>
      </c>
      <c r="HG25" s="331">
        <v>0</v>
      </c>
      <c r="HH25" s="326">
        <v>14404980</v>
      </c>
      <c r="HI25" s="326">
        <v>10577870</v>
      </c>
      <c r="HJ25" s="326">
        <v>13259162</v>
      </c>
      <c r="HK25" s="326">
        <v>13520225</v>
      </c>
      <c r="HL25" s="326">
        <v>8522858</v>
      </c>
      <c r="HM25" s="327">
        <v>60285095</v>
      </c>
      <c r="HN25" s="328">
        <v>61927704</v>
      </c>
      <c r="HO25" s="332">
        <v>995838</v>
      </c>
      <c r="HP25" s="326">
        <v>2076938</v>
      </c>
      <c r="HQ25" s="327">
        <v>3072776</v>
      </c>
      <c r="HR25" s="325">
        <v>0</v>
      </c>
      <c r="HS25" s="326">
        <v>15367793</v>
      </c>
      <c r="HT25" s="326">
        <v>10031895</v>
      </c>
      <c r="HU25" s="326">
        <v>7439486</v>
      </c>
      <c r="HV25" s="326">
        <v>4871234</v>
      </c>
      <c r="HW25" s="326">
        <v>2856747</v>
      </c>
      <c r="HX25" s="330">
        <v>40567155</v>
      </c>
      <c r="HY25" s="329">
        <v>43639931</v>
      </c>
      <c r="HZ25" s="334">
        <v>0</v>
      </c>
      <c r="IA25" s="335">
        <v>65135</v>
      </c>
      <c r="IB25" s="336">
        <v>65135</v>
      </c>
      <c r="IC25" s="337">
        <v>0</v>
      </c>
      <c r="ID25" s="335">
        <v>14108948</v>
      </c>
      <c r="IE25" s="338">
        <v>15528640</v>
      </c>
      <c r="IF25" s="336">
        <v>23848004</v>
      </c>
      <c r="IG25" s="335">
        <v>7477442</v>
      </c>
      <c r="IH25" s="336">
        <v>7759601</v>
      </c>
      <c r="II25" s="339">
        <v>68722635</v>
      </c>
      <c r="IJ25" s="340">
        <v>68787770</v>
      </c>
      <c r="IK25" s="341">
        <v>0</v>
      </c>
      <c r="IL25" s="342">
        <v>0</v>
      </c>
      <c r="IM25" s="343">
        <v>0</v>
      </c>
      <c r="IN25" s="403">
        <v>0</v>
      </c>
      <c r="IO25" s="344">
        <v>90882</v>
      </c>
      <c r="IP25" s="344">
        <v>0</v>
      </c>
      <c r="IQ25" s="344">
        <v>0</v>
      </c>
      <c r="IR25" s="344">
        <v>0</v>
      </c>
      <c r="IS25" s="344">
        <v>261743</v>
      </c>
      <c r="IT25" s="345">
        <v>352625</v>
      </c>
      <c r="IU25" s="346">
        <v>352625</v>
      </c>
      <c r="IV25" s="347">
        <v>0</v>
      </c>
      <c r="IW25" s="344">
        <v>0</v>
      </c>
      <c r="IX25" s="348">
        <v>0</v>
      </c>
      <c r="IY25" s="412">
        <v>0</v>
      </c>
      <c r="IZ25" s="344">
        <v>0</v>
      </c>
      <c r="JA25" s="344">
        <v>0</v>
      </c>
      <c r="JB25" s="344">
        <v>0</v>
      </c>
      <c r="JC25" s="344">
        <v>0</v>
      </c>
      <c r="JD25" s="344">
        <v>0</v>
      </c>
      <c r="JE25" s="348">
        <v>0</v>
      </c>
      <c r="JF25" s="349">
        <v>0</v>
      </c>
      <c r="JG25" s="347">
        <v>0</v>
      </c>
      <c r="JH25" s="344">
        <v>0</v>
      </c>
      <c r="JI25" s="345">
        <v>0</v>
      </c>
      <c r="JJ25" s="350">
        <v>0</v>
      </c>
      <c r="JK25" s="344">
        <v>7412929</v>
      </c>
      <c r="JL25" s="344">
        <v>5699878</v>
      </c>
      <c r="JM25" s="344">
        <v>4676734</v>
      </c>
      <c r="JN25" s="344">
        <v>2102860</v>
      </c>
      <c r="JO25" s="344">
        <v>840652</v>
      </c>
      <c r="JP25" s="348">
        <v>20733053</v>
      </c>
      <c r="JQ25" s="346">
        <v>20733053</v>
      </c>
      <c r="JR25" s="347">
        <v>0</v>
      </c>
      <c r="JS25" s="344">
        <v>0</v>
      </c>
      <c r="JT25" s="345">
        <v>0</v>
      </c>
      <c r="JU25" s="350">
        <v>0</v>
      </c>
      <c r="JV25" s="344">
        <v>367678</v>
      </c>
      <c r="JW25" s="344">
        <v>0</v>
      </c>
      <c r="JX25" s="344">
        <v>698101</v>
      </c>
      <c r="JY25" s="344">
        <v>165707</v>
      </c>
      <c r="JZ25" s="344">
        <v>324362</v>
      </c>
      <c r="KA25" s="348">
        <v>1555848</v>
      </c>
      <c r="KB25" s="346">
        <v>1555848</v>
      </c>
      <c r="KC25" s="351">
        <v>0</v>
      </c>
      <c r="KD25" s="352">
        <v>65135</v>
      </c>
      <c r="KE25" s="348">
        <v>65135</v>
      </c>
      <c r="KF25" s="350">
        <v>0</v>
      </c>
      <c r="KG25" s="344">
        <v>2469490</v>
      </c>
      <c r="KH25" s="344">
        <v>1832074</v>
      </c>
      <c r="KI25" s="344">
        <v>2749585</v>
      </c>
      <c r="KJ25" s="344">
        <v>419783</v>
      </c>
      <c r="KK25" s="344">
        <v>901979</v>
      </c>
      <c r="KL25" s="348">
        <v>8372911</v>
      </c>
      <c r="KM25" s="353">
        <v>8438046</v>
      </c>
      <c r="KN25" s="341">
        <v>0</v>
      </c>
      <c r="KO25" s="342">
        <v>0</v>
      </c>
      <c r="KP25" s="343">
        <v>0</v>
      </c>
      <c r="KQ25" s="412">
        <v>0</v>
      </c>
      <c r="KR25" s="344">
        <v>3767969</v>
      </c>
      <c r="KS25" s="344">
        <v>7996688</v>
      </c>
      <c r="KT25" s="344">
        <v>15723584</v>
      </c>
      <c r="KU25" s="344">
        <v>4789092</v>
      </c>
      <c r="KV25" s="344">
        <v>5430865</v>
      </c>
      <c r="KW25" s="348">
        <v>37708198</v>
      </c>
      <c r="KX25" s="346">
        <v>37708198</v>
      </c>
      <c r="KY25" s="347">
        <v>0</v>
      </c>
      <c r="KZ25" s="344">
        <v>0</v>
      </c>
      <c r="LA25" s="348">
        <v>0</v>
      </c>
      <c r="LB25" s="412">
        <v>0</v>
      </c>
      <c r="LC25" s="344">
        <v>0</v>
      </c>
      <c r="LD25" s="344">
        <v>0</v>
      </c>
      <c r="LE25" s="344">
        <v>0</v>
      </c>
      <c r="LF25" s="344">
        <v>0</v>
      </c>
      <c r="LG25" s="344">
        <v>0</v>
      </c>
      <c r="LH25" s="348">
        <v>0</v>
      </c>
      <c r="LI25" s="349">
        <v>0</v>
      </c>
      <c r="LJ25" s="347">
        <v>0</v>
      </c>
      <c r="LK25" s="344">
        <v>0</v>
      </c>
      <c r="LL25" s="348">
        <v>0</v>
      </c>
      <c r="LM25" s="412">
        <v>0</v>
      </c>
      <c r="LN25" s="344">
        <v>0</v>
      </c>
      <c r="LO25" s="344">
        <v>0</v>
      </c>
      <c r="LP25" s="344">
        <v>0</v>
      </c>
      <c r="LQ25" s="344">
        <v>0</v>
      </c>
      <c r="LR25" s="344">
        <v>0</v>
      </c>
      <c r="LS25" s="348">
        <v>0</v>
      </c>
      <c r="LT25" s="346">
        <v>0</v>
      </c>
      <c r="LU25" s="347">
        <v>0</v>
      </c>
      <c r="LV25" s="344">
        <v>0</v>
      </c>
      <c r="LW25" s="348">
        <v>0</v>
      </c>
      <c r="LX25" s="412">
        <v>0</v>
      </c>
      <c r="LY25" s="344">
        <v>0</v>
      </c>
      <c r="LZ25" s="344">
        <v>0</v>
      </c>
      <c r="MA25" s="344">
        <v>0</v>
      </c>
      <c r="MB25" s="344">
        <v>0</v>
      </c>
      <c r="MC25" s="344">
        <v>0</v>
      </c>
      <c r="MD25" s="348">
        <v>0</v>
      </c>
      <c r="ME25" s="349">
        <v>0</v>
      </c>
      <c r="MF25" s="347">
        <v>0</v>
      </c>
      <c r="MG25" s="344">
        <v>0</v>
      </c>
      <c r="MH25" s="348">
        <v>0</v>
      </c>
      <c r="MI25" s="412">
        <v>0</v>
      </c>
      <c r="MJ25" s="344">
        <v>6153734</v>
      </c>
      <c r="MK25" s="344">
        <v>17730254</v>
      </c>
      <c r="ML25" s="344">
        <v>48869177</v>
      </c>
      <c r="MM25" s="344">
        <v>80948358</v>
      </c>
      <c r="MN25" s="344">
        <v>37806534</v>
      </c>
      <c r="MO25" s="348">
        <v>191508057</v>
      </c>
      <c r="MP25" s="353">
        <v>191508057</v>
      </c>
      <c r="MQ25" s="347">
        <v>0</v>
      </c>
      <c r="MR25" s="344">
        <v>0</v>
      </c>
      <c r="MS25" s="348">
        <v>0</v>
      </c>
      <c r="MT25" s="412">
        <v>0</v>
      </c>
      <c r="MU25" s="344">
        <v>1166056</v>
      </c>
      <c r="MV25" s="344">
        <v>7314882</v>
      </c>
      <c r="MW25" s="344">
        <v>38176574</v>
      </c>
      <c r="MX25" s="344">
        <v>61889388</v>
      </c>
      <c r="MY25" s="344">
        <v>30911995</v>
      </c>
      <c r="MZ25" s="348">
        <v>139458895</v>
      </c>
      <c r="NA25" s="353">
        <v>139458895</v>
      </c>
      <c r="NB25" s="347">
        <v>0</v>
      </c>
      <c r="NC25" s="344">
        <v>0</v>
      </c>
      <c r="ND25" s="348">
        <v>0</v>
      </c>
      <c r="NE25" s="412">
        <v>0</v>
      </c>
      <c r="NF25" s="344">
        <v>4987678</v>
      </c>
      <c r="NG25" s="344">
        <v>10415372</v>
      </c>
      <c r="NH25" s="344">
        <v>10692603</v>
      </c>
      <c r="NI25" s="344">
        <v>17564868</v>
      </c>
      <c r="NJ25" s="344">
        <v>5616346</v>
      </c>
      <c r="NK25" s="348">
        <v>49276867</v>
      </c>
      <c r="NL25" s="346">
        <v>49276867</v>
      </c>
      <c r="NM25" s="347">
        <v>0</v>
      </c>
      <c r="NN25" s="344">
        <v>0</v>
      </c>
      <c r="NO25" s="348">
        <v>0</v>
      </c>
      <c r="NP25" s="412">
        <v>0</v>
      </c>
      <c r="NQ25" s="344">
        <v>0</v>
      </c>
      <c r="NR25" s="344">
        <v>0</v>
      </c>
      <c r="NS25" s="344">
        <v>0</v>
      </c>
      <c r="NT25" s="344">
        <v>652464</v>
      </c>
      <c r="NU25" s="344">
        <v>0</v>
      </c>
      <c r="NV25" s="348">
        <v>652464</v>
      </c>
      <c r="NW25" s="349">
        <v>652464</v>
      </c>
      <c r="NX25" s="347">
        <v>0</v>
      </c>
      <c r="NY25" s="344">
        <v>0</v>
      </c>
      <c r="NZ25" s="348">
        <v>0</v>
      </c>
      <c r="OA25" s="412">
        <v>0</v>
      </c>
      <c r="OB25" s="344">
        <v>0</v>
      </c>
      <c r="OC25" s="344">
        <v>0</v>
      </c>
      <c r="OD25" s="344">
        <v>0</v>
      </c>
      <c r="OE25" s="344">
        <v>841638</v>
      </c>
      <c r="OF25" s="344">
        <v>1278193</v>
      </c>
      <c r="OG25" s="348">
        <v>2119831</v>
      </c>
      <c r="OH25" s="349">
        <v>2119831</v>
      </c>
      <c r="OI25" s="347">
        <v>5119338</v>
      </c>
      <c r="OJ25" s="344">
        <v>12273341</v>
      </c>
      <c r="OK25" s="345">
        <v>17392679</v>
      </c>
      <c r="OL25" s="350">
        <v>0</v>
      </c>
      <c r="OM25" s="344">
        <v>114002762</v>
      </c>
      <c r="ON25" s="344">
        <v>120598994</v>
      </c>
      <c r="OO25" s="344">
        <v>158118783</v>
      </c>
      <c r="OP25" s="344">
        <v>156342542</v>
      </c>
      <c r="OQ25" s="344">
        <v>94249903</v>
      </c>
      <c r="OR25" s="348">
        <v>643312984</v>
      </c>
      <c r="OS25" s="353">
        <v>660705663</v>
      </c>
    </row>
    <row r="26" spans="2:409" s="70" customFormat="1" ht="21" customHeight="1" x14ac:dyDescent="0.2">
      <c r="B26" s="409" t="s">
        <v>21</v>
      </c>
      <c r="C26" s="325">
        <v>6861165</v>
      </c>
      <c r="D26" s="326">
        <v>12925365</v>
      </c>
      <c r="E26" s="327">
        <v>19786530</v>
      </c>
      <c r="F26" s="328">
        <v>0</v>
      </c>
      <c r="G26" s="326">
        <v>76194657</v>
      </c>
      <c r="H26" s="326">
        <v>107803226</v>
      </c>
      <c r="I26" s="326">
        <v>100367275</v>
      </c>
      <c r="J26" s="326">
        <v>78298937</v>
      </c>
      <c r="K26" s="326">
        <v>58421177</v>
      </c>
      <c r="L26" s="366">
        <v>421085272</v>
      </c>
      <c r="M26" s="329">
        <v>440871802</v>
      </c>
      <c r="N26" s="325">
        <v>2277590</v>
      </c>
      <c r="O26" s="326">
        <v>4556480</v>
      </c>
      <c r="P26" s="327">
        <v>6834070</v>
      </c>
      <c r="Q26" s="325">
        <v>0</v>
      </c>
      <c r="R26" s="326">
        <v>24193158</v>
      </c>
      <c r="S26" s="326">
        <v>38581883</v>
      </c>
      <c r="T26" s="326">
        <v>39994431</v>
      </c>
      <c r="U26" s="326">
        <v>32405862</v>
      </c>
      <c r="V26" s="326">
        <v>31858990</v>
      </c>
      <c r="W26" s="327">
        <v>167034324</v>
      </c>
      <c r="X26" s="329">
        <v>173868394</v>
      </c>
      <c r="Y26" s="325">
        <v>0</v>
      </c>
      <c r="Z26" s="326">
        <v>0</v>
      </c>
      <c r="AA26" s="327">
        <v>0</v>
      </c>
      <c r="AB26" s="325">
        <v>0</v>
      </c>
      <c r="AC26" s="326">
        <v>10577008</v>
      </c>
      <c r="AD26" s="326">
        <v>19029263</v>
      </c>
      <c r="AE26" s="326">
        <v>24543895</v>
      </c>
      <c r="AF26" s="326">
        <v>19737111</v>
      </c>
      <c r="AG26" s="326">
        <v>19802090</v>
      </c>
      <c r="AH26" s="327">
        <v>93689367</v>
      </c>
      <c r="AI26" s="329">
        <v>93689367</v>
      </c>
      <c r="AJ26" s="325">
        <v>0</v>
      </c>
      <c r="AK26" s="326">
        <v>0</v>
      </c>
      <c r="AL26" s="327">
        <v>0</v>
      </c>
      <c r="AM26" s="325">
        <v>0</v>
      </c>
      <c r="AN26" s="326">
        <v>0</v>
      </c>
      <c r="AO26" s="326">
        <v>371233</v>
      </c>
      <c r="AP26" s="326">
        <v>693000</v>
      </c>
      <c r="AQ26" s="326">
        <v>1761445</v>
      </c>
      <c r="AR26" s="326">
        <v>2925466</v>
      </c>
      <c r="AS26" s="327">
        <v>5751144</v>
      </c>
      <c r="AT26" s="329">
        <v>5751144</v>
      </c>
      <c r="AU26" s="325">
        <v>1293134</v>
      </c>
      <c r="AV26" s="326">
        <v>2926175</v>
      </c>
      <c r="AW26" s="327">
        <v>4219309</v>
      </c>
      <c r="AX26" s="325">
        <v>0</v>
      </c>
      <c r="AY26" s="326">
        <v>8733447</v>
      </c>
      <c r="AZ26" s="326">
        <v>11911301</v>
      </c>
      <c r="BA26" s="326">
        <v>8441679</v>
      </c>
      <c r="BB26" s="326">
        <v>6600713</v>
      </c>
      <c r="BC26" s="326">
        <v>5585138</v>
      </c>
      <c r="BD26" s="327">
        <v>41272278</v>
      </c>
      <c r="BE26" s="329">
        <v>45491587</v>
      </c>
      <c r="BF26" s="325">
        <v>377650</v>
      </c>
      <c r="BG26" s="326">
        <v>1033121</v>
      </c>
      <c r="BH26" s="330">
        <v>1410771</v>
      </c>
      <c r="BI26" s="331">
        <v>0</v>
      </c>
      <c r="BJ26" s="326">
        <v>880909</v>
      </c>
      <c r="BK26" s="326">
        <v>1751788</v>
      </c>
      <c r="BL26" s="326">
        <v>1103176</v>
      </c>
      <c r="BM26" s="326">
        <v>576000</v>
      </c>
      <c r="BN26" s="326">
        <v>276871</v>
      </c>
      <c r="BO26" s="327">
        <v>4588744</v>
      </c>
      <c r="BP26" s="329">
        <v>5999515</v>
      </c>
      <c r="BQ26" s="325">
        <v>606806</v>
      </c>
      <c r="BR26" s="326">
        <v>597184</v>
      </c>
      <c r="BS26" s="327">
        <v>1203990</v>
      </c>
      <c r="BT26" s="325">
        <v>0</v>
      </c>
      <c r="BU26" s="326">
        <v>4001794</v>
      </c>
      <c r="BV26" s="326">
        <v>5518298</v>
      </c>
      <c r="BW26" s="326">
        <v>5212681</v>
      </c>
      <c r="BX26" s="326">
        <v>3730593</v>
      </c>
      <c r="BY26" s="326">
        <v>3269425</v>
      </c>
      <c r="BZ26" s="327">
        <v>21732791</v>
      </c>
      <c r="CA26" s="329">
        <v>22936781</v>
      </c>
      <c r="CB26" s="325">
        <v>439900</v>
      </c>
      <c r="CC26" s="326">
        <v>1585163</v>
      </c>
      <c r="CD26" s="327">
        <v>2025063</v>
      </c>
      <c r="CE26" s="325">
        <v>0</v>
      </c>
      <c r="CF26" s="326">
        <v>21431964</v>
      </c>
      <c r="CG26" s="326">
        <v>29427526</v>
      </c>
      <c r="CH26" s="326">
        <v>22692927</v>
      </c>
      <c r="CI26" s="326">
        <v>11846162</v>
      </c>
      <c r="CJ26" s="326">
        <v>4233131</v>
      </c>
      <c r="CK26" s="327">
        <v>89631710</v>
      </c>
      <c r="CL26" s="329">
        <v>91656773</v>
      </c>
      <c r="CM26" s="325">
        <v>0</v>
      </c>
      <c r="CN26" s="326">
        <v>0</v>
      </c>
      <c r="CO26" s="327">
        <v>0</v>
      </c>
      <c r="CP26" s="331">
        <v>0</v>
      </c>
      <c r="CQ26" s="326">
        <v>18250465</v>
      </c>
      <c r="CR26" s="326">
        <v>25679259</v>
      </c>
      <c r="CS26" s="326">
        <v>19733872</v>
      </c>
      <c r="CT26" s="326">
        <v>10238050</v>
      </c>
      <c r="CU26" s="326">
        <v>3117545</v>
      </c>
      <c r="CV26" s="327">
        <v>77019191</v>
      </c>
      <c r="CW26" s="329">
        <v>77019191</v>
      </c>
      <c r="CX26" s="325">
        <v>439900</v>
      </c>
      <c r="CY26" s="326">
        <v>1585163</v>
      </c>
      <c r="CZ26" s="327">
        <v>2025063</v>
      </c>
      <c r="DA26" s="325">
        <v>0</v>
      </c>
      <c r="DB26" s="326">
        <v>3181499</v>
      </c>
      <c r="DC26" s="326">
        <v>3748267</v>
      </c>
      <c r="DD26" s="326">
        <v>2959055</v>
      </c>
      <c r="DE26" s="326">
        <v>1608112</v>
      </c>
      <c r="DF26" s="326">
        <v>1115586</v>
      </c>
      <c r="DG26" s="327">
        <v>12612519</v>
      </c>
      <c r="DH26" s="329">
        <v>14637582</v>
      </c>
      <c r="DI26" s="325">
        <v>42418</v>
      </c>
      <c r="DJ26" s="326">
        <v>394749</v>
      </c>
      <c r="DK26" s="330">
        <v>437167</v>
      </c>
      <c r="DL26" s="331">
        <v>0</v>
      </c>
      <c r="DM26" s="326">
        <v>1569343</v>
      </c>
      <c r="DN26" s="326">
        <v>5134209</v>
      </c>
      <c r="DO26" s="326">
        <v>8840060</v>
      </c>
      <c r="DP26" s="326">
        <v>10114816</v>
      </c>
      <c r="DQ26" s="326">
        <v>4546301</v>
      </c>
      <c r="DR26" s="327">
        <v>30204729</v>
      </c>
      <c r="DS26" s="329">
        <v>30641896</v>
      </c>
      <c r="DT26" s="325">
        <v>42418</v>
      </c>
      <c r="DU26" s="326">
        <v>290890</v>
      </c>
      <c r="DV26" s="327">
        <v>333308</v>
      </c>
      <c r="DW26" s="325">
        <v>0</v>
      </c>
      <c r="DX26" s="326">
        <v>1478303</v>
      </c>
      <c r="DY26" s="326">
        <v>4244835</v>
      </c>
      <c r="DZ26" s="326">
        <v>8506360</v>
      </c>
      <c r="EA26" s="326">
        <v>9525139</v>
      </c>
      <c r="EB26" s="326">
        <v>4546301</v>
      </c>
      <c r="EC26" s="327">
        <v>28300938</v>
      </c>
      <c r="ED26" s="329">
        <v>28634246</v>
      </c>
      <c r="EE26" s="325">
        <v>0</v>
      </c>
      <c r="EF26" s="330">
        <v>103859</v>
      </c>
      <c r="EG26" s="327">
        <v>103859</v>
      </c>
      <c r="EH26" s="325">
        <v>0</v>
      </c>
      <c r="EI26" s="326">
        <v>91040</v>
      </c>
      <c r="EJ26" s="326">
        <v>889374</v>
      </c>
      <c r="EK26" s="326">
        <v>333700</v>
      </c>
      <c r="EL26" s="326">
        <v>589677</v>
      </c>
      <c r="EM26" s="326">
        <v>0</v>
      </c>
      <c r="EN26" s="330">
        <v>1903791</v>
      </c>
      <c r="EO26" s="329">
        <v>2007650</v>
      </c>
      <c r="EP26" s="325">
        <v>0</v>
      </c>
      <c r="EQ26" s="326">
        <v>0</v>
      </c>
      <c r="ER26" s="330">
        <v>0</v>
      </c>
      <c r="ES26" s="331">
        <v>0</v>
      </c>
      <c r="ET26" s="326">
        <v>0</v>
      </c>
      <c r="EU26" s="326">
        <v>0</v>
      </c>
      <c r="EV26" s="326">
        <v>0</v>
      </c>
      <c r="EW26" s="326">
        <v>0</v>
      </c>
      <c r="EX26" s="326">
        <v>0</v>
      </c>
      <c r="EY26" s="327">
        <v>0</v>
      </c>
      <c r="EZ26" s="329">
        <v>0</v>
      </c>
      <c r="FA26" s="325">
        <v>0</v>
      </c>
      <c r="FB26" s="326">
        <v>0</v>
      </c>
      <c r="FC26" s="330">
        <v>0</v>
      </c>
      <c r="FD26" s="331">
        <v>0</v>
      </c>
      <c r="FE26" s="326">
        <v>0</v>
      </c>
      <c r="FF26" s="326">
        <v>0</v>
      </c>
      <c r="FG26" s="326">
        <v>0</v>
      </c>
      <c r="FH26" s="326">
        <v>0</v>
      </c>
      <c r="FI26" s="326">
        <v>0</v>
      </c>
      <c r="FJ26" s="327">
        <v>0</v>
      </c>
      <c r="FK26" s="329">
        <v>0</v>
      </c>
      <c r="FL26" s="325">
        <v>1665203</v>
      </c>
      <c r="FM26" s="326">
        <v>2922540</v>
      </c>
      <c r="FN26" s="327">
        <v>4587743</v>
      </c>
      <c r="FO26" s="325">
        <v>0</v>
      </c>
      <c r="FP26" s="326">
        <v>3791849</v>
      </c>
      <c r="FQ26" s="326">
        <v>9238687</v>
      </c>
      <c r="FR26" s="326">
        <v>7384309</v>
      </c>
      <c r="FS26" s="326">
        <v>5982310</v>
      </c>
      <c r="FT26" s="326">
        <v>4063968</v>
      </c>
      <c r="FU26" s="327">
        <v>30461123</v>
      </c>
      <c r="FV26" s="329">
        <v>35048866</v>
      </c>
      <c r="FW26" s="332">
        <v>1114959</v>
      </c>
      <c r="FX26" s="326">
        <v>2291870</v>
      </c>
      <c r="FY26" s="330">
        <v>3406829</v>
      </c>
      <c r="FZ26" s="331">
        <v>0</v>
      </c>
      <c r="GA26" s="326">
        <v>3189549</v>
      </c>
      <c r="GB26" s="326">
        <v>8968756</v>
      </c>
      <c r="GC26" s="326">
        <v>7133569</v>
      </c>
      <c r="GD26" s="326">
        <v>5812008</v>
      </c>
      <c r="GE26" s="326">
        <v>4015368</v>
      </c>
      <c r="GF26" s="327">
        <v>29119250</v>
      </c>
      <c r="GG26" s="333">
        <v>32526079</v>
      </c>
      <c r="GH26" s="332">
        <v>0</v>
      </c>
      <c r="GI26" s="326">
        <v>134536</v>
      </c>
      <c r="GJ26" s="330">
        <v>134536</v>
      </c>
      <c r="GK26" s="331">
        <v>0</v>
      </c>
      <c r="GL26" s="326">
        <v>100350</v>
      </c>
      <c r="GM26" s="326">
        <v>89931</v>
      </c>
      <c r="GN26" s="326">
        <v>61020</v>
      </c>
      <c r="GO26" s="326">
        <v>68602</v>
      </c>
      <c r="GP26" s="326">
        <v>0</v>
      </c>
      <c r="GQ26" s="327">
        <v>319903</v>
      </c>
      <c r="GR26" s="329">
        <v>454439</v>
      </c>
      <c r="GS26" s="325">
        <v>550244</v>
      </c>
      <c r="GT26" s="326">
        <v>496134</v>
      </c>
      <c r="GU26" s="327">
        <v>1046378</v>
      </c>
      <c r="GV26" s="325">
        <v>0</v>
      </c>
      <c r="GW26" s="326">
        <v>501950</v>
      </c>
      <c r="GX26" s="326">
        <v>180000</v>
      </c>
      <c r="GY26" s="326">
        <v>189720</v>
      </c>
      <c r="GZ26" s="326">
        <v>101700</v>
      </c>
      <c r="HA26" s="326">
        <v>48600</v>
      </c>
      <c r="HB26" s="330">
        <v>1021970</v>
      </c>
      <c r="HC26" s="329">
        <v>2068348</v>
      </c>
      <c r="HD26" s="325">
        <v>1032486</v>
      </c>
      <c r="HE26" s="326">
        <v>1433185</v>
      </c>
      <c r="HF26" s="330">
        <v>2465671</v>
      </c>
      <c r="HG26" s="331">
        <v>0</v>
      </c>
      <c r="HH26" s="326">
        <v>13125089</v>
      </c>
      <c r="HI26" s="326">
        <v>12941606</v>
      </c>
      <c r="HJ26" s="326">
        <v>12771274</v>
      </c>
      <c r="HK26" s="326">
        <v>12623041</v>
      </c>
      <c r="HL26" s="326">
        <v>10651457</v>
      </c>
      <c r="HM26" s="327">
        <v>62112467</v>
      </c>
      <c r="HN26" s="328">
        <v>64578138</v>
      </c>
      <c r="HO26" s="332">
        <v>1403568</v>
      </c>
      <c r="HP26" s="326">
        <v>2033248</v>
      </c>
      <c r="HQ26" s="327">
        <v>3436816</v>
      </c>
      <c r="HR26" s="325">
        <v>0</v>
      </c>
      <c r="HS26" s="326">
        <v>12083254</v>
      </c>
      <c r="HT26" s="326">
        <v>12479315</v>
      </c>
      <c r="HU26" s="326">
        <v>8684274</v>
      </c>
      <c r="HV26" s="326">
        <v>5326746</v>
      </c>
      <c r="HW26" s="326">
        <v>3067330</v>
      </c>
      <c r="HX26" s="330">
        <v>41640919</v>
      </c>
      <c r="HY26" s="329">
        <v>45077735</v>
      </c>
      <c r="HZ26" s="357">
        <v>0</v>
      </c>
      <c r="IA26" s="355">
        <v>0</v>
      </c>
      <c r="IB26" s="357">
        <v>0</v>
      </c>
      <c r="IC26" s="354">
        <v>0</v>
      </c>
      <c r="ID26" s="355">
        <v>15568759</v>
      </c>
      <c r="IE26" s="356">
        <v>22268316</v>
      </c>
      <c r="IF26" s="357">
        <v>23327891</v>
      </c>
      <c r="IG26" s="355">
        <v>9537329</v>
      </c>
      <c r="IH26" s="357">
        <v>8067183</v>
      </c>
      <c r="II26" s="358">
        <v>78769478</v>
      </c>
      <c r="IJ26" s="357">
        <v>78769478</v>
      </c>
      <c r="IK26" s="341">
        <v>0</v>
      </c>
      <c r="IL26" s="342">
        <v>0</v>
      </c>
      <c r="IM26" s="343">
        <v>0</v>
      </c>
      <c r="IN26" s="403">
        <v>0</v>
      </c>
      <c r="IO26" s="344">
        <v>55875</v>
      </c>
      <c r="IP26" s="344">
        <v>345697</v>
      </c>
      <c r="IQ26" s="344">
        <v>177124</v>
      </c>
      <c r="IR26" s="344">
        <v>0</v>
      </c>
      <c r="IS26" s="344">
        <v>520106</v>
      </c>
      <c r="IT26" s="345">
        <v>1098802</v>
      </c>
      <c r="IU26" s="346">
        <v>1098802</v>
      </c>
      <c r="IV26" s="347">
        <v>0</v>
      </c>
      <c r="IW26" s="344">
        <v>0</v>
      </c>
      <c r="IX26" s="348">
        <v>0</v>
      </c>
      <c r="IY26" s="412">
        <v>0</v>
      </c>
      <c r="IZ26" s="344">
        <v>0</v>
      </c>
      <c r="JA26" s="344">
        <v>0</v>
      </c>
      <c r="JB26" s="344">
        <v>0</v>
      </c>
      <c r="JC26" s="344">
        <v>0</v>
      </c>
      <c r="JD26" s="344">
        <v>0</v>
      </c>
      <c r="JE26" s="348">
        <v>0</v>
      </c>
      <c r="JF26" s="349">
        <v>0</v>
      </c>
      <c r="JG26" s="347">
        <v>0</v>
      </c>
      <c r="JH26" s="344">
        <v>0</v>
      </c>
      <c r="JI26" s="345">
        <v>0</v>
      </c>
      <c r="JJ26" s="350">
        <v>0</v>
      </c>
      <c r="JK26" s="344">
        <v>10117949</v>
      </c>
      <c r="JL26" s="344">
        <v>9884740</v>
      </c>
      <c r="JM26" s="344">
        <v>6824449</v>
      </c>
      <c r="JN26" s="344">
        <v>2924907</v>
      </c>
      <c r="JO26" s="344">
        <v>1827566</v>
      </c>
      <c r="JP26" s="348">
        <v>31579611</v>
      </c>
      <c r="JQ26" s="346">
        <v>31579611</v>
      </c>
      <c r="JR26" s="347">
        <v>0</v>
      </c>
      <c r="JS26" s="344">
        <v>0</v>
      </c>
      <c r="JT26" s="345">
        <v>0</v>
      </c>
      <c r="JU26" s="350">
        <v>0</v>
      </c>
      <c r="JV26" s="344">
        <v>0</v>
      </c>
      <c r="JW26" s="344">
        <v>0</v>
      </c>
      <c r="JX26" s="344">
        <v>0</v>
      </c>
      <c r="JY26" s="344">
        <v>0</v>
      </c>
      <c r="JZ26" s="344">
        <v>0</v>
      </c>
      <c r="KA26" s="348">
        <v>0</v>
      </c>
      <c r="KB26" s="346">
        <v>0</v>
      </c>
      <c r="KC26" s="351">
        <v>0</v>
      </c>
      <c r="KD26" s="352">
        <v>0</v>
      </c>
      <c r="KE26" s="348">
        <v>0</v>
      </c>
      <c r="KF26" s="350">
        <v>0</v>
      </c>
      <c r="KG26" s="344">
        <v>1078730</v>
      </c>
      <c r="KH26" s="344">
        <v>1072773</v>
      </c>
      <c r="KI26" s="344">
        <v>4867288</v>
      </c>
      <c r="KJ26" s="344">
        <v>1607898</v>
      </c>
      <c r="KK26" s="344">
        <v>626650</v>
      </c>
      <c r="KL26" s="348">
        <v>9253339</v>
      </c>
      <c r="KM26" s="353">
        <v>9253339</v>
      </c>
      <c r="KN26" s="341">
        <v>0</v>
      </c>
      <c r="KO26" s="342">
        <v>0</v>
      </c>
      <c r="KP26" s="343">
        <v>0</v>
      </c>
      <c r="KQ26" s="412">
        <v>0</v>
      </c>
      <c r="KR26" s="344">
        <v>4026723</v>
      </c>
      <c r="KS26" s="344">
        <v>10484121</v>
      </c>
      <c r="KT26" s="344">
        <v>10641894</v>
      </c>
      <c r="KU26" s="344">
        <v>4380894</v>
      </c>
      <c r="KV26" s="344">
        <v>3416308</v>
      </c>
      <c r="KW26" s="348">
        <v>32949940</v>
      </c>
      <c r="KX26" s="346">
        <v>32949940</v>
      </c>
      <c r="KY26" s="347">
        <v>0</v>
      </c>
      <c r="KZ26" s="344">
        <v>0</v>
      </c>
      <c r="LA26" s="348">
        <v>0</v>
      </c>
      <c r="LB26" s="412">
        <v>0</v>
      </c>
      <c r="LC26" s="344">
        <v>0</v>
      </c>
      <c r="LD26" s="344">
        <v>0</v>
      </c>
      <c r="LE26" s="344">
        <v>0</v>
      </c>
      <c r="LF26" s="344">
        <v>0</v>
      </c>
      <c r="LG26" s="344">
        <v>0</v>
      </c>
      <c r="LH26" s="348">
        <v>0</v>
      </c>
      <c r="LI26" s="349">
        <v>0</v>
      </c>
      <c r="LJ26" s="347">
        <v>0</v>
      </c>
      <c r="LK26" s="344">
        <v>0</v>
      </c>
      <c r="LL26" s="348">
        <v>0</v>
      </c>
      <c r="LM26" s="412">
        <v>0</v>
      </c>
      <c r="LN26" s="344">
        <v>0</v>
      </c>
      <c r="LO26" s="344">
        <v>0</v>
      </c>
      <c r="LP26" s="344">
        <v>0</v>
      </c>
      <c r="LQ26" s="344">
        <v>0</v>
      </c>
      <c r="LR26" s="344">
        <v>0</v>
      </c>
      <c r="LS26" s="348">
        <v>0</v>
      </c>
      <c r="LT26" s="346">
        <v>0</v>
      </c>
      <c r="LU26" s="347">
        <v>0</v>
      </c>
      <c r="LV26" s="344">
        <v>0</v>
      </c>
      <c r="LW26" s="348">
        <v>0</v>
      </c>
      <c r="LX26" s="412">
        <v>0</v>
      </c>
      <c r="LY26" s="344">
        <v>289482</v>
      </c>
      <c r="LZ26" s="344">
        <v>480985</v>
      </c>
      <c r="MA26" s="344">
        <v>817136</v>
      </c>
      <c r="MB26" s="344">
        <v>623630</v>
      </c>
      <c r="MC26" s="344">
        <v>1676553</v>
      </c>
      <c r="MD26" s="348">
        <v>3887786</v>
      </c>
      <c r="ME26" s="349">
        <v>3887786</v>
      </c>
      <c r="MF26" s="347">
        <v>0</v>
      </c>
      <c r="MG26" s="344">
        <v>0</v>
      </c>
      <c r="MH26" s="348">
        <v>0</v>
      </c>
      <c r="MI26" s="412">
        <v>0</v>
      </c>
      <c r="MJ26" s="344">
        <v>6189717</v>
      </c>
      <c r="MK26" s="344">
        <v>11622641</v>
      </c>
      <c r="ML26" s="344">
        <v>58800359</v>
      </c>
      <c r="MM26" s="344">
        <v>74735056</v>
      </c>
      <c r="MN26" s="344">
        <v>56902472</v>
      </c>
      <c r="MO26" s="348">
        <v>208250245</v>
      </c>
      <c r="MP26" s="353">
        <v>208250245</v>
      </c>
      <c r="MQ26" s="347">
        <v>0</v>
      </c>
      <c r="MR26" s="344">
        <v>0</v>
      </c>
      <c r="MS26" s="348">
        <v>0</v>
      </c>
      <c r="MT26" s="412">
        <v>0</v>
      </c>
      <c r="MU26" s="344">
        <v>982241</v>
      </c>
      <c r="MV26" s="344">
        <v>3289591</v>
      </c>
      <c r="MW26" s="344">
        <v>45684105</v>
      </c>
      <c r="MX26" s="344">
        <v>55013311</v>
      </c>
      <c r="MY26" s="344">
        <v>42280985</v>
      </c>
      <c r="MZ26" s="348">
        <v>147250233</v>
      </c>
      <c r="NA26" s="353">
        <v>147250233</v>
      </c>
      <c r="NB26" s="347">
        <v>0</v>
      </c>
      <c r="NC26" s="344">
        <v>0</v>
      </c>
      <c r="ND26" s="348">
        <v>0</v>
      </c>
      <c r="NE26" s="412">
        <v>0</v>
      </c>
      <c r="NF26" s="344">
        <v>5207476</v>
      </c>
      <c r="NG26" s="344">
        <v>8333050</v>
      </c>
      <c r="NH26" s="344">
        <v>12408695</v>
      </c>
      <c r="NI26" s="344">
        <v>15792532</v>
      </c>
      <c r="NJ26" s="344">
        <v>6501417</v>
      </c>
      <c r="NK26" s="348">
        <v>48243170</v>
      </c>
      <c r="NL26" s="346">
        <v>48243170</v>
      </c>
      <c r="NM26" s="347">
        <v>0</v>
      </c>
      <c r="NN26" s="344">
        <v>0</v>
      </c>
      <c r="NO26" s="348">
        <v>0</v>
      </c>
      <c r="NP26" s="412">
        <v>0</v>
      </c>
      <c r="NQ26" s="344">
        <v>0</v>
      </c>
      <c r="NR26" s="344">
        <v>0</v>
      </c>
      <c r="NS26" s="344">
        <v>0</v>
      </c>
      <c r="NT26" s="344">
        <v>0</v>
      </c>
      <c r="NU26" s="344">
        <v>1366897</v>
      </c>
      <c r="NV26" s="348">
        <v>1366897</v>
      </c>
      <c r="NW26" s="349">
        <v>1366897</v>
      </c>
      <c r="NX26" s="347">
        <v>0</v>
      </c>
      <c r="NY26" s="344">
        <v>0</v>
      </c>
      <c r="NZ26" s="348">
        <v>0</v>
      </c>
      <c r="OA26" s="412">
        <v>0</v>
      </c>
      <c r="OB26" s="344">
        <v>0</v>
      </c>
      <c r="OC26" s="344">
        <v>0</v>
      </c>
      <c r="OD26" s="344">
        <v>707559</v>
      </c>
      <c r="OE26" s="344">
        <v>3929213</v>
      </c>
      <c r="OF26" s="344">
        <v>6753173</v>
      </c>
      <c r="OG26" s="348">
        <v>11389945</v>
      </c>
      <c r="OH26" s="349">
        <v>11389945</v>
      </c>
      <c r="OI26" s="347">
        <v>6861165</v>
      </c>
      <c r="OJ26" s="344">
        <v>12925365</v>
      </c>
      <c r="OK26" s="345">
        <v>19786530</v>
      </c>
      <c r="OL26" s="350">
        <v>0</v>
      </c>
      <c r="OM26" s="344">
        <v>97953133</v>
      </c>
      <c r="ON26" s="344">
        <v>141694183</v>
      </c>
      <c r="OO26" s="344">
        <v>182495525</v>
      </c>
      <c r="OP26" s="344">
        <v>162571322</v>
      </c>
      <c r="OQ26" s="344">
        <v>123390832</v>
      </c>
      <c r="OR26" s="348">
        <v>708104995</v>
      </c>
      <c r="OS26" s="353">
        <v>727891525</v>
      </c>
    </row>
    <row r="27" spans="2:409" s="70" customFormat="1" ht="21" customHeight="1" x14ac:dyDescent="0.2">
      <c r="B27" s="409" t="s">
        <v>22</v>
      </c>
      <c r="C27" s="325">
        <v>1562102</v>
      </c>
      <c r="D27" s="326">
        <v>3918956</v>
      </c>
      <c r="E27" s="327">
        <v>5481058</v>
      </c>
      <c r="F27" s="328">
        <v>0</v>
      </c>
      <c r="G27" s="326">
        <v>25251301</v>
      </c>
      <c r="H27" s="326">
        <v>32207116</v>
      </c>
      <c r="I27" s="326">
        <v>24728988</v>
      </c>
      <c r="J27" s="326">
        <v>25116203</v>
      </c>
      <c r="K27" s="326">
        <v>21496392</v>
      </c>
      <c r="L27" s="366">
        <v>128800000</v>
      </c>
      <c r="M27" s="329">
        <v>134281058</v>
      </c>
      <c r="N27" s="325">
        <v>293285</v>
      </c>
      <c r="O27" s="326">
        <v>582032</v>
      </c>
      <c r="P27" s="327">
        <v>875317</v>
      </c>
      <c r="Q27" s="325">
        <v>0</v>
      </c>
      <c r="R27" s="326">
        <v>5441185</v>
      </c>
      <c r="S27" s="326">
        <v>7843860</v>
      </c>
      <c r="T27" s="326">
        <v>4553507</v>
      </c>
      <c r="U27" s="326">
        <v>8568375</v>
      </c>
      <c r="V27" s="326">
        <v>12020507</v>
      </c>
      <c r="W27" s="327">
        <v>38427434</v>
      </c>
      <c r="X27" s="329">
        <v>39302751</v>
      </c>
      <c r="Y27" s="325">
        <v>0</v>
      </c>
      <c r="Z27" s="326">
        <v>0</v>
      </c>
      <c r="AA27" s="327">
        <v>0</v>
      </c>
      <c r="AB27" s="325">
        <v>0</v>
      </c>
      <c r="AC27" s="326">
        <v>2132121</v>
      </c>
      <c r="AD27" s="326">
        <v>3788046</v>
      </c>
      <c r="AE27" s="326">
        <v>2008714</v>
      </c>
      <c r="AF27" s="326">
        <v>4566486</v>
      </c>
      <c r="AG27" s="326">
        <v>7069197</v>
      </c>
      <c r="AH27" s="327">
        <v>19564564</v>
      </c>
      <c r="AI27" s="329">
        <v>19564564</v>
      </c>
      <c r="AJ27" s="325">
        <v>0</v>
      </c>
      <c r="AK27" s="326">
        <v>0</v>
      </c>
      <c r="AL27" s="327">
        <v>0</v>
      </c>
      <c r="AM27" s="325">
        <v>0</v>
      </c>
      <c r="AN27" s="326">
        <v>186390</v>
      </c>
      <c r="AO27" s="326">
        <v>127152</v>
      </c>
      <c r="AP27" s="326">
        <v>62766</v>
      </c>
      <c r="AQ27" s="326">
        <v>751095</v>
      </c>
      <c r="AR27" s="326">
        <v>1503058</v>
      </c>
      <c r="AS27" s="327">
        <v>2630461</v>
      </c>
      <c r="AT27" s="329">
        <v>2630461</v>
      </c>
      <c r="AU27" s="325">
        <v>168344</v>
      </c>
      <c r="AV27" s="326">
        <v>489908</v>
      </c>
      <c r="AW27" s="327">
        <v>658252</v>
      </c>
      <c r="AX27" s="325">
        <v>0</v>
      </c>
      <c r="AY27" s="326">
        <v>1881486</v>
      </c>
      <c r="AZ27" s="326">
        <v>2363017</v>
      </c>
      <c r="BA27" s="326">
        <v>1507853</v>
      </c>
      <c r="BB27" s="326">
        <v>2074494</v>
      </c>
      <c r="BC27" s="326">
        <v>2664052</v>
      </c>
      <c r="BD27" s="327">
        <v>10490902</v>
      </c>
      <c r="BE27" s="329">
        <v>11149154</v>
      </c>
      <c r="BF27" s="325">
        <v>30048</v>
      </c>
      <c r="BG27" s="326">
        <v>33264</v>
      </c>
      <c r="BH27" s="330">
        <v>63312</v>
      </c>
      <c r="BI27" s="331">
        <v>0</v>
      </c>
      <c r="BJ27" s="326">
        <v>392276</v>
      </c>
      <c r="BK27" s="326">
        <v>456258</v>
      </c>
      <c r="BL27" s="326">
        <v>86492</v>
      </c>
      <c r="BM27" s="326">
        <v>217089</v>
      </c>
      <c r="BN27" s="326">
        <v>101567</v>
      </c>
      <c r="BO27" s="327">
        <v>1253682</v>
      </c>
      <c r="BP27" s="329">
        <v>1316994</v>
      </c>
      <c r="BQ27" s="325">
        <v>94893</v>
      </c>
      <c r="BR27" s="326">
        <v>58860</v>
      </c>
      <c r="BS27" s="327">
        <v>153753</v>
      </c>
      <c r="BT27" s="325">
        <v>0</v>
      </c>
      <c r="BU27" s="326">
        <v>848912</v>
      </c>
      <c r="BV27" s="326">
        <v>1109387</v>
      </c>
      <c r="BW27" s="326">
        <v>887682</v>
      </c>
      <c r="BX27" s="326">
        <v>959211</v>
      </c>
      <c r="BY27" s="326">
        <v>682633</v>
      </c>
      <c r="BZ27" s="327">
        <v>4487825</v>
      </c>
      <c r="CA27" s="329">
        <v>4641578</v>
      </c>
      <c r="CB27" s="325">
        <v>134444</v>
      </c>
      <c r="CC27" s="326">
        <v>316258</v>
      </c>
      <c r="CD27" s="327">
        <v>450702</v>
      </c>
      <c r="CE27" s="325">
        <v>0</v>
      </c>
      <c r="CF27" s="326">
        <v>6741920</v>
      </c>
      <c r="CG27" s="326">
        <v>9907326</v>
      </c>
      <c r="CH27" s="326">
        <v>8590805</v>
      </c>
      <c r="CI27" s="326">
        <v>4280780</v>
      </c>
      <c r="CJ27" s="326">
        <v>2409578</v>
      </c>
      <c r="CK27" s="327">
        <v>31930409</v>
      </c>
      <c r="CL27" s="329">
        <v>32381111</v>
      </c>
      <c r="CM27" s="325">
        <v>0</v>
      </c>
      <c r="CN27" s="326">
        <v>0</v>
      </c>
      <c r="CO27" s="327">
        <v>0</v>
      </c>
      <c r="CP27" s="331">
        <v>0</v>
      </c>
      <c r="CQ27" s="326">
        <v>5803197</v>
      </c>
      <c r="CR27" s="326">
        <v>7693561</v>
      </c>
      <c r="CS27" s="326">
        <v>7565939</v>
      </c>
      <c r="CT27" s="326">
        <v>2939421</v>
      </c>
      <c r="CU27" s="326">
        <v>2061729</v>
      </c>
      <c r="CV27" s="327">
        <v>26063847</v>
      </c>
      <c r="CW27" s="329">
        <v>26063847</v>
      </c>
      <c r="CX27" s="325">
        <v>134444</v>
      </c>
      <c r="CY27" s="326">
        <v>316258</v>
      </c>
      <c r="CZ27" s="327">
        <v>450702</v>
      </c>
      <c r="DA27" s="325">
        <v>0</v>
      </c>
      <c r="DB27" s="326">
        <v>938723</v>
      </c>
      <c r="DC27" s="326">
        <v>2213765</v>
      </c>
      <c r="DD27" s="326">
        <v>1024866</v>
      </c>
      <c r="DE27" s="326">
        <v>1341359</v>
      </c>
      <c r="DF27" s="326">
        <v>347849</v>
      </c>
      <c r="DG27" s="327">
        <v>5866562</v>
      </c>
      <c r="DH27" s="329">
        <v>6317264</v>
      </c>
      <c r="DI27" s="325">
        <v>0</v>
      </c>
      <c r="DJ27" s="326">
        <v>56884</v>
      </c>
      <c r="DK27" s="330">
        <v>56884</v>
      </c>
      <c r="DL27" s="331">
        <v>0</v>
      </c>
      <c r="DM27" s="326">
        <v>614416</v>
      </c>
      <c r="DN27" s="326">
        <v>1312738</v>
      </c>
      <c r="DO27" s="326">
        <v>2413240</v>
      </c>
      <c r="DP27" s="326">
        <v>2147291</v>
      </c>
      <c r="DQ27" s="326">
        <v>1184438</v>
      </c>
      <c r="DR27" s="327">
        <v>7672123</v>
      </c>
      <c r="DS27" s="329">
        <v>7729007</v>
      </c>
      <c r="DT27" s="325">
        <v>0</v>
      </c>
      <c r="DU27" s="326">
        <v>56884</v>
      </c>
      <c r="DV27" s="327">
        <v>56884</v>
      </c>
      <c r="DW27" s="325">
        <v>0</v>
      </c>
      <c r="DX27" s="326">
        <v>433360</v>
      </c>
      <c r="DY27" s="326">
        <v>1186216</v>
      </c>
      <c r="DZ27" s="326">
        <v>2141881</v>
      </c>
      <c r="EA27" s="326">
        <v>1594722</v>
      </c>
      <c r="EB27" s="326">
        <v>911473</v>
      </c>
      <c r="EC27" s="327">
        <v>6267652</v>
      </c>
      <c r="ED27" s="329">
        <v>6324536</v>
      </c>
      <c r="EE27" s="325">
        <v>0</v>
      </c>
      <c r="EF27" s="330">
        <v>0</v>
      </c>
      <c r="EG27" s="327">
        <v>0</v>
      </c>
      <c r="EH27" s="325">
        <v>0</v>
      </c>
      <c r="EI27" s="326">
        <v>181056</v>
      </c>
      <c r="EJ27" s="326">
        <v>126522</v>
      </c>
      <c r="EK27" s="326">
        <v>271359</v>
      </c>
      <c r="EL27" s="326">
        <v>552569</v>
      </c>
      <c r="EM27" s="326">
        <v>272965</v>
      </c>
      <c r="EN27" s="330">
        <v>1404471</v>
      </c>
      <c r="EO27" s="329">
        <v>1404471</v>
      </c>
      <c r="EP27" s="325">
        <v>0</v>
      </c>
      <c r="EQ27" s="326">
        <v>0</v>
      </c>
      <c r="ER27" s="330">
        <v>0</v>
      </c>
      <c r="ES27" s="331">
        <v>0</v>
      </c>
      <c r="ET27" s="326">
        <v>0</v>
      </c>
      <c r="EU27" s="326">
        <v>0</v>
      </c>
      <c r="EV27" s="326">
        <v>0</v>
      </c>
      <c r="EW27" s="326">
        <v>0</v>
      </c>
      <c r="EX27" s="326">
        <v>0</v>
      </c>
      <c r="EY27" s="327">
        <v>0</v>
      </c>
      <c r="EZ27" s="329">
        <v>0</v>
      </c>
      <c r="FA27" s="325">
        <v>0</v>
      </c>
      <c r="FB27" s="326">
        <v>0</v>
      </c>
      <c r="FC27" s="330">
        <v>0</v>
      </c>
      <c r="FD27" s="331">
        <v>0</v>
      </c>
      <c r="FE27" s="326">
        <v>0</v>
      </c>
      <c r="FF27" s="326">
        <v>0</v>
      </c>
      <c r="FG27" s="326">
        <v>0</v>
      </c>
      <c r="FH27" s="326">
        <v>0</v>
      </c>
      <c r="FI27" s="326">
        <v>0</v>
      </c>
      <c r="FJ27" s="327">
        <v>0</v>
      </c>
      <c r="FK27" s="329">
        <v>0</v>
      </c>
      <c r="FL27" s="325">
        <v>505291</v>
      </c>
      <c r="FM27" s="326">
        <v>1474250</v>
      </c>
      <c r="FN27" s="327">
        <v>1979541</v>
      </c>
      <c r="FO27" s="325">
        <v>0</v>
      </c>
      <c r="FP27" s="326">
        <v>2151714</v>
      </c>
      <c r="FQ27" s="326">
        <v>3335492</v>
      </c>
      <c r="FR27" s="326">
        <v>2210277</v>
      </c>
      <c r="FS27" s="326">
        <v>2320108</v>
      </c>
      <c r="FT27" s="326">
        <v>1589678</v>
      </c>
      <c r="FU27" s="327">
        <v>11607269</v>
      </c>
      <c r="FV27" s="329">
        <v>13586810</v>
      </c>
      <c r="FW27" s="332">
        <v>293125</v>
      </c>
      <c r="FX27" s="326">
        <v>1079866</v>
      </c>
      <c r="FY27" s="330">
        <v>1372991</v>
      </c>
      <c r="FZ27" s="331">
        <v>0</v>
      </c>
      <c r="GA27" s="326">
        <v>1714206</v>
      </c>
      <c r="GB27" s="326">
        <v>3066700</v>
      </c>
      <c r="GC27" s="326">
        <v>2073457</v>
      </c>
      <c r="GD27" s="326">
        <v>2257738</v>
      </c>
      <c r="GE27" s="326">
        <v>1589678</v>
      </c>
      <c r="GF27" s="327">
        <v>10701779</v>
      </c>
      <c r="GG27" s="333">
        <v>12074770</v>
      </c>
      <c r="GH27" s="332">
        <v>59796</v>
      </c>
      <c r="GI27" s="326">
        <v>30393</v>
      </c>
      <c r="GJ27" s="330">
        <v>90189</v>
      </c>
      <c r="GK27" s="331">
        <v>0</v>
      </c>
      <c r="GL27" s="326">
        <v>83898</v>
      </c>
      <c r="GM27" s="326">
        <v>86292</v>
      </c>
      <c r="GN27" s="326">
        <v>51120</v>
      </c>
      <c r="GO27" s="326">
        <v>62370</v>
      </c>
      <c r="GP27" s="326">
        <v>0</v>
      </c>
      <c r="GQ27" s="327">
        <v>283680</v>
      </c>
      <c r="GR27" s="329">
        <v>373869</v>
      </c>
      <c r="GS27" s="325">
        <v>152370</v>
      </c>
      <c r="GT27" s="326">
        <v>363991</v>
      </c>
      <c r="GU27" s="327">
        <v>516361</v>
      </c>
      <c r="GV27" s="325">
        <v>0</v>
      </c>
      <c r="GW27" s="326">
        <v>353610</v>
      </c>
      <c r="GX27" s="326">
        <v>182500</v>
      </c>
      <c r="GY27" s="326">
        <v>85700</v>
      </c>
      <c r="GZ27" s="326">
        <v>0</v>
      </c>
      <c r="HA27" s="326">
        <v>0</v>
      </c>
      <c r="HB27" s="330">
        <v>621810</v>
      </c>
      <c r="HC27" s="329">
        <v>1138171</v>
      </c>
      <c r="HD27" s="325">
        <v>300342</v>
      </c>
      <c r="HE27" s="326">
        <v>706229</v>
      </c>
      <c r="HF27" s="330">
        <v>1006571</v>
      </c>
      <c r="HG27" s="331">
        <v>0</v>
      </c>
      <c r="HH27" s="326">
        <v>5741834</v>
      </c>
      <c r="HI27" s="326">
        <v>5257884</v>
      </c>
      <c r="HJ27" s="326">
        <v>4045104</v>
      </c>
      <c r="HK27" s="326">
        <v>5796802</v>
      </c>
      <c r="HL27" s="326">
        <v>3008535</v>
      </c>
      <c r="HM27" s="327">
        <v>23850159</v>
      </c>
      <c r="HN27" s="328">
        <v>24856730</v>
      </c>
      <c r="HO27" s="332">
        <v>328740</v>
      </c>
      <c r="HP27" s="326">
        <v>783303</v>
      </c>
      <c r="HQ27" s="327">
        <v>1112043</v>
      </c>
      <c r="HR27" s="325">
        <v>0</v>
      </c>
      <c r="HS27" s="326">
        <v>4560232</v>
      </c>
      <c r="HT27" s="326">
        <v>4549816</v>
      </c>
      <c r="HU27" s="326">
        <v>2916055</v>
      </c>
      <c r="HV27" s="326">
        <v>2002847</v>
      </c>
      <c r="HW27" s="326">
        <v>1283656</v>
      </c>
      <c r="HX27" s="330">
        <v>15312606</v>
      </c>
      <c r="HY27" s="329">
        <v>16424649</v>
      </c>
      <c r="HZ27" s="334">
        <v>190782</v>
      </c>
      <c r="IA27" s="335">
        <v>320922</v>
      </c>
      <c r="IB27" s="336">
        <v>511704</v>
      </c>
      <c r="IC27" s="337">
        <v>0</v>
      </c>
      <c r="ID27" s="335">
        <v>10464792</v>
      </c>
      <c r="IE27" s="338">
        <v>16840424</v>
      </c>
      <c r="IF27" s="336">
        <v>15555701</v>
      </c>
      <c r="IG27" s="335">
        <v>13190575</v>
      </c>
      <c r="IH27" s="336">
        <v>6703863</v>
      </c>
      <c r="II27" s="339">
        <v>62755355</v>
      </c>
      <c r="IJ27" s="340">
        <v>63267059</v>
      </c>
      <c r="IK27" s="341">
        <v>0</v>
      </c>
      <c r="IL27" s="342">
        <v>0</v>
      </c>
      <c r="IM27" s="343">
        <v>0</v>
      </c>
      <c r="IN27" s="403">
        <v>0</v>
      </c>
      <c r="IO27" s="344">
        <v>0</v>
      </c>
      <c r="IP27" s="344">
        <v>667159</v>
      </c>
      <c r="IQ27" s="344">
        <v>966485</v>
      </c>
      <c r="IR27" s="344">
        <v>602919</v>
      </c>
      <c r="IS27" s="344">
        <v>0</v>
      </c>
      <c r="IT27" s="345">
        <v>2236563</v>
      </c>
      <c r="IU27" s="346">
        <v>2236563</v>
      </c>
      <c r="IV27" s="347">
        <v>0</v>
      </c>
      <c r="IW27" s="344">
        <v>0</v>
      </c>
      <c r="IX27" s="348">
        <v>0</v>
      </c>
      <c r="IY27" s="412">
        <v>0</v>
      </c>
      <c r="IZ27" s="344">
        <v>0</v>
      </c>
      <c r="JA27" s="344">
        <v>0</v>
      </c>
      <c r="JB27" s="344">
        <v>0</v>
      </c>
      <c r="JC27" s="344">
        <v>0</v>
      </c>
      <c r="JD27" s="344">
        <v>0</v>
      </c>
      <c r="JE27" s="348">
        <v>0</v>
      </c>
      <c r="JF27" s="349">
        <v>0</v>
      </c>
      <c r="JG27" s="347">
        <v>0</v>
      </c>
      <c r="JH27" s="344">
        <v>0</v>
      </c>
      <c r="JI27" s="345">
        <v>0</v>
      </c>
      <c r="JJ27" s="350">
        <v>0</v>
      </c>
      <c r="JK27" s="344">
        <v>5396496</v>
      </c>
      <c r="JL27" s="344">
        <v>6992342</v>
      </c>
      <c r="JM27" s="344">
        <v>5295212</v>
      </c>
      <c r="JN27" s="344">
        <v>3026368</v>
      </c>
      <c r="JO27" s="344">
        <v>576501</v>
      </c>
      <c r="JP27" s="348">
        <v>21286919</v>
      </c>
      <c r="JQ27" s="346">
        <v>21286919</v>
      </c>
      <c r="JR27" s="347">
        <v>0</v>
      </c>
      <c r="JS27" s="344">
        <v>0</v>
      </c>
      <c r="JT27" s="345">
        <v>0</v>
      </c>
      <c r="JU27" s="350">
        <v>0</v>
      </c>
      <c r="JV27" s="344">
        <v>95094</v>
      </c>
      <c r="JW27" s="344">
        <v>90621</v>
      </c>
      <c r="JX27" s="344">
        <v>868920</v>
      </c>
      <c r="JY27" s="344">
        <v>343134</v>
      </c>
      <c r="JZ27" s="344">
        <v>160857</v>
      </c>
      <c r="KA27" s="348">
        <v>1558626</v>
      </c>
      <c r="KB27" s="346">
        <v>1558626</v>
      </c>
      <c r="KC27" s="351">
        <v>190782</v>
      </c>
      <c r="KD27" s="352">
        <v>320922</v>
      </c>
      <c r="KE27" s="348">
        <v>511704</v>
      </c>
      <c r="KF27" s="350">
        <v>0</v>
      </c>
      <c r="KG27" s="344">
        <v>2643047</v>
      </c>
      <c r="KH27" s="344">
        <v>4231703</v>
      </c>
      <c r="KI27" s="344">
        <v>2285012</v>
      </c>
      <c r="KJ27" s="344">
        <v>2540457</v>
      </c>
      <c r="KK27" s="344">
        <v>1433070</v>
      </c>
      <c r="KL27" s="348">
        <v>13133289</v>
      </c>
      <c r="KM27" s="353">
        <v>13644993</v>
      </c>
      <c r="KN27" s="341">
        <v>0</v>
      </c>
      <c r="KO27" s="342">
        <v>0</v>
      </c>
      <c r="KP27" s="343">
        <v>0</v>
      </c>
      <c r="KQ27" s="412">
        <v>0</v>
      </c>
      <c r="KR27" s="344">
        <v>2330155</v>
      </c>
      <c r="KS27" s="344">
        <v>4621260</v>
      </c>
      <c r="KT27" s="344">
        <v>4602802</v>
      </c>
      <c r="KU27" s="344">
        <v>3392074</v>
      </c>
      <c r="KV27" s="344">
        <v>1141074</v>
      </c>
      <c r="KW27" s="348">
        <v>16087365</v>
      </c>
      <c r="KX27" s="346">
        <v>16087365</v>
      </c>
      <c r="KY27" s="347">
        <v>0</v>
      </c>
      <c r="KZ27" s="344">
        <v>0</v>
      </c>
      <c r="LA27" s="348">
        <v>0</v>
      </c>
      <c r="LB27" s="412">
        <v>0</v>
      </c>
      <c r="LC27" s="344">
        <v>0</v>
      </c>
      <c r="LD27" s="344">
        <v>0</v>
      </c>
      <c r="LE27" s="344">
        <v>0</v>
      </c>
      <c r="LF27" s="344">
        <v>0</v>
      </c>
      <c r="LG27" s="344">
        <v>0</v>
      </c>
      <c r="LH27" s="348">
        <v>0</v>
      </c>
      <c r="LI27" s="349">
        <v>0</v>
      </c>
      <c r="LJ27" s="347">
        <v>0</v>
      </c>
      <c r="LK27" s="344">
        <v>0</v>
      </c>
      <c r="LL27" s="348">
        <v>0</v>
      </c>
      <c r="LM27" s="412">
        <v>0</v>
      </c>
      <c r="LN27" s="344">
        <v>0</v>
      </c>
      <c r="LO27" s="344">
        <v>237339</v>
      </c>
      <c r="LP27" s="344">
        <v>1537270</v>
      </c>
      <c r="LQ27" s="344">
        <v>3285623</v>
      </c>
      <c r="LR27" s="344">
        <v>3392361</v>
      </c>
      <c r="LS27" s="348">
        <v>8452593</v>
      </c>
      <c r="LT27" s="346">
        <v>8452593</v>
      </c>
      <c r="LU27" s="347">
        <v>0</v>
      </c>
      <c r="LV27" s="344">
        <v>0</v>
      </c>
      <c r="LW27" s="348">
        <v>0</v>
      </c>
      <c r="LX27" s="412">
        <v>0</v>
      </c>
      <c r="LY27" s="344">
        <v>0</v>
      </c>
      <c r="LZ27" s="344">
        <v>0</v>
      </c>
      <c r="MA27" s="344">
        <v>0</v>
      </c>
      <c r="MB27" s="344">
        <v>0</v>
      </c>
      <c r="MC27" s="344">
        <v>0</v>
      </c>
      <c r="MD27" s="348">
        <v>0</v>
      </c>
      <c r="ME27" s="349">
        <v>0</v>
      </c>
      <c r="MF27" s="347">
        <v>0</v>
      </c>
      <c r="MG27" s="344">
        <v>0</v>
      </c>
      <c r="MH27" s="348">
        <v>0</v>
      </c>
      <c r="MI27" s="412">
        <v>0</v>
      </c>
      <c r="MJ27" s="344">
        <v>3559851</v>
      </c>
      <c r="MK27" s="344">
        <v>8191312</v>
      </c>
      <c r="ML27" s="344">
        <v>19702687</v>
      </c>
      <c r="MM27" s="344">
        <v>33171652</v>
      </c>
      <c r="MN27" s="344">
        <v>18090655</v>
      </c>
      <c r="MO27" s="348">
        <v>82716157</v>
      </c>
      <c r="MP27" s="353">
        <v>82716157</v>
      </c>
      <c r="MQ27" s="347">
        <v>0</v>
      </c>
      <c r="MR27" s="344">
        <v>0</v>
      </c>
      <c r="MS27" s="348">
        <v>0</v>
      </c>
      <c r="MT27" s="412">
        <v>0</v>
      </c>
      <c r="MU27" s="344">
        <v>458501</v>
      </c>
      <c r="MV27" s="344">
        <v>1784490</v>
      </c>
      <c r="MW27" s="344">
        <v>12550533</v>
      </c>
      <c r="MX27" s="344">
        <v>16740519</v>
      </c>
      <c r="MY27" s="344">
        <v>9921587</v>
      </c>
      <c r="MZ27" s="348">
        <v>41455630</v>
      </c>
      <c r="NA27" s="353">
        <v>41455630</v>
      </c>
      <c r="NB27" s="347">
        <v>0</v>
      </c>
      <c r="NC27" s="344">
        <v>0</v>
      </c>
      <c r="ND27" s="348">
        <v>0</v>
      </c>
      <c r="NE27" s="412">
        <v>0</v>
      </c>
      <c r="NF27" s="344">
        <v>3101350</v>
      </c>
      <c r="NG27" s="344">
        <v>6406822</v>
      </c>
      <c r="NH27" s="344">
        <v>6737263</v>
      </c>
      <c r="NI27" s="344">
        <v>14163950</v>
      </c>
      <c r="NJ27" s="344">
        <v>6865248</v>
      </c>
      <c r="NK27" s="348">
        <v>37274633</v>
      </c>
      <c r="NL27" s="346">
        <v>37274633</v>
      </c>
      <c r="NM27" s="347">
        <v>0</v>
      </c>
      <c r="NN27" s="344">
        <v>0</v>
      </c>
      <c r="NO27" s="348">
        <v>0</v>
      </c>
      <c r="NP27" s="412">
        <v>0</v>
      </c>
      <c r="NQ27" s="344">
        <v>0</v>
      </c>
      <c r="NR27" s="344">
        <v>0</v>
      </c>
      <c r="NS27" s="344">
        <v>0</v>
      </c>
      <c r="NT27" s="344">
        <v>0</v>
      </c>
      <c r="NU27" s="344">
        <v>0</v>
      </c>
      <c r="NV27" s="348">
        <v>0</v>
      </c>
      <c r="NW27" s="349">
        <v>0</v>
      </c>
      <c r="NX27" s="347">
        <v>0</v>
      </c>
      <c r="NY27" s="344">
        <v>0</v>
      </c>
      <c r="NZ27" s="348">
        <v>0</v>
      </c>
      <c r="OA27" s="412">
        <v>0</v>
      </c>
      <c r="OB27" s="344">
        <v>0</v>
      </c>
      <c r="OC27" s="344">
        <v>0</v>
      </c>
      <c r="OD27" s="344">
        <v>414891</v>
      </c>
      <c r="OE27" s="344">
        <v>2267183</v>
      </c>
      <c r="OF27" s="344">
        <v>1303820</v>
      </c>
      <c r="OG27" s="348">
        <v>3985894</v>
      </c>
      <c r="OH27" s="349">
        <v>3985894</v>
      </c>
      <c r="OI27" s="347">
        <v>1752884</v>
      </c>
      <c r="OJ27" s="344">
        <v>4239878</v>
      </c>
      <c r="OK27" s="345">
        <v>5992762</v>
      </c>
      <c r="OL27" s="350">
        <v>0</v>
      </c>
      <c r="OM27" s="344">
        <v>39275944</v>
      </c>
      <c r="ON27" s="344">
        <v>57238852</v>
      </c>
      <c r="OO27" s="344">
        <v>59987376</v>
      </c>
      <c r="OP27" s="344">
        <v>71478430</v>
      </c>
      <c r="OQ27" s="344">
        <v>46290910</v>
      </c>
      <c r="OR27" s="348">
        <v>274271512</v>
      </c>
      <c r="OS27" s="353">
        <v>280264274</v>
      </c>
    </row>
    <row r="28" spans="2:409" s="70" customFormat="1" ht="21" customHeight="1" x14ac:dyDescent="0.2">
      <c r="B28" s="409" t="s">
        <v>23</v>
      </c>
      <c r="C28" s="325">
        <v>3631325</v>
      </c>
      <c r="D28" s="326">
        <v>7394831</v>
      </c>
      <c r="E28" s="327">
        <v>11026156</v>
      </c>
      <c r="F28" s="328">
        <v>0</v>
      </c>
      <c r="G28" s="326">
        <v>52835224</v>
      </c>
      <c r="H28" s="326">
        <v>65013477</v>
      </c>
      <c r="I28" s="326">
        <v>50962798</v>
      </c>
      <c r="J28" s="326">
        <v>51240096</v>
      </c>
      <c r="K28" s="326">
        <v>32913131</v>
      </c>
      <c r="L28" s="366">
        <v>252964726</v>
      </c>
      <c r="M28" s="329">
        <v>263990882</v>
      </c>
      <c r="N28" s="325">
        <v>1103124</v>
      </c>
      <c r="O28" s="326">
        <v>2697986</v>
      </c>
      <c r="P28" s="327">
        <v>3801110</v>
      </c>
      <c r="Q28" s="325">
        <v>0</v>
      </c>
      <c r="R28" s="326">
        <v>12568060</v>
      </c>
      <c r="S28" s="326">
        <v>17805526</v>
      </c>
      <c r="T28" s="326">
        <v>13889381</v>
      </c>
      <c r="U28" s="326">
        <v>17129075</v>
      </c>
      <c r="V28" s="326">
        <v>14372347</v>
      </c>
      <c r="W28" s="327">
        <v>75764389</v>
      </c>
      <c r="X28" s="329">
        <v>79565499</v>
      </c>
      <c r="Y28" s="325">
        <v>0</v>
      </c>
      <c r="Z28" s="326">
        <v>0</v>
      </c>
      <c r="AA28" s="327">
        <v>0</v>
      </c>
      <c r="AB28" s="325">
        <v>0</v>
      </c>
      <c r="AC28" s="326">
        <v>5584400</v>
      </c>
      <c r="AD28" s="326">
        <v>7610510</v>
      </c>
      <c r="AE28" s="326">
        <v>7159790</v>
      </c>
      <c r="AF28" s="326">
        <v>9348515</v>
      </c>
      <c r="AG28" s="326">
        <v>8941351</v>
      </c>
      <c r="AH28" s="327">
        <v>38644566</v>
      </c>
      <c r="AI28" s="329">
        <v>38644566</v>
      </c>
      <c r="AJ28" s="325">
        <v>0</v>
      </c>
      <c r="AK28" s="326">
        <v>0</v>
      </c>
      <c r="AL28" s="327">
        <v>0</v>
      </c>
      <c r="AM28" s="325">
        <v>0</v>
      </c>
      <c r="AN28" s="326">
        <v>15031</v>
      </c>
      <c r="AO28" s="326">
        <v>279483</v>
      </c>
      <c r="AP28" s="326">
        <v>214594</v>
      </c>
      <c r="AQ28" s="326">
        <v>1118985</v>
      </c>
      <c r="AR28" s="326">
        <v>1387493</v>
      </c>
      <c r="AS28" s="327">
        <v>3015586</v>
      </c>
      <c r="AT28" s="329">
        <v>3015586</v>
      </c>
      <c r="AU28" s="325">
        <v>762065</v>
      </c>
      <c r="AV28" s="326">
        <v>1836189</v>
      </c>
      <c r="AW28" s="327">
        <v>2598254</v>
      </c>
      <c r="AX28" s="325">
        <v>0</v>
      </c>
      <c r="AY28" s="326">
        <v>4007965</v>
      </c>
      <c r="AZ28" s="326">
        <v>6616812</v>
      </c>
      <c r="BA28" s="326">
        <v>3788528</v>
      </c>
      <c r="BB28" s="326">
        <v>3715111</v>
      </c>
      <c r="BC28" s="326">
        <v>2174167</v>
      </c>
      <c r="BD28" s="327">
        <v>20302583</v>
      </c>
      <c r="BE28" s="329">
        <v>22900837</v>
      </c>
      <c r="BF28" s="325">
        <v>118687</v>
      </c>
      <c r="BG28" s="326">
        <v>705341</v>
      </c>
      <c r="BH28" s="330">
        <v>824028</v>
      </c>
      <c r="BI28" s="331">
        <v>0</v>
      </c>
      <c r="BJ28" s="326">
        <v>350933</v>
      </c>
      <c r="BK28" s="326">
        <v>739207</v>
      </c>
      <c r="BL28" s="326">
        <v>450848</v>
      </c>
      <c r="BM28" s="326">
        <v>309939</v>
      </c>
      <c r="BN28" s="326">
        <v>148052</v>
      </c>
      <c r="BO28" s="327">
        <v>1998979</v>
      </c>
      <c r="BP28" s="329">
        <v>2823007</v>
      </c>
      <c r="BQ28" s="325">
        <v>222372</v>
      </c>
      <c r="BR28" s="326">
        <v>156456</v>
      </c>
      <c r="BS28" s="327">
        <v>378828</v>
      </c>
      <c r="BT28" s="325">
        <v>0</v>
      </c>
      <c r="BU28" s="326">
        <v>2609731</v>
      </c>
      <c r="BV28" s="326">
        <v>2559514</v>
      </c>
      <c r="BW28" s="326">
        <v>2275621</v>
      </c>
      <c r="BX28" s="326">
        <v>2636525</v>
      </c>
      <c r="BY28" s="326">
        <v>1721284</v>
      </c>
      <c r="BZ28" s="327">
        <v>11802675</v>
      </c>
      <c r="CA28" s="329">
        <v>12181503</v>
      </c>
      <c r="CB28" s="325">
        <v>51348</v>
      </c>
      <c r="CC28" s="326">
        <v>535122</v>
      </c>
      <c r="CD28" s="327">
        <v>586470</v>
      </c>
      <c r="CE28" s="325">
        <v>0</v>
      </c>
      <c r="CF28" s="326">
        <v>17535551</v>
      </c>
      <c r="CG28" s="326">
        <v>21415822</v>
      </c>
      <c r="CH28" s="326">
        <v>15082559</v>
      </c>
      <c r="CI28" s="326">
        <v>9939790</v>
      </c>
      <c r="CJ28" s="326">
        <v>4207572</v>
      </c>
      <c r="CK28" s="327">
        <v>68181294</v>
      </c>
      <c r="CL28" s="329">
        <v>68767764</v>
      </c>
      <c r="CM28" s="325">
        <v>0</v>
      </c>
      <c r="CN28" s="326">
        <v>0</v>
      </c>
      <c r="CO28" s="327">
        <v>0</v>
      </c>
      <c r="CP28" s="331">
        <v>0</v>
      </c>
      <c r="CQ28" s="326">
        <v>15169278</v>
      </c>
      <c r="CR28" s="326">
        <v>17513832</v>
      </c>
      <c r="CS28" s="326">
        <v>12816255</v>
      </c>
      <c r="CT28" s="326">
        <v>7933331</v>
      </c>
      <c r="CU28" s="326">
        <v>3457051</v>
      </c>
      <c r="CV28" s="327">
        <v>56889747</v>
      </c>
      <c r="CW28" s="329">
        <v>56889747</v>
      </c>
      <c r="CX28" s="325">
        <v>51348</v>
      </c>
      <c r="CY28" s="326">
        <v>535122</v>
      </c>
      <c r="CZ28" s="327">
        <v>586470</v>
      </c>
      <c r="DA28" s="325">
        <v>0</v>
      </c>
      <c r="DB28" s="326">
        <v>2366273</v>
      </c>
      <c r="DC28" s="326">
        <v>3901990</v>
      </c>
      <c r="DD28" s="326">
        <v>2266304</v>
      </c>
      <c r="DE28" s="326">
        <v>2006459</v>
      </c>
      <c r="DF28" s="326">
        <v>750521</v>
      </c>
      <c r="DG28" s="327">
        <v>11291547</v>
      </c>
      <c r="DH28" s="329">
        <v>11878017</v>
      </c>
      <c r="DI28" s="325">
        <v>33811</v>
      </c>
      <c r="DJ28" s="326">
        <v>0</v>
      </c>
      <c r="DK28" s="330">
        <v>33811</v>
      </c>
      <c r="DL28" s="331">
        <v>0</v>
      </c>
      <c r="DM28" s="326">
        <v>2009003</v>
      </c>
      <c r="DN28" s="326">
        <v>2498546</v>
      </c>
      <c r="DO28" s="326">
        <v>5534963</v>
      </c>
      <c r="DP28" s="326">
        <v>5653128</v>
      </c>
      <c r="DQ28" s="326">
        <v>2083819</v>
      </c>
      <c r="DR28" s="327">
        <v>17779459</v>
      </c>
      <c r="DS28" s="329">
        <v>17813270</v>
      </c>
      <c r="DT28" s="325">
        <v>33811</v>
      </c>
      <c r="DU28" s="326">
        <v>0</v>
      </c>
      <c r="DV28" s="327">
        <v>33811</v>
      </c>
      <c r="DW28" s="325">
        <v>0</v>
      </c>
      <c r="DX28" s="326">
        <v>1977395</v>
      </c>
      <c r="DY28" s="326">
        <v>2365093</v>
      </c>
      <c r="DZ28" s="326">
        <v>5534963</v>
      </c>
      <c r="EA28" s="326">
        <v>5497594</v>
      </c>
      <c r="EB28" s="326">
        <v>1582620</v>
      </c>
      <c r="EC28" s="327">
        <v>16957665</v>
      </c>
      <c r="ED28" s="329">
        <v>16991476</v>
      </c>
      <c r="EE28" s="325">
        <v>0</v>
      </c>
      <c r="EF28" s="330">
        <v>0</v>
      </c>
      <c r="EG28" s="327">
        <v>0</v>
      </c>
      <c r="EH28" s="325">
        <v>0</v>
      </c>
      <c r="EI28" s="326">
        <v>31608</v>
      </c>
      <c r="EJ28" s="326">
        <v>133453</v>
      </c>
      <c r="EK28" s="326">
        <v>0</v>
      </c>
      <c r="EL28" s="326">
        <v>155534</v>
      </c>
      <c r="EM28" s="326">
        <v>501199</v>
      </c>
      <c r="EN28" s="330">
        <v>821794</v>
      </c>
      <c r="EO28" s="329">
        <v>821794</v>
      </c>
      <c r="EP28" s="325">
        <v>0</v>
      </c>
      <c r="EQ28" s="326">
        <v>0</v>
      </c>
      <c r="ER28" s="330">
        <v>0</v>
      </c>
      <c r="ES28" s="331">
        <v>0</v>
      </c>
      <c r="ET28" s="326">
        <v>0</v>
      </c>
      <c r="EU28" s="326">
        <v>0</v>
      </c>
      <c r="EV28" s="326">
        <v>0</v>
      </c>
      <c r="EW28" s="326">
        <v>0</v>
      </c>
      <c r="EX28" s="326">
        <v>0</v>
      </c>
      <c r="EY28" s="327">
        <v>0</v>
      </c>
      <c r="EZ28" s="329">
        <v>0</v>
      </c>
      <c r="FA28" s="325">
        <v>0</v>
      </c>
      <c r="FB28" s="326">
        <v>0</v>
      </c>
      <c r="FC28" s="330">
        <v>0</v>
      </c>
      <c r="FD28" s="331">
        <v>0</v>
      </c>
      <c r="FE28" s="326">
        <v>0</v>
      </c>
      <c r="FF28" s="326">
        <v>0</v>
      </c>
      <c r="FG28" s="326">
        <v>0</v>
      </c>
      <c r="FH28" s="326">
        <v>0</v>
      </c>
      <c r="FI28" s="326">
        <v>0</v>
      </c>
      <c r="FJ28" s="327">
        <v>0</v>
      </c>
      <c r="FK28" s="329">
        <v>0</v>
      </c>
      <c r="FL28" s="325">
        <v>1347521</v>
      </c>
      <c r="FM28" s="326">
        <v>2527196</v>
      </c>
      <c r="FN28" s="327">
        <v>3874717</v>
      </c>
      <c r="FO28" s="325">
        <v>0</v>
      </c>
      <c r="FP28" s="326">
        <v>3538586</v>
      </c>
      <c r="FQ28" s="326">
        <v>6175792</v>
      </c>
      <c r="FR28" s="326">
        <v>3917370</v>
      </c>
      <c r="FS28" s="326">
        <v>4347148</v>
      </c>
      <c r="FT28" s="326">
        <v>2004557</v>
      </c>
      <c r="FU28" s="327">
        <v>19983453</v>
      </c>
      <c r="FV28" s="329">
        <v>23858170</v>
      </c>
      <c r="FW28" s="332">
        <v>554296</v>
      </c>
      <c r="FX28" s="326">
        <v>1689371</v>
      </c>
      <c r="FY28" s="330">
        <v>2243667</v>
      </c>
      <c r="FZ28" s="331">
        <v>0</v>
      </c>
      <c r="GA28" s="326">
        <v>2310287</v>
      </c>
      <c r="GB28" s="326">
        <v>5822684</v>
      </c>
      <c r="GC28" s="326">
        <v>3526140</v>
      </c>
      <c r="GD28" s="326">
        <v>3878810</v>
      </c>
      <c r="GE28" s="326">
        <v>2004557</v>
      </c>
      <c r="GF28" s="327">
        <v>17542478</v>
      </c>
      <c r="GG28" s="333">
        <v>19786145</v>
      </c>
      <c r="GH28" s="332">
        <v>42336</v>
      </c>
      <c r="GI28" s="326">
        <v>59184</v>
      </c>
      <c r="GJ28" s="330">
        <v>101520</v>
      </c>
      <c r="GK28" s="331">
        <v>0</v>
      </c>
      <c r="GL28" s="326">
        <v>51084</v>
      </c>
      <c r="GM28" s="326">
        <v>105158</v>
      </c>
      <c r="GN28" s="326">
        <v>31860</v>
      </c>
      <c r="GO28" s="326">
        <v>134871</v>
      </c>
      <c r="GP28" s="326">
        <v>0</v>
      </c>
      <c r="GQ28" s="327">
        <v>322973</v>
      </c>
      <c r="GR28" s="329">
        <v>424493</v>
      </c>
      <c r="GS28" s="325">
        <v>750889</v>
      </c>
      <c r="GT28" s="326">
        <v>778641</v>
      </c>
      <c r="GU28" s="327">
        <v>1529530</v>
      </c>
      <c r="GV28" s="325">
        <v>0</v>
      </c>
      <c r="GW28" s="326">
        <v>1177215</v>
      </c>
      <c r="GX28" s="326">
        <v>247950</v>
      </c>
      <c r="GY28" s="326">
        <v>359370</v>
      </c>
      <c r="GZ28" s="326">
        <v>333467</v>
      </c>
      <c r="HA28" s="326">
        <v>0</v>
      </c>
      <c r="HB28" s="330">
        <v>2118002</v>
      </c>
      <c r="HC28" s="329">
        <v>3647532</v>
      </c>
      <c r="HD28" s="325">
        <v>424907</v>
      </c>
      <c r="HE28" s="326">
        <v>222948</v>
      </c>
      <c r="HF28" s="330">
        <v>647855</v>
      </c>
      <c r="HG28" s="331">
        <v>0</v>
      </c>
      <c r="HH28" s="326">
        <v>9101294</v>
      </c>
      <c r="HI28" s="326">
        <v>8834331</v>
      </c>
      <c r="HJ28" s="326">
        <v>7152710</v>
      </c>
      <c r="HK28" s="326">
        <v>10327363</v>
      </c>
      <c r="HL28" s="326">
        <v>8472568</v>
      </c>
      <c r="HM28" s="327">
        <v>43888266</v>
      </c>
      <c r="HN28" s="328">
        <v>44536121</v>
      </c>
      <c r="HO28" s="332">
        <v>670614</v>
      </c>
      <c r="HP28" s="326">
        <v>1411579</v>
      </c>
      <c r="HQ28" s="327">
        <v>2082193</v>
      </c>
      <c r="HR28" s="325">
        <v>0</v>
      </c>
      <c r="HS28" s="326">
        <v>8082730</v>
      </c>
      <c r="HT28" s="326">
        <v>8283460</v>
      </c>
      <c r="HU28" s="326">
        <v>5385815</v>
      </c>
      <c r="HV28" s="326">
        <v>3843592</v>
      </c>
      <c r="HW28" s="326">
        <v>1772268</v>
      </c>
      <c r="HX28" s="330">
        <v>27367865</v>
      </c>
      <c r="HY28" s="329">
        <v>29450058</v>
      </c>
      <c r="HZ28" s="357">
        <v>0</v>
      </c>
      <c r="IA28" s="355">
        <v>0</v>
      </c>
      <c r="IB28" s="357">
        <v>0</v>
      </c>
      <c r="IC28" s="354">
        <v>0</v>
      </c>
      <c r="ID28" s="355">
        <v>14509482</v>
      </c>
      <c r="IE28" s="356">
        <v>11037120</v>
      </c>
      <c r="IF28" s="357">
        <v>10782566</v>
      </c>
      <c r="IG28" s="355">
        <v>9360470</v>
      </c>
      <c r="IH28" s="357">
        <v>2637321</v>
      </c>
      <c r="II28" s="358">
        <v>48326959</v>
      </c>
      <c r="IJ28" s="357">
        <v>48326959</v>
      </c>
      <c r="IK28" s="341">
        <v>0</v>
      </c>
      <c r="IL28" s="342">
        <v>0</v>
      </c>
      <c r="IM28" s="343">
        <v>0</v>
      </c>
      <c r="IN28" s="403">
        <v>0</v>
      </c>
      <c r="IO28" s="344">
        <v>0</v>
      </c>
      <c r="IP28" s="344">
        <v>0</v>
      </c>
      <c r="IQ28" s="344">
        <v>174946</v>
      </c>
      <c r="IR28" s="344">
        <v>0</v>
      </c>
      <c r="IS28" s="344">
        <v>232199</v>
      </c>
      <c r="IT28" s="345">
        <v>407145</v>
      </c>
      <c r="IU28" s="346">
        <v>407145</v>
      </c>
      <c r="IV28" s="347">
        <v>0</v>
      </c>
      <c r="IW28" s="344">
        <v>0</v>
      </c>
      <c r="IX28" s="348">
        <v>0</v>
      </c>
      <c r="IY28" s="412">
        <v>0</v>
      </c>
      <c r="IZ28" s="344">
        <v>0</v>
      </c>
      <c r="JA28" s="344">
        <v>0</v>
      </c>
      <c r="JB28" s="344">
        <v>0</v>
      </c>
      <c r="JC28" s="344">
        <v>0</v>
      </c>
      <c r="JD28" s="344">
        <v>0</v>
      </c>
      <c r="JE28" s="348">
        <v>0</v>
      </c>
      <c r="JF28" s="349">
        <v>0</v>
      </c>
      <c r="JG28" s="347">
        <v>0</v>
      </c>
      <c r="JH28" s="344">
        <v>0</v>
      </c>
      <c r="JI28" s="345">
        <v>0</v>
      </c>
      <c r="JJ28" s="350">
        <v>0</v>
      </c>
      <c r="JK28" s="344">
        <v>3345115</v>
      </c>
      <c r="JL28" s="344">
        <v>3820792</v>
      </c>
      <c r="JM28" s="344">
        <v>3040578</v>
      </c>
      <c r="JN28" s="344">
        <v>2561987</v>
      </c>
      <c r="JO28" s="344">
        <v>886754</v>
      </c>
      <c r="JP28" s="348">
        <v>13655226</v>
      </c>
      <c r="JQ28" s="346">
        <v>13655226</v>
      </c>
      <c r="JR28" s="347">
        <v>0</v>
      </c>
      <c r="JS28" s="344">
        <v>0</v>
      </c>
      <c r="JT28" s="345">
        <v>0</v>
      </c>
      <c r="JU28" s="350">
        <v>0</v>
      </c>
      <c r="JV28" s="344">
        <v>0</v>
      </c>
      <c r="JW28" s="344">
        <v>0</v>
      </c>
      <c r="JX28" s="344">
        <v>261664</v>
      </c>
      <c r="JY28" s="344">
        <v>287781</v>
      </c>
      <c r="JZ28" s="344">
        <v>0</v>
      </c>
      <c r="KA28" s="348">
        <v>549445</v>
      </c>
      <c r="KB28" s="346">
        <v>549445</v>
      </c>
      <c r="KC28" s="351">
        <v>0</v>
      </c>
      <c r="KD28" s="352">
        <v>0</v>
      </c>
      <c r="KE28" s="348">
        <v>0</v>
      </c>
      <c r="KF28" s="350">
        <v>0</v>
      </c>
      <c r="KG28" s="344">
        <v>759726</v>
      </c>
      <c r="KH28" s="344">
        <v>956028</v>
      </c>
      <c r="KI28" s="344">
        <v>1245530</v>
      </c>
      <c r="KJ28" s="344">
        <v>282456</v>
      </c>
      <c r="KK28" s="344">
        <v>0</v>
      </c>
      <c r="KL28" s="348">
        <v>3243740</v>
      </c>
      <c r="KM28" s="353">
        <v>3243740</v>
      </c>
      <c r="KN28" s="341">
        <v>0</v>
      </c>
      <c r="KO28" s="342">
        <v>0</v>
      </c>
      <c r="KP28" s="343">
        <v>0</v>
      </c>
      <c r="KQ28" s="412">
        <v>0</v>
      </c>
      <c r="KR28" s="344">
        <v>10404641</v>
      </c>
      <c r="KS28" s="344">
        <v>6260300</v>
      </c>
      <c r="KT28" s="344">
        <v>6059848</v>
      </c>
      <c r="KU28" s="344">
        <v>5908379</v>
      </c>
      <c r="KV28" s="344">
        <v>1518368</v>
      </c>
      <c r="KW28" s="348">
        <v>30151536</v>
      </c>
      <c r="KX28" s="346">
        <v>30151536</v>
      </c>
      <c r="KY28" s="347">
        <v>0</v>
      </c>
      <c r="KZ28" s="344">
        <v>0</v>
      </c>
      <c r="LA28" s="348">
        <v>0</v>
      </c>
      <c r="LB28" s="412">
        <v>0</v>
      </c>
      <c r="LC28" s="344">
        <v>0</v>
      </c>
      <c r="LD28" s="344">
        <v>0</v>
      </c>
      <c r="LE28" s="344">
        <v>0</v>
      </c>
      <c r="LF28" s="344">
        <v>0</v>
      </c>
      <c r="LG28" s="344">
        <v>0</v>
      </c>
      <c r="LH28" s="348">
        <v>0</v>
      </c>
      <c r="LI28" s="349">
        <v>0</v>
      </c>
      <c r="LJ28" s="347">
        <v>0</v>
      </c>
      <c r="LK28" s="344">
        <v>0</v>
      </c>
      <c r="LL28" s="348">
        <v>0</v>
      </c>
      <c r="LM28" s="412">
        <v>0</v>
      </c>
      <c r="LN28" s="344">
        <v>0</v>
      </c>
      <c r="LO28" s="344">
        <v>0</v>
      </c>
      <c r="LP28" s="344">
        <v>0</v>
      </c>
      <c r="LQ28" s="344">
        <v>0</v>
      </c>
      <c r="LR28" s="344">
        <v>0</v>
      </c>
      <c r="LS28" s="348">
        <v>0</v>
      </c>
      <c r="LT28" s="346">
        <v>0</v>
      </c>
      <c r="LU28" s="347">
        <v>0</v>
      </c>
      <c r="LV28" s="344">
        <v>0</v>
      </c>
      <c r="LW28" s="348">
        <v>0</v>
      </c>
      <c r="LX28" s="412">
        <v>0</v>
      </c>
      <c r="LY28" s="344">
        <v>0</v>
      </c>
      <c r="LZ28" s="344">
        <v>0</v>
      </c>
      <c r="MA28" s="344">
        <v>0</v>
      </c>
      <c r="MB28" s="344">
        <v>319867</v>
      </c>
      <c r="MC28" s="344">
        <v>0</v>
      </c>
      <c r="MD28" s="348">
        <v>319867</v>
      </c>
      <c r="ME28" s="349">
        <v>319867</v>
      </c>
      <c r="MF28" s="347">
        <v>0</v>
      </c>
      <c r="MG28" s="344">
        <v>0</v>
      </c>
      <c r="MH28" s="348">
        <v>0</v>
      </c>
      <c r="MI28" s="412">
        <v>0</v>
      </c>
      <c r="MJ28" s="344">
        <v>5362303</v>
      </c>
      <c r="MK28" s="344">
        <v>10964298</v>
      </c>
      <c r="ML28" s="344">
        <v>36310124</v>
      </c>
      <c r="MM28" s="344">
        <v>58694700</v>
      </c>
      <c r="MN28" s="344">
        <v>41634357</v>
      </c>
      <c r="MO28" s="348">
        <v>152965782</v>
      </c>
      <c r="MP28" s="353">
        <v>152965782</v>
      </c>
      <c r="MQ28" s="347">
        <v>0</v>
      </c>
      <c r="MR28" s="344">
        <v>0</v>
      </c>
      <c r="MS28" s="348">
        <v>0</v>
      </c>
      <c r="MT28" s="412">
        <v>0</v>
      </c>
      <c r="MU28" s="344">
        <v>450733</v>
      </c>
      <c r="MV28" s="344">
        <v>3290352</v>
      </c>
      <c r="MW28" s="344">
        <v>25261538</v>
      </c>
      <c r="MX28" s="344">
        <v>38064137</v>
      </c>
      <c r="MY28" s="344">
        <v>27737846</v>
      </c>
      <c r="MZ28" s="348">
        <v>94804606</v>
      </c>
      <c r="NA28" s="353">
        <v>94804606</v>
      </c>
      <c r="NB28" s="347">
        <v>0</v>
      </c>
      <c r="NC28" s="344">
        <v>0</v>
      </c>
      <c r="ND28" s="348">
        <v>0</v>
      </c>
      <c r="NE28" s="412">
        <v>0</v>
      </c>
      <c r="NF28" s="344">
        <v>4911570</v>
      </c>
      <c r="NG28" s="344">
        <v>7673946</v>
      </c>
      <c r="NH28" s="344">
        <v>11048586</v>
      </c>
      <c r="NI28" s="344">
        <v>19022759</v>
      </c>
      <c r="NJ28" s="344">
        <v>9923400</v>
      </c>
      <c r="NK28" s="348">
        <v>52580261</v>
      </c>
      <c r="NL28" s="346">
        <v>52580261</v>
      </c>
      <c r="NM28" s="347">
        <v>0</v>
      </c>
      <c r="NN28" s="344">
        <v>0</v>
      </c>
      <c r="NO28" s="348">
        <v>0</v>
      </c>
      <c r="NP28" s="412">
        <v>0</v>
      </c>
      <c r="NQ28" s="344">
        <v>0</v>
      </c>
      <c r="NR28" s="344">
        <v>0</v>
      </c>
      <c r="NS28" s="344">
        <v>0</v>
      </c>
      <c r="NT28" s="344">
        <v>0</v>
      </c>
      <c r="NU28" s="344">
        <v>700102</v>
      </c>
      <c r="NV28" s="348">
        <v>700102</v>
      </c>
      <c r="NW28" s="349">
        <v>700102</v>
      </c>
      <c r="NX28" s="347">
        <v>0</v>
      </c>
      <c r="NY28" s="344">
        <v>0</v>
      </c>
      <c r="NZ28" s="348">
        <v>0</v>
      </c>
      <c r="OA28" s="412">
        <v>0</v>
      </c>
      <c r="OB28" s="344">
        <v>0</v>
      </c>
      <c r="OC28" s="344">
        <v>0</v>
      </c>
      <c r="OD28" s="344">
        <v>0</v>
      </c>
      <c r="OE28" s="344">
        <v>1607804</v>
      </c>
      <c r="OF28" s="344">
        <v>3273009</v>
      </c>
      <c r="OG28" s="348">
        <v>4880813</v>
      </c>
      <c r="OH28" s="349">
        <v>4880813</v>
      </c>
      <c r="OI28" s="347">
        <v>3631325</v>
      </c>
      <c r="OJ28" s="344">
        <v>7394831</v>
      </c>
      <c r="OK28" s="345">
        <v>11026156</v>
      </c>
      <c r="OL28" s="350">
        <v>0</v>
      </c>
      <c r="OM28" s="344">
        <v>72707009</v>
      </c>
      <c r="ON28" s="344">
        <v>87014895</v>
      </c>
      <c r="OO28" s="344">
        <v>98055488</v>
      </c>
      <c r="OP28" s="344">
        <v>119295266</v>
      </c>
      <c r="OQ28" s="344">
        <v>77184809</v>
      </c>
      <c r="OR28" s="348">
        <v>454257467</v>
      </c>
      <c r="OS28" s="353">
        <v>465283623</v>
      </c>
    </row>
    <row r="29" spans="2:409" s="70" customFormat="1" ht="21" customHeight="1" x14ac:dyDescent="0.2">
      <c r="B29" s="409" t="s">
        <v>24</v>
      </c>
      <c r="C29" s="325">
        <v>2695957</v>
      </c>
      <c r="D29" s="326">
        <v>3805112</v>
      </c>
      <c r="E29" s="327">
        <v>6501069</v>
      </c>
      <c r="F29" s="328">
        <v>0</v>
      </c>
      <c r="G29" s="326">
        <v>30085754</v>
      </c>
      <c r="H29" s="326">
        <v>30769300</v>
      </c>
      <c r="I29" s="326">
        <v>24528837</v>
      </c>
      <c r="J29" s="326">
        <v>29244468</v>
      </c>
      <c r="K29" s="326">
        <v>20616826</v>
      </c>
      <c r="L29" s="366">
        <v>135245185</v>
      </c>
      <c r="M29" s="329">
        <v>141746254</v>
      </c>
      <c r="N29" s="325">
        <v>607526</v>
      </c>
      <c r="O29" s="326">
        <v>1015065</v>
      </c>
      <c r="P29" s="327">
        <v>1622591</v>
      </c>
      <c r="Q29" s="325">
        <v>0</v>
      </c>
      <c r="R29" s="326">
        <v>6092148</v>
      </c>
      <c r="S29" s="326">
        <v>8627665</v>
      </c>
      <c r="T29" s="326">
        <v>7228025</v>
      </c>
      <c r="U29" s="326">
        <v>11480584</v>
      </c>
      <c r="V29" s="326">
        <v>8298674</v>
      </c>
      <c r="W29" s="327">
        <v>41727096</v>
      </c>
      <c r="X29" s="329">
        <v>43349687</v>
      </c>
      <c r="Y29" s="325">
        <v>0</v>
      </c>
      <c r="Z29" s="326">
        <v>0</v>
      </c>
      <c r="AA29" s="327">
        <v>0</v>
      </c>
      <c r="AB29" s="325">
        <v>0</v>
      </c>
      <c r="AC29" s="326">
        <v>2342065</v>
      </c>
      <c r="AD29" s="326">
        <v>3564089</v>
      </c>
      <c r="AE29" s="326">
        <v>3837889</v>
      </c>
      <c r="AF29" s="326">
        <v>7043903</v>
      </c>
      <c r="AG29" s="326">
        <v>3659046</v>
      </c>
      <c r="AH29" s="327">
        <v>20446992</v>
      </c>
      <c r="AI29" s="329">
        <v>20446992</v>
      </c>
      <c r="AJ29" s="325">
        <v>0</v>
      </c>
      <c r="AK29" s="326">
        <v>0</v>
      </c>
      <c r="AL29" s="327">
        <v>0</v>
      </c>
      <c r="AM29" s="325">
        <v>0</v>
      </c>
      <c r="AN29" s="326">
        <v>52822</v>
      </c>
      <c r="AO29" s="326">
        <v>118371</v>
      </c>
      <c r="AP29" s="326">
        <v>199778</v>
      </c>
      <c r="AQ29" s="326">
        <v>588711</v>
      </c>
      <c r="AR29" s="326">
        <v>1488554</v>
      </c>
      <c r="AS29" s="327">
        <v>2448236</v>
      </c>
      <c r="AT29" s="329">
        <v>2448236</v>
      </c>
      <c r="AU29" s="325">
        <v>379133</v>
      </c>
      <c r="AV29" s="326">
        <v>837719</v>
      </c>
      <c r="AW29" s="327">
        <v>1216852</v>
      </c>
      <c r="AX29" s="325">
        <v>0</v>
      </c>
      <c r="AY29" s="326">
        <v>2402493</v>
      </c>
      <c r="AZ29" s="326">
        <v>3563693</v>
      </c>
      <c r="BA29" s="326">
        <v>2010691</v>
      </c>
      <c r="BB29" s="326">
        <v>2262702</v>
      </c>
      <c r="BC29" s="326">
        <v>1923757</v>
      </c>
      <c r="BD29" s="327">
        <v>12163336</v>
      </c>
      <c r="BE29" s="329">
        <v>13380188</v>
      </c>
      <c r="BF29" s="325">
        <v>0</v>
      </c>
      <c r="BG29" s="326">
        <v>29244</v>
      </c>
      <c r="BH29" s="330">
        <v>29244</v>
      </c>
      <c r="BI29" s="331">
        <v>0</v>
      </c>
      <c r="BJ29" s="326">
        <v>117256</v>
      </c>
      <c r="BK29" s="326">
        <v>181636</v>
      </c>
      <c r="BL29" s="326">
        <v>79749</v>
      </c>
      <c r="BM29" s="326">
        <v>125544</v>
      </c>
      <c r="BN29" s="326">
        <v>137478</v>
      </c>
      <c r="BO29" s="327">
        <v>641663</v>
      </c>
      <c r="BP29" s="329">
        <v>670907</v>
      </c>
      <c r="BQ29" s="325">
        <v>228393</v>
      </c>
      <c r="BR29" s="326">
        <v>148102</v>
      </c>
      <c r="BS29" s="327">
        <v>376495</v>
      </c>
      <c r="BT29" s="325">
        <v>0</v>
      </c>
      <c r="BU29" s="326">
        <v>1177512</v>
      </c>
      <c r="BV29" s="326">
        <v>1199876</v>
      </c>
      <c r="BW29" s="326">
        <v>1099918</v>
      </c>
      <c r="BX29" s="326">
        <v>1459724</v>
      </c>
      <c r="BY29" s="326">
        <v>1089839</v>
      </c>
      <c r="BZ29" s="327">
        <v>6026869</v>
      </c>
      <c r="CA29" s="329">
        <v>6403364</v>
      </c>
      <c r="CB29" s="325">
        <v>241508</v>
      </c>
      <c r="CC29" s="326">
        <v>631919</v>
      </c>
      <c r="CD29" s="327">
        <v>873427</v>
      </c>
      <c r="CE29" s="325">
        <v>0</v>
      </c>
      <c r="CF29" s="326">
        <v>9147870</v>
      </c>
      <c r="CG29" s="326">
        <v>8560172</v>
      </c>
      <c r="CH29" s="326">
        <v>4741741</v>
      </c>
      <c r="CI29" s="326">
        <v>3544093</v>
      </c>
      <c r="CJ29" s="326">
        <v>2339578</v>
      </c>
      <c r="CK29" s="327">
        <v>28333454</v>
      </c>
      <c r="CL29" s="329">
        <v>29206881</v>
      </c>
      <c r="CM29" s="325">
        <v>0</v>
      </c>
      <c r="CN29" s="326">
        <v>0</v>
      </c>
      <c r="CO29" s="327">
        <v>0</v>
      </c>
      <c r="CP29" s="331">
        <v>0</v>
      </c>
      <c r="CQ29" s="326">
        <v>6559948</v>
      </c>
      <c r="CR29" s="326">
        <v>6760178</v>
      </c>
      <c r="CS29" s="326">
        <v>2916843</v>
      </c>
      <c r="CT29" s="326">
        <v>2389357</v>
      </c>
      <c r="CU29" s="326">
        <v>1285551</v>
      </c>
      <c r="CV29" s="327">
        <v>19911877</v>
      </c>
      <c r="CW29" s="329">
        <v>19911877</v>
      </c>
      <c r="CX29" s="325">
        <v>241508</v>
      </c>
      <c r="CY29" s="326">
        <v>631919</v>
      </c>
      <c r="CZ29" s="327">
        <v>873427</v>
      </c>
      <c r="DA29" s="325">
        <v>0</v>
      </c>
      <c r="DB29" s="326">
        <v>2587922</v>
      </c>
      <c r="DC29" s="326">
        <v>1799994</v>
      </c>
      <c r="DD29" s="326">
        <v>1824898</v>
      </c>
      <c r="DE29" s="326">
        <v>1154736</v>
      </c>
      <c r="DF29" s="326">
        <v>1054027</v>
      </c>
      <c r="DG29" s="327">
        <v>8421577</v>
      </c>
      <c r="DH29" s="329">
        <v>9295004</v>
      </c>
      <c r="DI29" s="325">
        <v>56045</v>
      </c>
      <c r="DJ29" s="326">
        <v>46042</v>
      </c>
      <c r="DK29" s="330">
        <v>102087</v>
      </c>
      <c r="DL29" s="331">
        <v>0</v>
      </c>
      <c r="DM29" s="326">
        <v>1028693</v>
      </c>
      <c r="DN29" s="326">
        <v>1487554</v>
      </c>
      <c r="DO29" s="326">
        <v>2497216</v>
      </c>
      <c r="DP29" s="326">
        <v>2618223</v>
      </c>
      <c r="DQ29" s="326">
        <v>1242878</v>
      </c>
      <c r="DR29" s="327">
        <v>8874564</v>
      </c>
      <c r="DS29" s="329">
        <v>8976651</v>
      </c>
      <c r="DT29" s="325">
        <v>56045</v>
      </c>
      <c r="DU29" s="326">
        <v>46042</v>
      </c>
      <c r="DV29" s="327">
        <v>102087</v>
      </c>
      <c r="DW29" s="325">
        <v>0</v>
      </c>
      <c r="DX29" s="326">
        <v>906041</v>
      </c>
      <c r="DY29" s="326">
        <v>1487554</v>
      </c>
      <c r="DZ29" s="326">
        <v>2311088</v>
      </c>
      <c r="EA29" s="326">
        <v>2393504</v>
      </c>
      <c r="EB29" s="326">
        <v>1092592</v>
      </c>
      <c r="EC29" s="327">
        <v>8190779</v>
      </c>
      <c r="ED29" s="329">
        <v>8292866</v>
      </c>
      <c r="EE29" s="325">
        <v>0</v>
      </c>
      <c r="EF29" s="330">
        <v>0</v>
      </c>
      <c r="EG29" s="327">
        <v>0</v>
      </c>
      <c r="EH29" s="325">
        <v>0</v>
      </c>
      <c r="EI29" s="326">
        <v>122652</v>
      </c>
      <c r="EJ29" s="326">
        <v>0</v>
      </c>
      <c r="EK29" s="326">
        <v>186128</v>
      </c>
      <c r="EL29" s="326">
        <v>224719</v>
      </c>
      <c r="EM29" s="326">
        <v>150286</v>
      </c>
      <c r="EN29" s="330">
        <v>683785</v>
      </c>
      <c r="EO29" s="329">
        <v>683785</v>
      </c>
      <c r="EP29" s="325">
        <v>0</v>
      </c>
      <c r="EQ29" s="326">
        <v>0</v>
      </c>
      <c r="ER29" s="330">
        <v>0</v>
      </c>
      <c r="ES29" s="331">
        <v>0</v>
      </c>
      <c r="ET29" s="326">
        <v>0</v>
      </c>
      <c r="EU29" s="326">
        <v>0</v>
      </c>
      <c r="EV29" s="326">
        <v>0</v>
      </c>
      <c r="EW29" s="326">
        <v>0</v>
      </c>
      <c r="EX29" s="326">
        <v>0</v>
      </c>
      <c r="EY29" s="327">
        <v>0</v>
      </c>
      <c r="EZ29" s="329">
        <v>0</v>
      </c>
      <c r="FA29" s="325">
        <v>0</v>
      </c>
      <c r="FB29" s="326">
        <v>0</v>
      </c>
      <c r="FC29" s="330">
        <v>0</v>
      </c>
      <c r="FD29" s="331">
        <v>0</v>
      </c>
      <c r="FE29" s="326">
        <v>0</v>
      </c>
      <c r="FF29" s="326">
        <v>0</v>
      </c>
      <c r="FG29" s="326">
        <v>0</v>
      </c>
      <c r="FH29" s="326">
        <v>0</v>
      </c>
      <c r="FI29" s="326">
        <v>0</v>
      </c>
      <c r="FJ29" s="327">
        <v>0</v>
      </c>
      <c r="FK29" s="329">
        <v>0</v>
      </c>
      <c r="FL29" s="325">
        <v>603206</v>
      </c>
      <c r="FM29" s="326">
        <v>620838</v>
      </c>
      <c r="FN29" s="327">
        <v>1224044</v>
      </c>
      <c r="FO29" s="325">
        <v>0</v>
      </c>
      <c r="FP29" s="326">
        <v>1865559</v>
      </c>
      <c r="FQ29" s="326">
        <v>2440520</v>
      </c>
      <c r="FR29" s="326">
        <v>1665408</v>
      </c>
      <c r="FS29" s="326">
        <v>1730734</v>
      </c>
      <c r="FT29" s="326">
        <v>1227059</v>
      </c>
      <c r="FU29" s="327">
        <v>8929280</v>
      </c>
      <c r="FV29" s="329">
        <v>10153324</v>
      </c>
      <c r="FW29" s="332">
        <v>357830</v>
      </c>
      <c r="FX29" s="326">
        <v>502902</v>
      </c>
      <c r="FY29" s="330">
        <v>860732</v>
      </c>
      <c r="FZ29" s="331">
        <v>0</v>
      </c>
      <c r="GA29" s="326">
        <v>1090559</v>
      </c>
      <c r="GB29" s="326">
        <v>2319020</v>
      </c>
      <c r="GC29" s="326">
        <v>1512645</v>
      </c>
      <c r="GD29" s="326">
        <v>1615102</v>
      </c>
      <c r="GE29" s="326">
        <v>1139059</v>
      </c>
      <c r="GF29" s="327">
        <v>7676385</v>
      </c>
      <c r="GG29" s="333">
        <v>8537117</v>
      </c>
      <c r="GH29" s="332">
        <v>22176</v>
      </c>
      <c r="GI29" s="326">
        <v>26136</v>
      </c>
      <c r="GJ29" s="330">
        <v>48312</v>
      </c>
      <c r="GK29" s="331">
        <v>0</v>
      </c>
      <c r="GL29" s="326">
        <v>117820</v>
      </c>
      <c r="GM29" s="326">
        <v>0</v>
      </c>
      <c r="GN29" s="326">
        <v>79833</v>
      </c>
      <c r="GO29" s="326">
        <v>67932</v>
      </c>
      <c r="GP29" s="326">
        <v>0</v>
      </c>
      <c r="GQ29" s="327">
        <v>265585</v>
      </c>
      <c r="GR29" s="329">
        <v>313897</v>
      </c>
      <c r="GS29" s="325">
        <v>223200</v>
      </c>
      <c r="GT29" s="326">
        <v>91800</v>
      </c>
      <c r="GU29" s="327">
        <v>315000</v>
      </c>
      <c r="GV29" s="325">
        <v>0</v>
      </c>
      <c r="GW29" s="326">
        <v>657180</v>
      </c>
      <c r="GX29" s="326">
        <v>121500</v>
      </c>
      <c r="GY29" s="326">
        <v>72930</v>
      </c>
      <c r="GZ29" s="326">
        <v>47700</v>
      </c>
      <c r="HA29" s="326">
        <v>88000</v>
      </c>
      <c r="HB29" s="330">
        <v>987310</v>
      </c>
      <c r="HC29" s="329">
        <v>1302310</v>
      </c>
      <c r="HD29" s="325">
        <v>707617</v>
      </c>
      <c r="HE29" s="326">
        <v>935078</v>
      </c>
      <c r="HF29" s="330">
        <v>1642695</v>
      </c>
      <c r="HG29" s="331">
        <v>0</v>
      </c>
      <c r="HH29" s="326">
        <v>7040394</v>
      </c>
      <c r="HI29" s="326">
        <v>5705113</v>
      </c>
      <c r="HJ29" s="326">
        <v>5655694</v>
      </c>
      <c r="HK29" s="326">
        <v>7986310</v>
      </c>
      <c r="HL29" s="326">
        <v>6316839</v>
      </c>
      <c r="HM29" s="327">
        <v>32704350</v>
      </c>
      <c r="HN29" s="328">
        <v>34347045</v>
      </c>
      <c r="HO29" s="332">
        <v>480055</v>
      </c>
      <c r="HP29" s="326">
        <v>556170</v>
      </c>
      <c r="HQ29" s="327">
        <v>1036225</v>
      </c>
      <c r="HR29" s="325">
        <v>0</v>
      </c>
      <c r="HS29" s="326">
        <v>4911090</v>
      </c>
      <c r="HT29" s="326">
        <v>3948276</v>
      </c>
      <c r="HU29" s="326">
        <v>2740753</v>
      </c>
      <c r="HV29" s="326">
        <v>1884524</v>
      </c>
      <c r="HW29" s="326">
        <v>1191798</v>
      </c>
      <c r="HX29" s="330">
        <v>14676441</v>
      </c>
      <c r="HY29" s="329">
        <v>15712666</v>
      </c>
      <c r="HZ29" s="334">
        <v>87014</v>
      </c>
      <c r="IA29" s="335">
        <v>241190</v>
      </c>
      <c r="IB29" s="336">
        <v>328204</v>
      </c>
      <c r="IC29" s="337">
        <v>0</v>
      </c>
      <c r="ID29" s="335">
        <v>3852412</v>
      </c>
      <c r="IE29" s="338">
        <v>5478451</v>
      </c>
      <c r="IF29" s="336">
        <v>4699254</v>
      </c>
      <c r="IG29" s="335">
        <v>4944062</v>
      </c>
      <c r="IH29" s="336">
        <v>961060</v>
      </c>
      <c r="II29" s="339">
        <v>19935239</v>
      </c>
      <c r="IJ29" s="340">
        <v>20263443</v>
      </c>
      <c r="IK29" s="341">
        <v>0</v>
      </c>
      <c r="IL29" s="342">
        <v>0</v>
      </c>
      <c r="IM29" s="343">
        <v>0</v>
      </c>
      <c r="IN29" s="403">
        <v>0</v>
      </c>
      <c r="IO29" s="344">
        <v>72913</v>
      </c>
      <c r="IP29" s="344">
        <v>223850</v>
      </c>
      <c r="IQ29" s="344">
        <v>371501</v>
      </c>
      <c r="IR29" s="344">
        <v>1080255</v>
      </c>
      <c r="IS29" s="344">
        <v>0</v>
      </c>
      <c r="IT29" s="345">
        <v>1748519</v>
      </c>
      <c r="IU29" s="346">
        <v>1748519</v>
      </c>
      <c r="IV29" s="347">
        <v>0</v>
      </c>
      <c r="IW29" s="344">
        <v>0</v>
      </c>
      <c r="IX29" s="348">
        <v>0</v>
      </c>
      <c r="IY29" s="412">
        <v>0</v>
      </c>
      <c r="IZ29" s="344">
        <v>0</v>
      </c>
      <c r="JA29" s="344">
        <v>0</v>
      </c>
      <c r="JB29" s="344">
        <v>0</v>
      </c>
      <c r="JC29" s="344">
        <v>0</v>
      </c>
      <c r="JD29" s="344">
        <v>0</v>
      </c>
      <c r="JE29" s="348">
        <v>0</v>
      </c>
      <c r="JF29" s="349">
        <v>0</v>
      </c>
      <c r="JG29" s="347">
        <v>0</v>
      </c>
      <c r="JH29" s="344">
        <v>0</v>
      </c>
      <c r="JI29" s="345">
        <v>0</v>
      </c>
      <c r="JJ29" s="350">
        <v>0</v>
      </c>
      <c r="JK29" s="344">
        <v>1524585</v>
      </c>
      <c r="JL29" s="344">
        <v>1408731</v>
      </c>
      <c r="JM29" s="344">
        <v>1216255</v>
      </c>
      <c r="JN29" s="344">
        <v>527694</v>
      </c>
      <c r="JO29" s="344">
        <v>54644</v>
      </c>
      <c r="JP29" s="348">
        <v>4731909</v>
      </c>
      <c r="JQ29" s="346">
        <v>4731909</v>
      </c>
      <c r="JR29" s="347">
        <v>0</v>
      </c>
      <c r="JS29" s="344">
        <v>0</v>
      </c>
      <c r="JT29" s="345">
        <v>0</v>
      </c>
      <c r="JU29" s="350">
        <v>0</v>
      </c>
      <c r="JV29" s="344">
        <v>424274</v>
      </c>
      <c r="JW29" s="344">
        <v>570981</v>
      </c>
      <c r="JX29" s="344">
        <v>341929</v>
      </c>
      <c r="JY29" s="344">
        <v>381517</v>
      </c>
      <c r="JZ29" s="344">
        <v>65476</v>
      </c>
      <c r="KA29" s="348">
        <v>1784177</v>
      </c>
      <c r="KB29" s="346">
        <v>1784177</v>
      </c>
      <c r="KC29" s="351">
        <v>87014</v>
      </c>
      <c r="KD29" s="352">
        <v>241190</v>
      </c>
      <c r="KE29" s="348">
        <v>328204</v>
      </c>
      <c r="KF29" s="350">
        <v>0</v>
      </c>
      <c r="KG29" s="344">
        <v>1313873</v>
      </c>
      <c r="KH29" s="344">
        <v>2077789</v>
      </c>
      <c r="KI29" s="344">
        <v>1198079</v>
      </c>
      <c r="KJ29" s="344">
        <v>1844700</v>
      </c>
      <c r="KK29" s="344">
        <v>620741</v>
      </c>
      <c r="KL29" s="348">
        <v>7055182</v>
      </c>
      <c r="KM29" s="353">
        <v>7383386</v>
      </c>
      <c r="KN29" s="341">
        <v>0</v>
      </c>
      <c r="KO29" s="342">
        <v>0</v>
      </c>
      <c r="KP29" s="343">
        <v>0</v>
      </c>
      <c r="KQ29" s="412">
        <v>0</v>
      </c>
      <c r="KR29" s="344">
        <v>516767</v>
      </c>
      <c r="KS29" s="344">
        <v>1197100</v>
      </c>
      <c r="KT29" s="344">
        <v>1571490</v>
      </c>
      <c r="KU29" s="344">
        <v>1109896</v>
      </c>
      <c r="KV29" s="344">
        <v>220199</v>
      </c>
      <c r="KW29" s="348">
        <v>4615452</v>
      </c>
      <c r="KX29" s="346">
        <v>4615452</v>
      </c>
      <c r="KY29" s="347">
        <v>0</v>
      </c>
      <c r="KZ29" s="344">
        <v>0</v>
      </c>
      <c r="LA29" s="348">
        <v>0</v>
      </c>
      <c r="LB29" s="412">
        <v>0</v>
      </c>
      <c r="LC29" s="344">
        <v>0</v>
      </c>
      <c r="LD29" s="344">
        <v>0</v>
      </c>
      <c r="LE29" s="344">
        <v>0</v>
      </c>
      <c r="LF29" s="344">
        <v>0</v>
      </c>
      <c r="LG29" s="344">
        <v>0</v>
      </c>
      <c r="LH29" s="348">
        <v>0</v>
      </c>
      <c r="LI29" s="349">
        <v>0</v>
      </c>
      <c r="LJ29" s="347">
        <v>0</v>
      </c>
      <c r="LK29" s="344">
        <v>0</v>
      </c>
      <c r="LL29" s="348">
        <v>0</v>
      </c>
      <c r="LM29" s="412">
        <v>0</v>
      </c>
      <c r="LN29" s="344">
        <v>0</v>
      </c>
      <c r="LO29" s="344">
        <v>0</v>
      </c>
      <c r="LP29" s="344">
        <v>0</v>
      </c>
      <c r="LQ29" s="344">
        <v>0</v>
      </c>
      <c r="LR29" s="344">
        <v>0</v>
      </c>
      <c r="LS29" s="348">
        <v>0</v>
      </c>
      <c r="LT29" s="346">
        <v>0</v>
      </c>
      <c r="LU29" s="347">
        <v>0</v>
      </c>
      <c r="LV29" s="344">
        <v>0</v>
      </c>
      <c r="LW29" s="348">
        <v>0</v>
      </c>
      <c r="LX29" s="412">
        <v>0</v>
      </c>
      <c r="LY29" s="344">
        <v>0</v>
      </c>
      <c r="LZ29" s="344">
        <v>0</v>
      </c>
      <c r="MA29" s="344">
        <v>0</v>
      </c>
      <c r="MB29" s="344">
        <v>0</v>
      </c>
      <c r="MC29" s="344">
        <v>0</v>
      </c>
      <c r="MD29" s="348">
        <v>0</v>
      </c>
      <c r="ME29" s="349">
        <v>0</v>
      </c>
      <c r="MF29" s="347">
        <v>0</v>
      </c>
      <c r="MG29" s="344">
        <v>0</v>
      </c>
      <c r="MH29" s="348">
        <v>0</v>
      </c>
      <c r="MI29" s="412">
        <v>0</v>
      </c>
      <c r="MJ29" s="344">
        <v>3670182</v>
      </c>
      <c r="MK29" s="344">
        <v>3042880</v>
      </c>
      <c r="ML29" s="344">
        <v>13254625</v>
      </c>
      <c r="MM29" s="344">
        <v>33726084</v>
      </c>
      <c r="MN29" s="344">
        <v>18626334</v>
      </c>
      <c r="MO29" s="348">
        <v>72320105</v>
      </c>
      <c r="MP29" s="353">
        <v>72320105</v>
      </c>
      <c r="MQ29" s="347">
        <v>0</v>
      </c>
      <c r="MR29" s="344">
        <v>0</v>
      </c>
      <c r="MS29" s="348">
        <v>0</v>
      </c>
      <c r="MT29" s="412">
        <v>0</v>
      </c>
      <c r="MU29" s="344">
        <v>194117</v>
      </c>
      <c r="MV29" s="344">
        <v>0</v>
      </c>
      <c r="MW29" s="344">
        <v>6847262</v>
      </c>
      <c r="MX29" s="344">
        <v>25844142</v>
      </c>
      <c r="MY29" s="344">
        <v>15473816</v>
      </c>
      <c r="MZ29" s="348">
        <v>48359337</v>
      </c>
      <c r="NA29" s="353">
        <v>48359337</v>
      </c>
      <c r="NB29" s="347">
        <v>0</v>
      </c>
      <c r="NC29" s="344">
        <v>0</v>
      </c>
      <c r="ND29" s="348">
        <v>0</v>
      </c>
      <c r="NE29" s="412">
        <v>0</v>
      </c>
      <c r="NF29" s="344">
        <v>3476065</v>
      </c>
      <c r="NG29" s="344">
        <v>3042880</v>
      </c>
      <c r="NH29" s="344">
        <v>6407363</v>
      </c>
      <c r="NI29" s="344">
        <v>7881942</v>
      </c>
      <c r="NJ29" s="344">
        <v>3152518</v>
      </c>
      <c r="NK29" s="348">
        <v>23960768</v>
      </c>
      <c r="NL29" s="346">
        <v>23960768</v>
      </c>
      <c r="NM29" s="347">
        <v>0</v>
      </c>
      <c r="NN29" s="344">
        <v>0</v>
      </c>
      <c r="NO29" s="348">
        <v>0</v>
      </c>
      <c r="NP29" s="412">
        <v>0</v>
      </c>
      <c r="NQ29" s="344">
        <v>0</v>
      </c>
      <c r="NR29" s="344">
        <v>0</v>
      </c>
      <c r="NS29" s="344">
        <v>0</v>
      </c>
      <c r="NT29" s="344">
        <v>0</v>
      </c>
      <c r="NU29" s="344">
        <v>0</v>
      </c>
      <c r="NV29" s="348">
        <v>0</v>
      </c>
      <c r="NW29" s="349">
        <v>0</v>
      </c>
      <c r="NX29" s="347">
        <v>0</v>
      </c>
      <c r="NY29" s="344">
        <v>0</v>
      </c>
      <c r="NZ29" s="348">
        <v>0</v>
      </c>
      <c r="OA29" s="412">
        <v>0</v>
      </c>
      <c r="OB29" s="344">
        <v>0</v>
      </c>
      <c r="OC29" s="344">
        <v>0</v>
      </c>
      <c r="OD29" s="344">
        <v>0</v>
      </c>
      <c r="OE29" s="344">
        <v>0</v>
      </c>
      <c r="OF29" s="344">
        <v>0</v>
      </c>
      <c r="OG29" s="348">
        <v>0</v>
      </c>
      <c r="OH29" s="349">
        <v>0</v>
      </c>
      <c r="OI29" s="347">
        <v>2782971</v>
      </c>
      <c r="OJ29" s="344">
        <v>4046302</v>
      </c>
      <c r="OK29" s="345">
        <v>6829273</v>
      </c>
      <c r="OL29" s="350">
        <v>0</v>
      </c>
      <c r="OM29" s="344">
        <v>37608348</v>
      </c>
      <c r="ON29" s="344">
        <v>39290631</v>
      </c>
      <c r="OO29" s="344">
        <v>42482716</v>
      </c>
      <c r="OP29" s="344">
        <v>67914614</v>
      </c>
      <c r="OQ29" s="344">
        <v>40204220</v>
      </c>
      <c r="OR29" s="348">
        <v>227500529</v>
      </c>
      <c r="OS29" s="353">
        <v>234329802</v>
      </c>
    </row>
    <row r="30" spans="2:409" s="70" customFormat="1" ht="21" customHeight="1" x14ac:dyDescent="0.2">
      <c r="B30" s="409" t="s">
        <v>25</v>
      </c>
      <c r="C30" s="325">
        <v>2438188</v>
      </c>
      <c r="D30" s="326">
        <v>4736236</v>
      </c>
      <c r="E30" s="327">
        <v>7174424</v>
      </c>
      <c r="F30" s="328">
        <v>0</v>
      </c>
      <c r="G30" s="326">
        <v>30548025</v>
      </c>
      <c r="H30" s="326">
        <v>34946976</v>
      </c>
      <c r="I30" s="326">
        <v>26240984</v>
      </c>
      <c r="J30" s="326">
        <v>26480258</v>
      </c>
      <c r="K30" s="326">
        <v>17898756</v>
      </c>
      <c r="L30" s="366">
        <v>136114999</v>
      </c>
      <c r="M30" s="329">
        <v>143289423</v>
      </c>
      <c r="N30" s="325">
        <v>521210</v>
      </c>
      <c r="O30" s="326">
        <v>1566438</v>
      </c>
      <c r="P30" s="327">
        <v>2087648</v>
      </c>
      <c r="Q30" s="325">
        <v>0</v>
      </c>
      <c r="R30" s="326">
        <v>8327158</v>
      </c>
      <c r="S30" s="326">
        <v>11660727</v>
      </c>
      <c r="T30" s="326">
        <v>7748801</v>
      </c>
      <c r="U30" s="326">
        <v>10344169</v>
      </c>
      <c r="V30" s="326">
        <v>9962559</v>
      </c>
      <c r="W30" s="327">
        <v>48043414</v>
      </c>
      <c r="X30" s="329">
        <v>50131062</v>
      </c>
      <c r="Y30" s="325">
        <v>0</v>
      </c>
      <c r="Z30" s="326">
        <v>0</v>
      </c>
      <c r="AA30" s="327">
        <v>0</v>
      </c>
      <c r="AB30" s="325">
        <v>0</v>
      </c>
      <c r="AC30" s="326">
        <v>4081979</v>
      </c>
      <c r="AD30" s="326">
        <v>5756681</v>
      </c>
      <c r="AE30" s="326">
        <v>4420690</v>
      </c>
      <c r="AF30" s="326">
        <v>6549719</v>
      </c>
      <c r="AG30" s="326">
        <v>6807758</v>
      </c>
      <c r="AH30" s="327">
        <v>27616827</v>
      </c>
      <c r="AI30" s="329">
        <v>27616827</v>
      </c>
      <c r="AJ30" s="325">
        <v>0</v>
      </c>
      <c r="AK30" s="326">
        <v>0</v>
      </c>
      <c r="AL30" s="327">
        <v>0</v>
      </c>
      <c r="AM30" s="325">
        <v>0</v>
      </c>
      <c r="AN30" s="326">
        <v>161964</v>
      </c>
      <c r="AO30" s="326">
        <v>361015</v>
      </c>
      <c r="AP30" s="326">
        <v>483513</v>
      </c>
      <c r="AQ30" s="326">
        <v>981768</v>
      </c>
      <c r="AR30" s="326">
        <v>915982</v>
      </c>
      <c r="AS30" s="327">
        <v>2904242</v>
      </c>
      <c r="AT30" s="329">
        <v>2904242</v>
      </c>
      <c r="AU30" s="325">
        <v>339963</v>
      </c>
      <c r="AV30" s="326">
        <v>1321948</v>
      </c>
      <c r="AW30" s="327">
        <v>1661911</v>
      </c>
      <c r="AX30" s="325">
        <v>0</v>
      </c>
      <c r="AY30" s="326">
        <v>3034307</v>
      </c>
      <c r="AZ30" s="326">
        <v>4093616</v>
      </c>
      <c r="BA30" s="326">
        <v>1800355</v>
      </c>
      <c r="BB30" s="326">
        <v>1582724</v>
      </c>
      <c r="BC30" s="326">
        <v>1128109</v>
      </c>
      <c r="BD30" s="327">
        <v>11639111</v>
      </c>
      <c r="BE30" s="329">
        <v>13301022</v>
      </c>
      <c r="BF30" s="325">
        <v>41605</v>
      </c>
      <c r="BG30" s="326">
        <v>150349</v>
      </c>
      <c r="BH30" s="330">
        <v>191954</v>
      </c>
      <c r="BI30" s="331">
        <v>0</v>
      </c>
      <c r="BJ30" s="326">
        <v>0</v>
      </c>
      <c r="BK30" s="326">
        <v>580874</v>
      </c>
      <c r="BL30" s="326">
        <v>143431</v>
      </c>
      <c r="BM30" s="326">
        <v>215231</v>
      </c>
      <c r="BN30" s="326">
        <v>280581</v>
      </c>
      <c r="BO30" s="327">
        <v>1220117</v>
      </c>
      <c r="BP30" s="329">
        <v>1412071</v>
      </c>
      <c r="BQ30" s="325">
        <v>139642</v>
      </c>
      <c r="BR30" s="326">
        <v>94141</v>
      </c>
      <c r="BS30" s="327">
        <v>233783</v>
      </c>
      <c r="BT30" s="325">
        <v>0</v>
      </c>
      <c r="BU30" s="326">
        <v>1048908</v>
      </c>
      <c r="BV30" s="326">
        <v>868541</v>
      </c>
      <c r="BW30" s="326">
        <v>900812</v>
      </c>
      <c r="BX30" s="326">
        <v>1014727</v>
      </c>
      <c r="BY30" s="326">
        <v>830129</v>
      </c>
      <c r="BZ30" s="327">
        <v>4663117</v>
      </c>
      <c r="CA30" s="329">
        <v>4896900</v>
      </c>
      <c r="CB30" s="325">
        <v>256378</v>
      </c>
      <c r="CC30" s="326">
        <v>492564</v>
      </c>
      <c r="CD30" s="327">
        <v>748942</v>
      </c>
      <c r="CE30" s="325">
        <v>0</v>
      </c>
      <c r="CF30" s="326">
        <v>10927975</v>
      </c>
      <c r="CG30" s="326">
        <v>12666923</v>
      </c>
      <c r="CH30" s="326">
        <v>9045156</v>
      </c>
      <c r="CI30" s="326">
        <v>6313907</v>
      </c>
      <c r="CJ30" s="326">
        <v>1559065</v>
      </c>
      <c r="CK30" s="327">
        <v>40513026</v>
      </c>
      <c r="CL30" s="329">
        <v>41261968</v>
      </c>
      <c r="CM30" s="325">
        <v>0</v>
      </c>
      <c r="CN30" s="326">
        <v>0</v>
      </c>
      <c r="CO30" s="327">
        <v>0</v>
      </c>
      <c r="CP30" s="331">
        <v>0</v>
      </c>
      <c r="CQ30" s="326">
        <v>9166244</v>
      </c>
      <c r="CR30" s="326">
        <v>8516977</v>
      </c>
      <c r="CS30" s="326">
        <v>6798662</v>
      </c>
      <c r="CT30" s="326">
        <v>5077190</v>
      </c>
      <c r="CU30" s="326">
        <v>1262755</v>
      </c>
      <c r="CV30" s="327">
        <v>30821828</v>
      </c>
      <c r="CW30" s="329">
        <v>30821828</v>
      </c>
      <c r="CX30" s="325">
        <v>256378</v>
      </c>
      <c r="CY30" s="326">
        <v>492564</v>
      </c>
      <c r="CZ30" s="327">
        <v>748942</v>
      </c>
      <c r="DA30" s="325">
        <v>0</v>
      </c>
      <c r="DB30" s="326">
        <v>1761731</v>
      </c>
      <c r="DC30" s="326">
        <v>4149946</v>
      </c>
      <c r="DD30" s="326">
        <v>2246494</v>
      </c>
      <c r="DE30" s="326">
        <v>1236717</v>
      </c>
      <c r="DF30" s="326">
        <v>296310</v>
      </c>
      <c r="DG30" s="327">
        <v>9691198</v>
      </c>
      <c r="DH30" s="329">
        <v>10440140</v>
      </c>
      <c r="DI30" s="325">
        <v>0</v>
      </c>
      <c r="DJ30" s="326">
        <v>43524</v>
      </c>
      <c r="DK30" s="330">
        <v>43524</v>
      </c>
      <c r="DL30" s="331">
        <v>0</v>
      </c>
      <c r="DM30" s="326">
        <v>1381333</v>
      </c>
      <c r="DN30" s="326">
        <v>1275002</v>
      </c>
      <c r="DO30" s="326">
        <v>2456292</v>
      </c>
      <c r="DP30" s="326">
        <v>1527865</v>
      </c>
      <c r="DQ30" s="326">
        <v>705750</v>
      </c>
      <c r="DR30" s="327">
        <v>7346242</v>
      </c>
      <c r="DS30" s="329">
        <v>7389766</v>
      </c>
      <c r="DT30" s="325">
        <v>0</v>
      </c>
      <c r="DU30" s="326">
        <v>43524</v>
      </c>
      <c r="DV30" s="327">
        <v>43524</v>
      </c>
      <c r="DW30" s="325">
        <v>0</v>
      </c>
      <c r="DX30" s="326">
        <v>1316740</v>
      </c>
      <c r="DY30" s="326">
        <v>1163130</v>
      </c>
      <c r="DZ30" s="326">
        <v>2417036</v>
      </c>
      <c r="EA30" s="326">
        <v>1527865</v>
      </c>
      <c r="EB30" s="326">
        <v>705750</v>
      </c>
      <c r="EC30" s="327">
        <v>7130521</v>
      </c>
      <c r="ED30" s="329">
        <v>7174045</v>
      </c>
      <c r="EE30" s="325">
        <v>0</v>
      </c>
      <c r="EF30" s="330">
        <v>0</v>
      </c>
      <c r="EG30" s="327">
        <v>0</v>
      </c>
      <c r="EH30" s="325">
        <v>0</v>
      </c>
      <c r="EI30" s="326">
        <v>64593</v>
      </c>
      <c r="EJ30" s="326">
        <v>111872</v>
      </c>
      <c r="EK30" s="326">
        <v>39256</v>
      </c>
      <c r="EL30" s="326">
        <v>0</v>
      </c>
      <c r="EM30" s="326">
        <v>0</v>
      </c>
      <c r="EN30" s="330">
        <v>215721</v>
      </c>
      <c r="EO30" s="329">
        <v>215721</v>
      </c>
      <c r="EP30" s="325">
        <v>0</v>
      </c>
      <c r="EQ30" s="326">
        <v>0</v>
      </c>
      <c r="ER30" s="330">
        <v>0</v>
      </c>
      <c r="ES30" s="331">
        <v>0</v>
      </c>
      <c r="ET30" s="326">
        <v>0</v>
      </c>
      <c r="EU30" s="326">
        <v>0</v>
      </c>
      <c r="EV30" s="326">
        <v>0</v>
      </c>
      <c r="EW30" s="326">
        <v>0</v>
      </c>
      <c r="EX30" s="326">
        <v>0</v>
      </c>
      <c r="EY30" s="327">
        <v>0</v>
      </c>
      <c r="EZ30" s="329">
        <v>0</v>
      </c>
      <c r="FA30" s="325">
        <v>0</v>
      </c>
      <c r="FB30" s="326">
        <v>0</v>
      </c>
      <c r="FC30" s="330">
        <v>0</v>
      </c>
      <c r="FD30" s="331">
        <v>0</v>
      </c>
      <c r="FE30" s="326">
        <v>0</v>
      </c>
      <c r="FF30" s="326">
        <v>0</v>
      </c>
      <c r="FG30" s="326">
        <v>0</v>
      </c>
      <c r="FH30" s="326">
        <v>0</v>
      </c>
      <c r="FI30" s="326">
        <v>0</v>
      </c>
      <c r="FJ30" s="327">
        <v>0</v>
      </c>
      <c r="FK30" s="329">
        <v>0</v>
      </c>
      <c r="FL30" s="325">
        <v>796216</v>
      </c>
      <c r="FM30" s="326">
        <v>1447399</v>
      </c>
      <c r="FN30" s="327">
        <v>2243615</v>
      </c>
      <c r="FO30" s="325">
        <v>0</v>
      </c>
      <c r="FP30" s="326">
        <v>1350157</v>
      </c>
      <c r="FQ30" s="326">
        <v>3697376</v>
      </c>
      <c r="FR30" s="326">
        <v>2046396</v>
      </c>
      <c r="FS30" s="326">
        <v>2133581</v>
      </c>
      <c r="FT30" s="326">
        <v>1235733</v>
      </c>
      <c r="FU30" s="327">
        <v>10463243</v>
      </c>
      <c r="FV30" s="329">
        <v>12706858</v>
      </c>
      <c r="FW30" s="332">
        <v>482431</v>
      </c>
      <c r="FX30" s="326">
        <v>1061697</v>
      </c>
      <c r="FY30" s="330">
        <v>1544128</v>
      </c>
      <c r="FZ30" s="331">
        <v>0</v>
      </c>
      <c r="GA30" s="326">
        <v>1061113</v>
      </c>
      <c r="GB30" s="326">
        <v>3508373</v>
      </c>
      <c r="GC30" s="326">
        <v>1951282</v>
      </c>
      <c r="GD30" s="326">
        <v>1833296</v>
      </c>
      <c r="GE30" s="326">
        <v>1156290</v>
      </c>
      <c r="GF30" s="327">
        <v>9510354</v>
      </c>
      <c r="GG30" s="333">
        <v>11054482</v>
      </c>
      <c r="GH30" s="332">
        <v>21285</v>
      </c>
      <c r="GI30" s="326">
        <v>116136</v>
      </c>
      <c r="GJ30" s="330">
        <v>137421</v>
      </c>
      <c r="GK30" s="331">
        <v>0</v>
      </c>
      <c r="GL30" s="326">
        <v>165159</v>
      </c>
      <c r="GM30" s="326">
        <v>80823</v>
      </c>
      <c r="GN30" s="326">
        <v>95114</v>
      </c>
      <c r="GO30" s="326">
        <v>220905</v>
      </c>
      <c r="GP30" s="326">
        <v>18513</v>
      </c>
      <c r="GQ30" s="327">
        <v>580514</v>
      </c>
      <c r="GR30" s="329">
        <v>717935</v>
      </c>
      <c r="GS30" s="325">
        <v>292500</v>
      </c>
      <c r="GT30" s="326">
        <v>269566</v>
      </c>
      <c r="GU30" s="327">
        <v>562066</v>
      </c>
      <c r="GV30" s="325">
        <v>0</v>
      </c>
      <c r="GW30" s="326">
        <v>123885</v>
      </c>
      <c r="GX30" s="326">
        <v>108180</v>
      </c>
      <c r="GY30" s="326">
        <v>0</v>
      </c>
      <c r="GZ30" s="326">
        <v>79380</v>
      </c>
      <c r="HA30" s="326">
        <v>60930</v>
      </c>
      <c r="HB30" s="330">
        <v>372375</v>
      </c>
      <c r="HC30" s="329">
        <v>934441</v>
      </c>
      <c r="HD30" s="325">
        <v>373830</v>
      </c>
      <c r="HE30" s="326">
        <v>307595</v>
      </c>
      <c r="HF30" s="330">
        <v>681425</v>
      </c>
      <c r="HG30" s="331">
        <v>0</v>
      </c>
      <c r="HH30" s="326">
        <v>3760893</v>
      </c>
      <c r="HI30" s="326">
        <v>1517921</v>
      </c>
      <c r="HJ30" s="326">
        <v>2387674</v>
      </c>
      <c r="HK30" s="326">
        <v>4401763</v>
      </c>
      <c r="HL30" s="326">
        <v>3454557</v>
      </c>
      <c r="HM30" s="327">
        <v>15522808</v>
      </c>
      <c r="HN30" s="328">
        <v>16204233</v>
      </c>
      <c r="HO30" s="332">
        <v>490554</v>
      </c>
      <c r="HP30" s="326">
        <v>878716</v>
      </c>
      <c r="HQ30" s="327">
        <v>1369270</v>
      </c>
      <c r="HR30" s="325">
        <v>0</v>
      </c>
      <c r="HS30" s="326">
        <v>4800509</v>
      </c>
      <c r="HT30" s="326">
        <v>4129027</v>
      </c>
      <c r="HU30" s="326">
        <v>2556665</v>
      </c>
      <c r="HV30" s="326">
        <v>1758973</v>
      </c>
      <c r="HW30" s="326">
        <v>981092</v>
      </c>
      <c r="HX30" s="330">
        <v>14226266</v>
      </c>
      <c r="HY30" s="329">
        <v>15595536</v>
      </c>
      <c r="HZ30" s="357">
        <v>87720</v>
      </c>
      <c r="IA30" s="355">
        <v>102136</v>
      </c>
      <c r="IB30" s="357">
        <v>189856</v>
      </c>
      <c r="IC30" s="354">
        <v>0</v>
      </c>
      <c r="ID30" s="355">
        <v>7443876</v>
      </c>
      <c r="IE30" s="356">
        <v>4111072</v>
      </c>
      <c r="IF30" s="357">
        <v>5312979</v>
      </c>
      <c r="IG30" s="355">
        <v>2553049</v>
      </c>
      <c r="IH30" s="357">
        <v>912024</v>
      </c>
      <c r="II30" s="358">
        <v>20333000</v>
      </c>
      <c r="IJ30" s="357">
        <v>20522856</v>
      </c>
      <c r="IK30" s="341">
        <v>0</v>
      </c>
      <c r="IL30" s="342">
        <v>0</v>
      </c>
      <c r="IM30" s="343">
        <v>0</v>
      </c>
      <c r="IN30" s="403">
        <v>0</v>
      </c>
      <c r="IO30" s="344">
        <v>0</v>
      </c>
      <c r="IP30" s="344">
        <v>0</v>
      </c>
      <c r="IQ30" s="344">
        <v>0</v>
      </c>
      <c r="IR30" s="344">
        <v>0</v>
      </c>
      <c r="IS30" s="344">
        <v>0</v>
      </c>
      <c r="IT30" s="345">
        <v>0</v>
      </c>
      <c r="IU30" s="346">
        <v>0</v>
      </c>
      <c r="IV30" s="347">
        <v>0</v>
      </c>
      <c r="IW30" s="344">
        <v>0</v>
      </c>
      <c r="IX30" s="348">
        <v>0</v>
      </c>
      <c r="IY30" s="412">
        <v>0</v>
      </c>
      <c r="IZ30" s="344">
        <v>0</v>
      </c>
      <c r="JA30" s="344">
        <v>0</v>
      </c>
      <c r="JB30" s="344">
        <v>0</v>
      </c>
      <c r="JC30" s="344">
        <v>0</v>
      </c>
      <c r="JD30" s="344">
        <v>0</v>
      </c>
      <c r="JE30" s="348">
        <v>0</v>
      </c>
      <c r="JF30" s="349">
        <v>0</v>
      </c>
      <c r="JG30" s="347">
        <v>0</v>
      </c>
      <c r="JH30" s="344">
        <v>0</v>
      </c>
      <c r="JI30" s="345">
        <v>0</v>
      </c>
      <c r="JJ30" s="350">
        <v>0</v>
      </c>
      <c r="JK30" s="344">
        <v>4166529</v>
      </c>
      <c r="JL30" s="344">
        <v>2311844</v>
      </c>
      <c r="JM30" s="344">
        <v>1527220</v>
      </c>
      <c r="JN30" s="344">
        <v>554035</v>
      </c>
      <c r="JO30" s="344">
        <v>25146</v>
      </c>
      <c r="JP30" s="348">
        <v>8584774</v>
      </c>
      <c r="JQ30" s="346">
        <v>8584774</v>
      </c>
      <c r="JR30" s="347">
        <v>0</v>
      </c>
      <c r="JS30" s="344">
        <v>0</v>
      </c>
      <c r="JT30" s="345">
        <v>0</v>
      </c>
      <c r="JU30" s="350">
        <v>0</v>
      </c>
      <c r="JV30" s="344">
        <v>0</v>
      </c>
      <c r="JW30" s="344">
        <v>0</v>
      </c>
      <c r="JX30" s="344">
        <v>0</v>
      </c>
      <c r="JY30" s="344">
        <v>0</v>
      </c>
      <c r="JZ30" s="344">
        <v>0</v>
      </c>
      <c r="KA30" s="348">
        <v>0</v>
      </c>
      <c r="KB30" s="346">
        <v>0</v>
      </c>
      <c r="KC30" s="351">
        <v>87720</v>
      </c>
      <c r="KD30" s="352">
        <v>102136</v>
      </c>
      <c r="KE30" s="348">
        <v>189856</v>
      </c>
      <c r="KF30" s="350">
        <v>0</v>
      </c>
      <c r="KG30" s="344">
        <v>478088</v>
      </c>
      <c r="KH30" s="344">
        <v>705978</v>
      </c>
      <c r="KI30" s="344">
        <v>487242</v>
      </c>
      <c r="KJ30" s="344">
        <v>267786</v>
      </c>
      <c r="KK30" s="344">
        <v>302576</v>
      </c>
      <c r="KL30" s="348">
        <v>2241670</v>
      </c>
      <c r="KM30" s="353">
        <v>2431526</v>
      </c>
      <c r="KN30" s="341">
        <v>0</v>
      </c>
      <c r="KO30" s="342">
        <v>0</v>
      </c>
      <c r="KP30" s="343">
        <v>0</v>
      </c>
      <c r="KQ30" s="412">
        <v>0</v>
      </c>
      <c r="KR30" s="344">
        <v>2799259</v>
      </c>
      <c r="KS30" s="344">
        <v>1093250</v>
      </c>
      <c r="KT30" s="344">
        <v>3298517</v>
      </c>
      <c r="KU30" s="344">
        <v>1731228</v>
      </c>
      <c r="KV30" s="344">
        <v>584302</v>
      </c>
      <c r="KW30" s="348">
        <v>9506556</v>
      </c>
      <c r="KX30" s="346">
        <v>9506556</v>
      </c>
      <c r="KY30" s="347">
        <v>0</v>
      </c>
      <c r="KZ30" s="344">
        <v>0</v>
      </c>
      <c r="LA30" s="348">
        <v>0</v>
      </c>
      <c r="LB30" s="412">
        <v>0</v>
      </c>
      <c r="LC30" s="344">
        <v>0</v>
      </c>
      <c r="LD30" s="344">
        <v>0</v>
      </c>
      <c r="LE30" s="344">
        <v>0</v>
      </c>
      <c r="LF30" s="344">
        <v>0</v>
      </c>
      <c r="LG30" s="344">
        <v>0</v>
      </c>
      <c r="LH30" s="348">
        <v>0</v>
      </c>
      <c r="LI30" s="349">
        <v>0</v>
      </c>
      <c r="LJ30" s="347">
        <v>0</v>
      </c>
      <c r="LK30" s="344">
        <v>0</v>
      </c>
      <c r="LL30" s="348">
        <v>0</v>
      </c>
      <c r="LM30" s="412">
        <v>0</v>
      </c>
      <c r="LN30" s="344">
        <v>0</v>
      </c>
      <c r="LO30" s="344">
        <v>0</v>
      </c>
      <c r="LP30" s="344">
        <v>0</v>
      </c>
      <c r="LQ30" s="344">
        <v>0</v>
      </c>
      <c r="LR30" s="344">
        <v>0</v>
      </c>
      <c r="LS30" s="348">
        <v>0</v>
      </c>
      <c r="LT30" s="346">
        <v>0</v>
      </c>
      <c r="LU30" s="347">
        <v>0</v>
      </c>
      <c r="LV30" s="344">
        <v>0</v>
      </c>
      <c r="LW30" s="348">
        <v>0</v>
      </c>
      <c r="LX30" s="412">
        <v>0</v>
      </c>
      <c r="LY30" s="344">
        <v>0</v>
      </c>
      <c r="LZ30" s="344">
        <v>0</v>
      </c>
      <c r="MA30" s="344">
        <v>0</v>
      </c>
      <c r="MB30" s="344">
        <v>0</v>
      </c>
      <c r="MC30" s="344">
        <v>0</v>
      </c>
      <c r="MD30" s="348">
        <v>0</v>
      </c>
      <c r="ME30" s="349">
        <v>0</v>
      </c>
      <c r="MF30" s="347">
        <v>0</v>
      </c>
      <c r="MG30" s="344">
        <v>0</v>
      </c>
      <c r="MH30" s="348">
        <v>0</v>
      </c>
      <c r="MI30" s="412">
        <v>0</v>
      </c>
      <c r="MJ30" s="344">
        <v>3717253</v>
      </c>
      <c r="MK30" s="344">
        <v>9480515</v>
      </c>
      <c r="ML30" s="344">
        <v>20330254</v>
      </c>
      <c r="MM30" s="344">
        <v>39451508</v>
      </c>
      <c r="MN30" s="344">
        <v>18404524</v>
      </c>
      <c r="MO30" s="348">
        <v>91384054</v>
      </c>
      <c r="MP30" s="353">
        <v>91384054</v>
      </c>
      <c r="MQ30" s="347">
        <v>0</v>
      </c>
      <c r="MR30" s="344">
        <v>0</v>
      </c>
      <c r="MS30" s="348">
        <v>0</v>
      </c>
      <c r="MT30" s="412">
        <v>0</v>
      </c>
      <c r="MU30" s="344">
        <v>0</v>
      </c>
      <c r="MV30" s="344">
        <v>878698</v>
      </c>
      <c r="MW30" s="344">
        <v>15062242</v>
      </c>
      <c r="MX30" s="344">
        <v>22985957</v>
      </c>
      <c r="MY30" s="344">
        <v>13419068</v>
      </c>
      <c r="MZ30" s="348">
        <v>52345965</v>
      </c>
      <c r="NA30" s="353">
        <v>52345965</v>
      </c>
      <c r="NB30" s="347">
        <v>0</v>
      </c>
      <c r="NC30" s="344">
        <v>0</v>
      </c>
      <c r="ND30" s="348">
        <v>0</v>
      </c>
      <c r="NE30" s="412">
        <v>0</v>
      </c>
      <c r="NF30" s="344">
        <v>3717253</v>
      </c>
      <c r="NG30" s="344">
        <v>8601817</v>
      </c>
      <c r="NH30" s="344">
        <v>5268012</v>
      </c>
      <c r="NI30" s="344">
        <v>16465551</v>
      </c>
      <c r="NJ30" s="344">
        <v>4113390</v>
      </c>
      <c r="NK30" s="348">
        <v>38166023</v>
      </c>
      <c r="NL30" s="346">
        <v>38166023</v>
      </c>
      <c r="NM30" s="347">
        <v>0</v>
      </c>
      <c r="NN30" s="344">
        <v>0</v>
      </c>
      <c r="NO30" s="348">
        <v>0</v>
      </c>
      <c r="NP30" s="412">
        <v>0</v>
      </c>
      <c r="NQ30" s="344">
        <v>0</v>
      </c>
      <c r="NR30" s="344">
        <v>0</v>
      </c>
      <c r="NS30" s="344">
        <v>0</v>
      </c>
      <c r="NT30" s="344">
        <v>0</v>
      </c>
      <c r="NU30" s="344">
        <v>0</v>
      </c>
      <c r="NV30" s="348">
        <v>0</v>
      </c>
      <c r="NW30" s="349">
        <v>0</v>
      </c>
      <c r="NX30" s="347">
        <v>0</v>
      </c>
      <c r="NY30" s="344">
        <v>0</v>
      </c>
      <c r="NZ30" s="348">
        <v>0</v>
      </c>
      <c r="OA30" s="412">
        <v>0</v>
      </c>
      <c r="OB30" s="344">
        <v>0</v>
      </c>
      <c r="OC30" s="344">
        <v>0</v>
      </c>
      <c r="OD30" s="344">
        <v>0</v>
      </c>
      <c r="OE30" s="344">
        <v>0</v>
      </c>
      <c r="OF30" s="344">
        <v>872066</v>
      </c>
      <c r="OG30" s="348">
        <v>872066</v>
      </c>
      <c r="OH30" s="349">
        <v>872066</v>
      </c>
      <c r="OI30" s="347">
        <v>2525908</v>
      </c>
      <c r="OJ30" s="344">
        <v>4838372</v>
      </c>
      <c r="OK30" s="345">
        <v>7364280</v>
      </c>
      <c r="OL30" s="350">
        <v>0</v>
      </c>
      <c r="OM30" s="344">
        <v>41709154</v>
      </c>
      <c r="ON30" s="344">
        <v>48538563</v>
      </c>
      <c r="OO30" s="344">
        <v>51884217</v>
      </c>
      <c r="OP30" s="344">
        <v>68484815</v>
      </c>
      <c r="OQ30" s="344">
        <v>37215304</v>
      </c>
      <c r="OR30" s="348">
        <v>247832053</v>
      </c>
      <c r="OS30" s="353">
        <v>255196333</v>
      </c>
    </row>
    <row r="31" spans="2:409" s="70" customFormat="1" ht="21" customHeight="1" x14ac:dyDescent="0.2">
      <c r="B31" s="409" t="s">
        <v>26</v>
      </c>
      <c r="C31" s="325">
        <v>2314368</v>
      </c>
      <c r="D31" s="326">
        <v>3212455</v>
      </c>
      <c r="E31" s="327">
        <v>5526823</v>
      </c>
      <c r="F31" s="328">
        <v>0</v>
      </c>
      <c r="G31" s="326">
        <v>25598406</v>
      </c>
      <c r="H31" s="326">
        <v>29865364</v>
      </c>
      <c r="I31" s="326">
        <v>24883201</v>
      </c>
      <c r="J31" s="326">
        <v>21238757</v>
      </c>
      <c r="K31" s="326">
        <v>21559007</v>
      </c>
      <c r="L31" s="366">
        <v>123144735</v>
      </c>
      <c r="M31" s="329">
        <v>128671558</v>
      </c>
      <c r="N31" s="325">
        <v>471701</v>
      </c>
      <c r="O31" s="326">
        <v>491088</v>
      </c>
      <c r="P31" s="327">
        <v>962789</v>
      </c>
      <c r="Q31" s="325">
        <v>0</v>
      </c>
      <c r="R31" s="326">
        <v>6488972</v>
      </c>
      <c r="S31" s="326">
        <v>9686748</v>
      </c>
      <c r="T31" s="326">
        <v>8309644</v>
      </c>
      <c r="U31" s="326">
        <v>6504352</v>
      </c>
      <c r="V31" s="326">
        <v>12530724</v>
      </c>
      <c r="W31" s="327">
        <v>43520440</v>
      </c>
      <c r="X31" s="329">
        <v>44483229</v>
      </c>
      <c r="Y31" s="325">
        <v>0</v>
      </c>
      <c r="Z31" s="326">
        <v>0</v>
      </c>
      <c r="AA31" s="327">
        <v>0</v>
      </c>
      <c r="AB31" s="325">
        <v>0</v>
      </c>
      <c r="AC31" s="326">
        <v>2818363</v>
      </c>
      <c r="AD31" s="326">
        <v>5571974</v>
      </c>
      <c r="AE31" s="326">
        <v>4744985</v>
      </c>
      <c r="AF31" s="326">
        <v>3376000</v>
      </c>
      <c r="AG31" s="326">
        <v>8062656</v>
      </c>
      <c r="AH31" s="327">
        <v>24573978</v>
      </c>
      <c r="AI31" s="329">
        <v>24573978</v>
      </c>
      <c r="AJ31" s="325">
        <v>0</v>
      </c>
      <c r="AK31" s="326">
        <v>0</v>
      </c>
      <c r="AL31" s="327">
        <v>0</v>
      </c>
      <c r="AM31" s="325">
        <v>0</v>
      </c>
      <c r="AN31" s="326">
        <v>0</v>
      </c>
      <c r="AO31" s="326">
        <v>109502</v>
      </c>
      <c r="AP31" s="326">
        <v>265198</v>
      </c>
      <c r="AQ31" s="326">
        <v>580201</v>
      </c>
      <c r="AR31" s="326">
        <v>868573</v>
      </c>
      <c r="AS31" s="327">
        <v>1823474</v>
      </c>
      <c r="AT31" s="329">
        <v>1823474</v>
      </c>
      <c r="AU31" s="325">
        <v>297837</v>
      </c>
      <c r="AV31" s="326">
        <v>392283</v>
      </c>
      <c r="AW31" s="327">
        <v>690120</v>
      </c>
      <c r="AX31" s="325">
        <v>0</v>
      </c>
      <c r="AY31" s="326">
        <v>2682186</v>
      </c>
      <c r="AZ31" s="326">
        <v>3055837</v>
      </c>
      <c r="BA31" s="326">
        <v>1794060</v>
      </c>
      <c r="BB31" s="326">
        <v>1639507</v>
      </c>
      <c r="BC31" s="326">
        <v>2649447</v>
      </c>
      <c r="BD31" s="327">
        <v>11821037</v>
      </c>
      <c r="BE31" s="329">
        <v>12511157</v>
      </c>
      <c r="BF31" s="325">
        <v>52409</v>
      </c>
      <c r="BG31" s="326">
        <v>54318</v>
      </c>
      <c r="BH31" s="330">
        <v>106727</v>
      </c>
      <c r="BI31" s="331">
        <v>0</v>
      </c>
      <c r="BJ31" s="326">
        <v>90113</v>
      </c>
      <c r="BK31" s="326">
        <v>84945</v>
      </c>
      <c r="BL31" s="326">
        <v>174842</v>
      </c>
      <c r="BM31" s="326">
        <v>62297</v>
      </c>
      <c r="BN31" s="326">
        <v>222651</v>
      </c>
      <c r="BO31" s="327">
        <v>634848</v>
      </c>
      <c r="BP31" s="329">
        <v>741575</v>
      </c>
      <c r="BQ31" s="325">
        <v>121455</v>
      </c>
      <c r="BR31" s="326">
        <v>44487</v>
      </c>
      <c r="BS31" s="327">
        <v>165942</v>
      </c>
      <c r="BT31" s="325">
        <v>0</v>
      </c>
      <c r="BU31" s="326">
        <v>898310</v>
      </c>
      <c r="BV31" s="326">
        <v>864490</v>
      </c>
      <c r="BW31" s="326">
        <v>1330559</v>
      </c>
      <c r="BX31" s="326">
        <v>846347</v>
      </c>
      <c r="BY31" s="326">
        <v>727397</v>
      </c>
      <c r="BZ31" s="327">
        <v>4667103</v>
      </c>
      <c r="CA31" s="329">
        <v>4833045</v>
      </c>
      <c r="CB31" s="325">
        <v>201895</v>
      </c>
      <c r="CC31" s="326">
        <v>256290</v>
      </c>
      <c r="CD31" s="327">
        <v>458185</v>
      </c>
      <c r="CE31" s="325">
        <v>0</v>
      </c>
      <c r="CF31" s="326">
        <v>7289511</v>
      </c>
      <c r="CG31" s="326">
        <v>9102914</v>
      </c>
      <c r="CH31" s="326">
        <v>4566762</v>
      </c>
      <c r="CI31" s="326">
        <v>3800569</v>
      </c>
      <c r="CJ31" s="326">
        <v>2105519</v>
      </c>
      <c r="CK31" s="327">
        <v>26865275</v>
      </c>
      <c r="CL31" s="329">
        <v>27323460</v>
      </c>
      <c r="CM31" s="325">
        <v>0</v>
      </c>
      <c r="CN31" s="326">
        <v>0</v>
      </c>
      <c r="CO31" s="327">
        <v>0</v>
      </c>
      <c r="CP31" s="331">
        <v>0</v>
      </c>
      <c r="CQ31" s="326">
        <v>6091808</v>
      </c>
      <c r="CR31" s="326">
        <v>7444552</v>
      </c>
      <c r="CS31" s="326">
        <v>3480396</v>
      </c>
      <c r="CT31" s="326">
        <v>2738011</v>
      </c>
      <c r="CU31" s="326">
        <v>1610119</v>
      </c>
      <c r="CV31" s="327">
        <v>21364886</v>
      </c>
      <c r="CW31" s="329">
        <v>21364886</v>
      </c>
      <c r="CX31" s="325">
        <v>201895</v>
      </c>
      <c r="CY31" s="326">
        <v>256290</v>
      </c>
      <c r="CZ31" s="327">
        <v>458185</v>
      </c>
      <c r="DA31" s="325">
        <v>0</v>
      </c>
      <c r="DB31" s="326">
        <v>1197703</v>
      </c>
      <c r="DC31" s="326">
        <v>1658362</v>
      </c>
      <c r="DD31" s="326">
        <v>1086366</v>
      </c>
      <c r="DE31" s="326">
        <v>1062558</v>
      </c>
      <c r="DF31" s="326">
        <v>495400</v>
      </c>
      <c r="DG31" s="327">
        <v>5500389</v>
      </c>
      <c r="DH31" s="329">
        <v>5958574</v>
      </c>
      <c r="DI31" s="325">
        <v>20211</v>
      </c>
      <c r="DJ31" s="326">
        <v>0</v>
      </c>
      <c r="DK31" s="330">
        <v>20211</v>
      </c>
      <c r="DL31" s="331">
        <v>0</v>
      </c>
      <c r="DM31" s="326">
        <v>980207</v>
      </c>
      <c r="DN31" s="326">
        <v>1538041</v>
      </c>
      <c r="DO31" s="326">
        <v>2571902</v>
      </c>
      <c r="DP31" s="326">
        <v>2301101</v>
      </c>
      <c r="DQ31" s="326">
        <v>1764218</v>
      </c>
      <c r="DR31" s="327">
        <v>9155469</v>
      </c>
      <c r="DS31" s="329">
        <v>9175680</v>
      </c>
      <c r="DT31" s="325">
        <v>20211</v>
      </c>
      <c r="DU31" s="326">
        <v>0</v>
      </c>
      <c r="DV31" s="327">
        <v>20211</v>
      </c>
      <c r="DW31" s="325">
        <v>0</v>
      </c>
      <c r="DX31" s="326">
        <v>944668</v>
      </c>
      <c r="DY31" s="326">
        <v>1403271</v>
      </c>
      <c r="DZ31" s="326">
        <v>2571902</v>
      </c>
      <c r="EA31" s="326">
        <v>2139870</v>
      </c>
      <c r="EB31" s="326">
        <v>1667947</v>
      </c>
      <c r="EC31" s="327">
        <v>8727658</v>
      </c>
      <c r="ED31" s="329">
        <v>8747869</v>
      </c>
      <c r="EE31" s="325">
        <v>0</v>
      </c>
      <c r="EF31" s="330">
        <v>0</v>
      </c>
      <c r="EG31" s="327">
        <v>0</v>
      </c>
      <c r="EH31" s="325">
        <v>0</v>
      </c>
      <c r="EI31" s="326">
        <v>35539</v>
      </c>
      <c r="EJ31" s="326">
        <v>134770</v>
      </c>
      <c r="EK31" s="326">
        <v>0</v>
      </c>
      <c r="EL31" s="326">
        <v>161231</v>
      </c>
      <c r="EM31" s="326">
        <v>96271</v>
      </c>
      <c r="EN31" s="330">
        <v>427811</v>
      </c>
      <c r="EO31" s="329">
        <v>427811</v>
      </c>
      <c r="EP31" s="325">
        <v>0</v>
      </c>
      <c r="EQ31" s="326">
        <v>0</v>
      </c>
      <c r="ER31" s="330">
        <v>0</v>
      </c>
      <c r="ES31" s="331">
        <v>0</v>
      </c>
      <c r="ET31" s="326">
        <v>0</v>
      </c>
      <c r="EU31" s="326">
        <v>0</v>
      </c>
      <c r="EV31" s="326">
        <v>0</v>
      </c>
      <c r="EW31" s="326">
        <v>0</v>
      </c>
      <c r="EX31" s="326">
        <v>0</v>
      </c>
      <c r="EY31" s="327">
        <v>0</v>
      </c>
      <c r="EZ31" s="329">
        <v>0</v>
      </c>
      <c r="FA31" s="325">
        <v>0</v>
      </c>
      <c r="FB31" s="326">
        <v>0</v>
      </c>
      <c r="FC31" s="330">
        <v>0</v>
      </c>
      <c r="FD31" s="331">
        <v>0</v>
      </c>
      <c r="FE31" s="326">
        <v>0</v>
      </c>
      <c r="FF31" s="326">
        <v>0</v>
      </c>
      <c r="FG31" s="326">
        <v>0</v>
      </c>
      <c r="FH31" s="326">
        <v>0</v>
      </c>
      <c r="FI31" s="326">
        <v>0</v>
      </c>
      <c r="FJ31" s="327">
        <v>0</v>
      </c>
      <c r="FK31" s="329">
        <v>0</v>
      </c>
      <c r="FL31" s="325">
        <v>823051</v>
      </c>
      <c r="FM31" s="326">
        <v>1352625</v>
      </c>
      <c r="FN31" s="327">
        <v>2175676</v>
      </c>
      <c r="FO31" s="325">
        <v>0</v>
      </c>
      <c r="FP31" s="326">
        <v>1757631</v>
      </c>
      <c r="FQ31" s="326">
        <v>2954320</v>
      </c>
      <c r="FR31" s="326">
        <v>1800832</v>
      </c>
      <c r="FS31" s="326">
        <v>1618818</v>
      </c>
      <c r="FT31" s="326">
        <v>1796985</v>
      </c>
      <c r="FU31" s="327">
        <v>9928586</v>
      </c>
      <c r="FV31" s="329">
        <v>12104262</v>
      </c>
      <c r="FW31" s="332">
        <v>392439</v>
      </c>
      <c r="FX31" s="326">
        <v>722979</v>
      </c>
      <c r="FY31" s="330">
        <v>1115418</v>
      </c>
      <c r="FZ31" s="331">
        <v>0</v>
      </c>
      <c r="GA31" s="326">
        <v>1102759</v>
      </c>
      <c r="GB31" s="326">
        <v>2552524</v>
      </c>
      <c r="GC31" s="326">
        <v>1725196</v>
      </c>
      <c r="GD31" s="326">
        <v>1549968</v>
      </c>
      <c r="GE31" s="326">
        <v>1678812</v>
      </c>
      <c r="GF31" s="327">
        <v>8609259</v>
      </c>
      <c r="GG31" s="333">
        <v>9724677</v>
      </c>
      <c r="GH31" s="332">
        <v>72862</v>
      </c>
      <c r="GI31" s="326">
        <v>98871</v>
      </c>
      <c r="GJ31" s="330">
        <v>171733</v>
      </c>
      <c r="GK31" s="331">
        <v>0</v>
      </c>
      <c r="GL31" s="326">
        <v>107348</v>
      </c>
      <c r="GM31" s="326">
        <v>180396</v>
      </c>
      <c r="GN31" s="326">
        <v>49896</v>
      </c>
      <c r="GO31" s="326">
        <v>0</v>
      </c>
      <c r="GP31" s="326">
        <v>90720</v>
      </c>
      <c r="GQ31" s="327">
        <v>428360</v>
      </c>
      <c r="GR31" s="329">
        <v>600093</v>
      </c>
      <c r="GS31" s="325">
        <v>357750</v>
      </c>
      <c r="GT31" s="326">
        <v>530775</v>
      </c>
      <c r="GU31" s="327">
        <v>888525</v>
      </c>
      <c r="GV31" s="325">
        <v>0</v>
      </c>
      <c r="GW31" s="326">
        <v>547524</v>
      </c>
      <c r="GX31" s="326">
        <v>221400</v>
      </c>
      <c r="GY31" s="326">
        <v>25740</v>
      </c>
      <c r="GZ31" s="326">
        <v>68850</v>
      </c>
      <c r="HA31" s="326">
        <v>27453</v>
      </c>
      <c r="HB31" s="330">
        <v>890967</v>
      </c>
      <c r="HC31" s="329">
        <v>1779492</v>
      </c>
      <c r="HD31" s="325">
        <v>367832</v>
      </c>
      <c r="HE31" s="326">
        <v>503959</v>
      </c>
      <c r="HF31" s="330">
        <v>871791</v>
      </c>
      <c r="HG31" s="331">
        <v>0</v>
      </c>
      <c r="HH31" s="326">
        <v>4796387</v>
      </c>
      <c r="HI31" s="326">
        <v>2742193</v>
      </c>
      <c r="HJ31" s="326">
        <v>4978876</v>
      </c>
      <c r="HK31" s="326">
        <v>5551338</v>
      </c>
      <c r="HL31" s="326">
        <v>1870284</v>
      </c>
      <c r="HM31" s="327">
        <v>19939078</v>
      </c>
      <c r="HN31" s="328">
        <v>20810869</v>
      </c>
      <c r="HO31" s="332">
        <v>429678</v>
      </c>
      <c r="HP31" s="326">
        <v>608493</v>
      </c>
      <c r="HQ31" s="327">
        <v>1038171</v>
      </c>
      <c r="HR31" s="325">
        <v>0</v>
      </c>
      <c r="HS31" s="326">
        <v>4285698</v>
      </c>
      <c r="HT31" s="326">
        <v>3841148</v>
      </c>
      <c r="HU31" s="326">
        <v>2655185</v>
      </c>
      <c r="HV31" s="326">
        <v>1462579</v>
      </c>
      <c r="HW31" s="326">
        <v>1491277</v>
      </c>
      <c r="HX31" s="330">
        <v>13735887</v>
      </c>
      <c r="HY31" s="329">
        <v>14774058</v>
      </c>
      <c r="HZ31" s="334">
        <v>0</v>
      </c>
      <c r="IA31" s="335">
        <v>0</v>
      </c>
      <c r="IB31" s="336">
        <v>0</v>
      </c>
      <c r="IC31" s="337">
        <v>0</v>
      </c>
      <c r="ID31" s="335">
        <v>4534707</v>
      </c>
      <c r="IE31" s="338">
        <v>8351923</v>
      </c>
      <c r="IF31" s="336">
        <v>11444016</v>
      </c>
      <c r="IG31" s="335">
        <v>3837544</v>
      </c>
      <c r="IH31" s="336">
        <v>1946448</v>
      </c>
      <c r="II31" s="339">
        <v>30114638</v>
      </c>
      <c r="IJ31" s="340">
        <v>30114638</v>
      </c>
      <c r="IK31" s="341">
        <v>0</v>
      </c>
      <c r="IL31" s="342">
        <v>0</v>
      </c>
      <c r="IM31" s="343">
        <v>0</v>
      </c>
      <c r="IN31" s="403">
        <v>0</v>
      </c>
      <c r="IO31" s="344">
        <v>0</v>
      </c>
      <c r="IP31" s="344">
        <v>0</v>
      </c>
      <c r="IQ31" s="344">
        <v>0</v>
      </c>
      <c r="IR31" s="344">
        <v>0</v>
      </c>
      <c r="IS31" s="344">
        <v>0</v>
      </c>
      <c r="IT31" s="345">
        <v>0</v>
      </c>
      <c r="IU31" s="346">
        <v>0</v>
      </c>
      <c r="IV31" s="347">
        <v>0</v>
      </c>
      <c r="IW31" s="344">
        <v>0</v>
      </c>
      <c r="IX31" s="348">
        <v>0</v>
      </c>
      <c r="IY31" s="412">
        <v>0</v>
      </c>
      <c r="IZ31" s="344">
        <v>0</v>
      </c>
      <c r="JA31" s="344">
        <v>0</v>
      </c>
      <c r="JB31" s="344">
        <v>0</v>
      </c>
      <c r="JC31" s="344">
        <v>0</v>
      </c>
      <c r="JD31" s="344">
        <v>0</v>
      </c>
      <c r="JE31" s="348">
        <v>0</v>
      </c>
      <c r="JF31" s="349">
        <v>0</v>
      </c>
      <c r="JG31" s="347">
        <v>0</v>
      </c>
      <c r="JH31" s="344">
        <v>0</v>
      </c>
      <c r="JI31" s="345">
        <v>0</v>
      </c>
      <c r="JJ31" s="350">
        <v>0</v>
      </c>
      <c r="JK31" s="344">
        <v>2246612</v>
      </c>
      <c r="JL31" s="344">
        <v>2753309</v>
      </c>
      <c r="JM31" s="344">
        <v>3093055</v>
      </c>
      <c r="JN31" s="344">
        <v>1035613</v>
      </c>
      <c r="JO31" s="344">
        <v>758709</v>
      </c>
      <c r="JP31" s="348">
        <v>9887298</v>
      </c>
      <c r="JQ31" s="346">
        <v>9887298</v>
      </c>
      <c r="JR31" s="347">
        <v>0</v>
      </c>
      <c r="JS31" s="344">
        <v>0</v>
      </c>
      <c r="JT31" s="345">
        <v>0</v>
      </c>
      <c r="JU31" s="350">
        <v>0</v>
      </c>
      <c r="JV31" s="344">
        <v>0</v>
      </c>
      <c r="JW31" s="344">
        <v>229066</v>
      </c>
      <c r="JX31" s="344">
        <v>181225</v>
      </c>
      <c r="JY31" s="344">
        <v>0</v>
      </c>
      <c r="JZ31" s="344">
        <v>261019</v>
      </c>
      <c r="KA31" s="348">
        <v>671310</v>
      </c>
      <c r="KB31" s="346">
        <v>671310</v>
      </c>
      <c r="KC31" s="351">
        <v>0</v>
      </c>
      <c r="KD31" s="352">
        <v>0</v>
      </c>
      <c r="KE31" s="348">
        <v>0</v>
      </c>
      <c r="KF31" s="350">
        <v>0</v>
      </c>
      <c r="KG31" s="344">
        <v>710192</v>
      </c>
      <c r="KH31" s="344">
        <v>1331195</v>
      </c>
      <c r="KI31" s="344">
        <v>1525788</v>
      </c>
      <c r="KJ31" s="344">
        <v>358605</v>
      </c>
      <c r="KK31" s="344">
        <v>332813</v>
      </c>
      <c r="KL31" s="348">
        <v>4258593</v>
      </c>
      <c r="KM31" s="353">
        <v>4258593</v>
      </c>
      <c r="KN31" s="341">
        <v>0</v>
      </c>
      <c r="KO31" s="342">
        <v>0</v>
      </c>
      <c r="KP31" s="343">
        <v>0</v>
      </c>
      <c r="KQ31" s="412">
        <v>0</v>
      </c>
      <c r="KR31" s="344">
        <v>1577903</v>
      </c>
      <c r="KS31" s="344">
        <v>4038353</v>
      </c>
      <c r="KT31" s="344">
        <v>6643948</v>
      </c>
      <c r="KU31" s="344">
        <v>2443326</v>
      </c>
      <c r="KV31" s="344">
        <v>593907</v>
      </c>
      <c r="KW31" s="348">
        <v>15297437</v>
      </c>
      <c r="KX31" s="346">
        <v>15297437</v>
      </c>
      <c r="KY31" s="347">
        <v>0</v>
      </c>
      <c r="KZ31" s="344">
        <v>0</v>
      </c>
      <c r="LA31" s="348">
        <v>0</v>
      </c>
      <c r="LB31" s="412">
        <v>0</v>
      </c>
      <c r="LC31" s="344">
        <v>0</v>
      </c>
      <c r="LD31" s="344">
        <v>0</v>
      </c>
      <c r="LE31" s="344">
        <v>0</v>
      </c>
      <c r="LF31" s="344">
        <v>0</v>
      </c>
      <c r="LG31" s="344">
        <v>0</v>
      </c>
      <c r="LH31" s="348">
        <v>0</v>
      </c>
      <c r="LI31" s="349">
        <v>0</v>
      </c>
      <c r="LJ31" s="347">
        <v>0</v>
      </c>
      <c r="LK31" s="344">
        <v>0</v>
      </c>
      <c r="LL31" s="348">
        <v>0</v>
      </c>
      <c r="LM31" s="412">
        <v>0</v>
      </c>
      <c r="LN31" s="344">
        <v>0</v>
      </c>
      <c r="LO31" s="344">
        <v>0</v>
      </c>
      <c r="LP31" s="344">
        <v>0</v>
      </c>
      <c r="LQ31" s="344">
        <v>0</v>
      </c>
      <c r="LR31" s="344">
        <v>0</v>
      </c>
      <c r="LS31" s="348">
        <v>0</v>
      </c>
      <c r="LT31" s="346">
        <v>0</v>
      </c>
      <c r="LU31" s="347">
        <v>0</v>
      </c>
      <c r="LV31" s="344">
        <v>0</v>
      </c>
      <c r="LW31" s="348">
        <v>0</v>
      </c>
      <c r="LX31" s="412">
        <v>0</v>
      </c>
      <c r="LY31" s="344">
        <v>0</v>
      </c>
      <c r="LZ31" s="344">
        <v>0</v>
      </c>
      <c r="MA31" s="344">
        <v>0</v>
      </c>
      <c r="MB31" s="344">
        <v>0</v>
      </c>
      <c r="MC31" s="344">
        <v>0</v>
      </c>
      <c r="MD31" s="348">
        <v>0</v>
      </c>
      <c r="ME31" s="349">
        <v>0</v>
      </c>
      <c r="MF31" s="347">
        <v>0</v>
      </c>
      <c r="MG31" s="344">
        <v>0</v>
      </c>
      <c r="MH31" s="348">
        <v>0</v>
      </c>
      <c r="MI31" s="412">
        <v>0</v>
      </c>
      <c r="MJ31" s="344">
        <v>1214374</v>
      </c>
      <c r="MK31" s="344">
        <v>5870064</v>
      </c>
      <c r="ML31" s="344">
        <v>16352125</v>
      </c>
      <c r="MM31" s="344">
        <v>24252706</v>
      </c>
      <c r="MN31" s="344">
        <v>19678778</v>
      </c>
      <c r="MO31" s="348">
        <v>67368047</v>
      </c>
      <c r="MP31" s="353">
        <v>67368047</v>
      </c>
      <c r="MQ31" s="347">
        <v>0</v>
      </c>
      <c r="MR31" s="344">
        <v>0</v>
      </c>
      <c r="MS31" s="348">
        <v>0</v>
      </c>
      <c r="MT31" s="412">
        <v>0</v>
      </c>
      <c r="MU31" s="344">
        <v>497824</v>
      </c>
      <c r="MV31" s="344">
        <v>1268190</v>
      </c>
      <c r="MW31" s="344">
        <v>7626718</v>
      </c>
      <c r="MX31" s="344">
        <v>19030659</v>
      </c>
      <c r="MY31" s="344">
        <v>13895683</v>
      </c>
      <c r="MZ31" s="348">
        <v>42319074</v>
      </c>
      <c r="NA31" s="353">
        <v>42319074</v>
      </c>
      <c r="NB31" s="347">
        <v>0</v>
      </c>
      <c r="NC31" s="344">
        <v>0</v>
      </c>
      <c r="ND31" s="348">
        <v>0</v>
      </c>
      <c r="NE31" s="412">
        <v>0</v>
      </c>
      <c r="NF31" s="344">
        <v>716550</v>
      </c>
      <c r="NG31" s="344">
        <v>4601874</v>
      </c>
      <c r="NH31" s="344">
        <v>8347868</v>
      </c>
      <c r="NI31" s="344">
        <v>4791742</v>
      </c>
      <c r="NJ31" s="344">
        <v>4903637</v>
      </c>
      <c r="NK31" s="348">
        <v>23361671</v>
      </c>
      <c r="NL31" s="346">
        <v>23361671</v>
      </c>
      <c r="NM31" s="347">
        <v>0</v>
      </c>
      <c r="NN31" s="344">
        <v>0</v>
      </c>
      <c r="NO31" s="348">
        <v>0</v>
      </c>
      <c r="NP31" s="412">
        <v>0</v>
      </c>
      <c r="NQ31" s="344">
        <v>0</v>
      </c>
      <c r="NR31" s="344">
        <v>0</v>
      </c>
      <c r="NS31" s="344">
        <v>0</v>
      </c>
      <c r="NT31" s="344">
        <v>0</v>
      </c>
      <c r="NU31" s="344">
        <v>0</v>
      </c>
      <c r="NV31" s="348">
        <v>0</v>
      </c>
      <c r="NW31" s="349">
        <v>0</v>
      </c>
      <c r="NX31" s="347">
        <v>0</v>
      </c>
      <c r="NY31" s="344">
        <v>0</v>
      </c>
      <c r="NZ31" s="348">
        <v>0</v>
      </c>
      <c r="OA31" s="412">
        <v>0</v>
      </c>
      <c r="OB31" s="344">
        <v>0</v>
      </c>
      <c r="OC31" s="344">
        <v>0</v>
      </c>
      <c r="OD31" s="344">
        <v>377539</v>
      </c>
      <c r="OE31" s="344">
        <v>430305</v>
      </c>
      <c r="OF31" s="344">
        <v>879458</v>
      </c>
      <c r="OG31" s="348">
        <v>1687302</v>
      </c>
      <c r="OH31" s="349">
        <v>1687302</v>
      </c>
      <c r="OI31" s="347">
        <v>2314368</v>
      </c>
      <c r="OJ31" s="344">
        <v>3212455</v>
      </c>
      <c r="OK31" s="345">
        <v>5526823</v>
      </c>
      <c r="OL31" s="350">
        <v>0</v>
      </c>
      <c r="OM31" s="344">
        <v>31347487</v>
      </c>
      <c r="ON31" s="344">
        <v>44087351</v>
      </c>
      <c r="OO31" s="344">
        <v>52679342</v>
      </c>
      <c r="OP31" s="344">
        <v>49329007</v>
      </c>
      <c r="OQ31" s="344">
        <v>43184233</v>
      </c>
      <c r="OR31" s="348">
        <v>220627420</v>
      </c>
      <c r="OS31" s="353">
        <v>226154243</v>
      </c>
    </row>
    <row r="32" spans="2:409" s="70" customFormat="1" ht="21" customHeight="1" x14ac:dyDescent="0.2">
      <c r="B32" s="409" t="s">
        <v>27</v>
      </c>
      <c r="C32" s="325">
        <v>2995715</v>
      </c>
      <c r="D32" s="326">
        <v>6723393</v>
      </c>
      <c r="E32" s="327">
        <v>9719108</v>
      </c>
      <c r="F32" s="328">
        <v>0</v>
      </c>
      <c r="G32" s="326">
        <v>24714852</v>
      </c>
      <c r="H32" s="326">
        <v>22757893</v>
      </c>
      <c r="I32" s="326">
        <v>21980693</v>
      </c>
      <c r="J32" s="326">
        <v>19084161</v>
      </c>
      <c r="K32" s="326">
        <v>15564614</v>
      </c>
      <c r="L32" s="366">
        <v>104102213</v>
      </c>
      <c r="M32" s="329">
        <v>113821321</v>
      </c>
      <c r="N32" s="325">
        <v>668008</v>
      </c>
      <c r="O32" s="326">
        <v>1469576</v>
      </c>
      <c r="P32" s="327">
        <v>2137584</v>
      </c>
      <c r="Q32" s="325">
        <v>0</v>
      </c>
      <c r="R32" s="326">
        <v>4511703</v>
      </c>
      <c r="S32" s="326">
        <v>6065828</v>
      </c>
      <c r="T32" s="326">
        <v>6587446</v>
      </c>
      <c r="U32" s="326">
        <v>6818431</v>
      </c>
      <c r="V32" s="326">
        <v>7715522</v>
      </c>
      <c r="W32" s="327">
        <v>31698930</v>
      </c>
      <c r="X32" s="329">
        <v>33836514</v>
      </c>
      <c r="Y32" s="325">
        <v>0</v>
      </c>
      <c r="Z32" s="326">
        <v>0</v>
      </c>
      <c r="AA32" s="327">
        <v>0</v>
      </c>
      <c r="AB32" s="325">
        <v>0</v>
      </c>
      <c r="AC32" s="326">
        <v>2359676</v>
      </c>
      <c r="AD32" s="326">
        <v>3001053</v>
      </c>
      <c r="AE32" s="326">
        <v>4042364</v>
      </c>
      <c r="AF32" s="326">
        <v>3933865</v>
      </c>
      <c r="AG32" s="326">
        <v>4037348</v>
      </c>
      <c r="AH32" s="327">
        <v>17374306</v>
      </c>
      <c r="AI32" s="329">
        <v>17374306</v>
      </c>
      <c r="AJ32" s="325">
        <v>0</v>
      </c>
      <c r="AK32" s="326">
        <v>0</v>
      </c>
      <c r="AL32" s="327">
        <v>0</v>
      </c>
      <c r="AM32" s="325">
        <v>0</v>
      </c>
      <c r="AN32" s="326">
        <v>64201</v>
      </c>
      <c r="AO32" s="326">
        <v>354412</v>
      </c>
      <c r="AP32" s="326">
        <v>235080</v>
      </c>
      <c r="AQ32" s="326">
        <v>608152</v>
      </c>
      <c r="AR32" s="326">
        <v>1237343</v>
      </c>
      <c r="AS32" s="327">
        <v>2499188</v>
      </c>
      <c r="AT32" s="329">
        <v>2499188</v>
      </c>
      <c r="AU32" s="325">
        <v>563330</v>
      </c>
      <c r="AV32" s="326">
        <v>1200731</v>
      </c>
      <c r="AW32" s="327">
        <v>1764061</v>
      </c>
      <c r="AX32" s="325">
        <v>0</v>
      </c>
      <c r="AY32" s="326">
        <v>1144784</v>
      </c>
      <c r="AZ32" s="326">
        <v>1882223</v>
      </c>
      <c r="BA32" s="326">
        <v>1400974</v>
      </c>
      <c r="BB32" s="326">
        <v>1344896</v>
      </c>
      <c r="BC32" s="326">
        <v>1765636</v>
      </c>
      <c r="BD32" s="327">
        <v>7538513</v>
      </c>
      <c r="BE32" s="329">
        <v>9302574</v>
      </c>
      <c r="BF32" s="325">
        <v>0</v>
      </c>
      <c r="BG32" s="326">
        <v>61603</v>
      </c>
      <c r="BH32" s="330">
        <v>61603</v>
      </c>
      <c r="BI32" s="331">
        <v>0</v>
      </c>
      <c r="BJ32" s="326">
        <v>71102</v>
      </c>
      <c r="BK32" s="326">
        <v>61978</v>
      </c>
      <c r="BL32" s="326">
        <v>0</v>
      </c>
      <c r="BM32" s="326">
        <v>0</v>
      </c>
      <c r="BN32" s="326">
        <v>40865</v>
      </c>
      <c r="BO32" s="327">
        <v>173945</v>
      </c>
      <c r="BP32" s="329">
        <v>235548</v>
      </c>
      <c r="BQ32" s="325">
        <v>104678</v>
      </c>
      <c r="BR32" s="326">
        <v>207242</v>
      </c>
      <c r="BS32" s="327">
        <v>311920</v>
      </c>
      <c r="BT32" s="325">
        <v>0</v>
      </c>
      <c r="BU32" s="326">
        <v>871940</v>
      </c>
      <c r="BV32" s="326">
        <v>766162</v>
      </c>
      <c r="BW32" s="326">
        <v>909028</v>
      </c>
      <c r="BX32" s="326">
        <v>931518</v>
      </c>
      <c r="BY32" s="326">
        <v>634330</v>
      </c>
      <c r="BZ32" s="327">
        <v>4112978</v>
      </c>
      <c r="CA32" s="329">
        <v>4424898</v>
      </c>
      <c r="CB32" s="325">
        <v>277590</v>
      </c>
      <c r="CC32" s="326">
        <v>1227978</v>
      </c>
      <c r="CD32" s="327">
        <v>1505568</v>
      </c>
      <c r="CE32" s="325">
        <v>0</v>
      </c>
      <c r="CF32" s="326">
        <v>8586800</v>
      </c>
      <c r="CG32" s="326">
        <v>5380910</v>
      </c>
      <c r="CH32" s="326">
        <v>4173578</v>
      </c>
      <c r="CI32" s="326">
        <v>544475</v>
      </c>
      <c r="CJ32" s="326">
        <v>1768589</v>
      </c>
      <c r="CK32" s="327">
        <v>20454352</v>
      </c>
      <c r="CL32" s="329">
        <v>21959920</v>
      </c>
      <c r="CM32" s="325">
        <v>0</v>
      </c>
      <c r="CN32" s="326">
        <v>0</v>
      </c>
      <c r="CO32" s="327">
        <v>0</v>
      </c>
      <c r="CP32" s="331">
        <v>0</v>
      </c>
      <c r="CQ32" s="326">
        <v>7267100</v>
      </c>
      <c r="CR32" s="326">
        <v>3596485</v>
      </c>
      <c r="CS32" s="326">
        <v>2756788</v>
      </c>
      <c r="CT32" s="326">
        <v>2851812</v>
      </c>
      <c r="CU32" s="326">
        <v>1266713</v>
      </c>
      <c r="CV32" s="327">
        <v>17738898</v>
      </c>
      <c r="CW32" s="329">
        <v>17738898</v>
      </c>
      <c r="CX32" s="325">
        <v>277590</v>
      </c>
      <c r="CY32" s="326">
        <v>1227978</v>
      </c>
      <c r="CZ32" s="327">
        <v>1505568</v>
      </c>
      <c r="DA32" s="325">
        <v>0</v>
      </c>
      <c r="DB32" s="326">
        <v>1319700</v>
      </c>
      <c r="DC32" s="326">
        <v>1784425</v>
      </c>
      <c r="DD32" s="326">
        <v>1416790</v>
      </c>
      <c r="DE32" s="326">
        <v>-2307337</v>
      </c>
      <c r="DF32" s="326">
        <v>501876</v>
      </c>
      <c r="DG32" s="327">
        <v>2715454</v>
      </c>
      <c r="DH32" s="329">
        <v>4221022</v>
      </c>
      <c r="DI32" s="325">
        <v>15795</v>
      </c>
      <c r="DJ32" s="326">
        <v>98770</v>
      </c>
      <c r="DK32" s="330">
        <v>114565</v>
      </c>
      <c r="DL32" s="331">
        <v>0</v>
      </c>
      <c r="DM32" s="326">
        <v>436564</v>
      </c>
      <c r="DN32" s="326">
        <v>732645</v>
      </c>
      <c r="DO32" s="326">
        <v>1188997</v>
      </c>
      <c r="DP32" s="326">
        <v>1340702</v>
      </c>
      <c r="DQ32" s="326">
        <v>422846</v>
      </c>
      <c r="DR32" s="327">
        <v>4121754</v>
      </c>
      <c r="DS32" s="329">
        <v>4236319</v>
      </c>
      <c r="DT32" s="325">
        <v>0</v>
      </c>
      <c r="DU32" s="326">
        <v>75954</v>
      </c>
      <c r="DV32" s="327">
        <v>75954</v>
      </c>
      <c r="DW32" s="325">
        <v>0</v>
      </c>
      <c r="DX32" s="326">
        <v>436564</v>
      </c>
      <c r="DY32" s="326">
        <v>518071</v>
      </c>
      <c r="DZ32" s="326">
        <v>1129584</v>
      </c>
      <c r="EA32" s="326">
        <v>1293065</v>
      </c>
      <c r="EB32" s="326">
        <v>422846</v>
      </c>
      <c r="EC32" s="327">
        <v>3800130</v>
      </c>
      <c r="ED32" s="329">
        <v>3876084</v>
      </c>
      <c r="EE32" s="325">
        <v>15795</v>
      </c>
      <c r="EF32" s="330">
        <v>22816</v>
      </c>
      <c r="EG32" s="327">
        <v>38611</v>
      </c>
      <c r="EH32" s="325">
        <v>0</v>
      </c>
      <c r="EI32" s="326">
        <v>0</v>
      </c>
      <c r="EJ32" s="326">
        <v>214574</v>
      </c>
      <c r="EK32" s="326">
        <v>59413</v>
      </c>
      <c r="EL32" s="326">
        <v>47637</v>
      </c>
      <c r="EM32" s="326">
        <v>0</v>
      </c>
      <c r="EN32" s="330">
        <v>321624</v>
      </c>
      <c r="EO32" s="329">
        <v>360235</v>
      </c>
      <c r="EP32" s="325">
        <v>0</v>
      </c>
      <c r="EQ32" s="326">
        <v>0</v>
      </c>
      <c r="ER32" s="330">
        <v>0</v>
      </c>
      <c r="ES32" s="331">
        <v>0</v>
      </c>
      <c r="ET32" s="326">
        <v>0</v>
      </c>
      <c r="EU32" s="326">
        <v>0</v>
      </c>
      <c r="EV32" s="326">
        <v>0</v>
      </c>
      <c r="EW32" s="326">
        <v>0</v>
      </c>
      <c r="EX32" s="326">
        <v>0</v>
      </c>
      <c r="EY32" s="327">
        <v>0</v>
      </c>
      <c r="EZ32" s="329">
        <v>0</v>
      </c>
      <c r="FA32" s="325">
        <v>0</v>
      </c>
      <c r="FB32" s="326">
        <v>0</v>
      </c>
      <c r="FC32" s="330">
        <v>0</v>
      </c>
      <c r="FD32" s="331">
        <v>0</v>
      </c>
      <c r="FE32" s="326">
        <v>0</v>
      </c>
      <c r="FF32" s="326">
        <v>0</v>
      </c>
      <c r="FG32" s="326">
        <v>0</v>
      </c>
      <c r="FH32" s="326">
        <v>0</v>
      </c>
      <c r="FI32" s="326">
        <v>0</v>
      </c>
      <c r="FJ32" s="327">
        <v>0</v>
      </c>
      <c r="FK32" s="329">
        <v>0</v>
      </c>
      <c r="FL32" s="325">
        <v>767758</v>
      </c>
      <c r="FM32" s="326">
        <v>1473973</v>
      </c>
      <c r="FN32" s="327">
        <v>2241731</v>
      </c>
      <c r="FO32" s="325">
        <v>0</v>
      </c>
      <c r="FP32" s="326">
        <v>706170</v>
      </c>
      <c r="FQ32" s="326">
        <v>2093016</v>
      </c>
      <c r="FR32" s="326">
        <v>1735085</v>
      </c>
      <c r="FS32" s="326">
        <v>1456746</v>
      </c>
      <c r="FT32" s="326">
        <v>969853</v>
      </c>
      <c r="FU32" s="327">
        <v>6960870</v>
      </c>
      <c r="FV32" s="329">
        <v>9202601</v>
      </c>
      <c r="FW32" s="332">
        <v>482720</v>
      </c>
      <c r="FX32" s="326">
        <v>1136579</v>
      </c>
      <c r="FY32" s="330">
        <v>1619299</v>
      </c>
      <c r="FZ32" s="331">
        <v>0</v>
      </c>
      <c r="GA32" s="326">
        <v>676767</v>
      </c>
      <c r="GB32" s="326">
        <v>1688436</v>
      </c>
      <c r="GC32" s="326">
        <v>1693955</v>
      </c>
      <c r="GD32" s="326">
        <v>1236372</v>
      </c>
      <c r="GE32" s="326">
        <v>969853</v>
      </c>
      <c r="GF32" s="327">
        <v>6265383</v>
      </c>
      <c r="GG32" s="333">
        <v>7884682</v>
      </c>
      <c r="GH32" s="332">
        <v>47520</v>
      </c>
      <c r="GI32" s="326">
        <v>117794</v>
      </c>
      <c r="GJ32" s="330">
        <v>165314</v>
      </c>
      <c r="GK32" s="331">
        <v>0</v>
      </c>
      <c r="GL32" s="326">
        <v>29403</v>
      </c>
      <c r="GM32" s="326">
        <v>123871</v>
      </c>
      <c r="GN32" s="326">
        <v>0</v>
      </c>
      <c r="GO32" s="326">
        <v>40374</v>
      </c>
      <c r="GP32" s="326">
        <v>0</v>
      </c>
      <c r="GQ32" s="327">
        <v>193648</v>
      </c>
      <c r="GR32" s="329">
        <v>358962</v>
      </c>
      <c r="GS32" s="325">
        <v>237518</v>
      </c>
      <c r="GT32" s="326">
        <v>219600</v>
      </c>
      <c r="GU32" s="327">
        <v>457118</v>
      </c>
      <c r="GV32" s="325">
        <v>0</v>
      </c>
      <c r="GW32" s="326">
        <v>0</v>
      </c>
      <c r="GX32" s="326">
        <v>280709</v>
      </c>
      <c r="GY32" s="326">
        <v>41130</v>
      </c>
      <c r="GZ32" s="326">
        <v>180000</v>
      </c>
      <c r="HA32" s="326">
        <v>0</v>
      </c>
      <c r="HB32" s="330">
        <v>501839</v>
      </c>
      <c r="HC32" s="329">
        <v>958957</v>
      </c>
      <c r="HD32" s="325">
        <v>663492</v>
      </c>
      <c r="HE32" s="326">
        <v>1558778</v>
      </c>
      <c r="HF32" s="330">
        <v>2222270</v>
      </c>
      <c r="HG32" s="331">
        <v>0</v>
      </c>
      <c r="HH32" s="326">
        <v>7066551</v>
      </c>
      <c r="HI32" s="326">
        <v>6072156</v>
      </c>
      <c r="HJ32" s="326">
        <v>6403810</v>
      </c>
      <c r="HK32" s="326">
        <v>7826247</v>
      </c>
      <c r="HL32" s="326">
        <v>3932010</v>
      </c>
      <c r="HM32" s="327">
        <v>31300774</v>
      </c>
      <c r="HN32" s="328">
        <v>33523044</v>
      </c>
      <c r="HO32" s="332">
        <v>603072</v>
      </c>
      <c r="HP32" s="326">
        <v>894318</v>
      </c>
      <c r="HQ32" s="327">
        <v>1497390</v>
      </c>
      <c r="HR32" s="325">
        <v>0</v>
      </c>
      <c r="HS32" s="326">
        <v>3407064</v>
      </c>
      <c r="HT32" s="326">
        <v>2413338</v>
      </c>
      <c r="HU32" s="326">
        <v>1891777</v>
      </c>
      <c r="HV32" s="326">
        <v>1097560</v>
      </c>
      <c r="HW32" s="326">
        <v>755794</v>
      </c>
      <c r="HX32" s="330">
        <v>9565533</v>
      </c>
      <c r="HY32" s="329">
        <v>11062923</v>
      </c>
      <c r="HZ32" s="357">
        <v>0</v>
      </c>
      <c r="IA32" s="355">
        <v>0</v>
      </c>
      <c r="IB32" s="357">
        <v>0</v>
      </c>
      <c r="IC32" s="354">
        <v>0</v>
      </c>
      <c r="ID32" s="355">
        <v>4361218</v>
      </c>
      <c r="IE32" s="356">
        <v>2757755</v>
      </c>
      <c r="IF32" s="357">
        <v>6598761</v>
      </c>
      <c r="IG32" s="355">
        <v>4802871</v>
      </c>
      <c r="IH32" s="357">
        <v>3740739</v>
      </c>
      <c r="II32" s="358">
        <v>22261344</v>
      </c>
      <c r="IJ32" s="357">
        <v>22261344</v>
      </c>
      <c r="IK32" s="341">
        <v>0</v>
      </c>
      <c r="IL32" s="342">
        <v>0</v>
      </c>
      <c r="IM32" s="343">
        <v>0</v>
      </c>
      <c r="IN32" s="403">
        <v>0</v>
      </c>
      <c r="IO32" s="344">
        <v>0</v>
      </c>
      <c r="IP32" s="344">
        <v>0</v>
      </c>
      <c r="IQ32" s="344">
        <v>175496</v>
      </c>
      <c r="IR32" s="344">
        <v>0</v>
      </c>
      <c r="IS32" s="344">
        <v>0</v>
      </c>
      <c r="IT32" s="345">
        <v>175496</v>
      </c>
      <c r="IU32" s="346">
        <v>175496</v>
      </c>
      <c r="IV32" s="347">
        <v>0</v>
      </c>
      <c r="IW32" s="344">
        <v>0</v>
      </c>
      <c r="IX32" s="348">
        <v>0</v>
      </c>
      <c r="IY32" s="412">
        <v>0</v>
      </c>
      <c r="IZ32" s="344">
        <v>0</v>
      </c>
      <c r="JA32" s="344">
        <v>0</v>
      </c>
      <c r="JB32" s="344">
        <v>0</v>
      </c>
      <c r="JC32" s="344">
        <v>0</v>
      </c>
      <c r="JD32" s="344">
        <v>0</v>
      </c>
      <c r="JE32" s="348">
        <v>0</v>
      </c>
      <c r="JF32" s="349">
        <v>0</v>
      </c>
      <c r="JG32" s="347">
        <v>0</v>
      </c>
      <c r="JH32" s="344">
        <v>0</v>
      </c>
      <c r="JI32" s="345">
        <v>0</v>
      </c>
      <c r="JJ32" s="350">
        <v>0</v>
      </c>
      <c r="JK32" s="344">
        <v>1783336</v>
      </c>
      <c r="JL32" s="344">
        <v>820223</v>
      </c>
      <c r="JM32" s="344">
        <v>704366</v>
      </c>
      <c r="JN32" s="344">
        <v>177232</v>
      </c>
      <c r="JO32" s="344">
        <v>0</v>
      </c>
      <c r="JP32" s="348">
        <v>3485157</v>
      </c>
      <c r="JQ32" s="346">
        <v>3485157</v>
      </c>
      <c r="JR32" s="347">
        <v>0</v>
      </c>
      <c r="JS32" s="344">
        <v>0</v>
      </c>
      <c r="JT32" s="345">
        <v>0</v>
      </c>
      <c r="JU32" s="350">
        <v>0</v>
      </c>
      <c r="JV32" s="344">
        <v>117964</v>
      </c>
      <c r="JW32" s="344">
        <v>56511</v>
      </c>
      <c r="JX32" s="344">
        <v>316158</v>
      </c>
      <c r="JY32" s="344">
        <v>202360</v>
      </c>
      <c r="JZ32" s="344">
        <v>199557</v>
      </c>
      <c r="KA32" s="348">
        <v>892550</v>
      </c>
      <c r="KB32" s="346">
        <v>892550</v>
      </c>
      <c r="KC32" s="351">
        <v>0</v>
      </c>
      <c r="KD32" s="352">
        <v>0</v>
      </c>
      <c r="KE32" s="348">
        <v>0</v>
      </c>
      <c r="KF32" s="350">
        <v>0</v>
      </c>
      <c r="KG32" s="344">
        <v>1053264</v>
      </c>
      <c r="KH32" s="344">
        <v>780849</v>
      </c>
      <c r="KI32" s="344">
        <v>1162557</v>
      </c>
      <c r="KJ32" s="344">
        <v>490750</v>
      </c>
      <c r="KK32" s="344">
        <v>268840</v>
      </c>
      <c r="KL32" s="348">
        <v>3756260</v>
      </c>
      <c r="KM32" s="353">
        <v>3756260</v>
      </c>
      <c r="KN32" s="341">
        <v>0</v>
      </c>
      <c r="KO32" s="342">
        <v>0</v>
      </c>
      <c r="KP32" s="343">
        <v>0</v>
      </c>
      <c r="KQ32" s="412">
        <v>0</v>
      </c>
      <c r="KR32" s="344">
        <v>1406654</v>
      </c>
      <c r="KS32" s="344">
        <v>1100172</v>
      </c>
      <c r="KT32" s="344">
        <v>2799944</v>
      </c>
      <c r="KU32" s="344">
        <v>1423796</v>
      </c>
      <c r="KV32" s="344">
        <v>2058778</v>
      </c>
      <c r="KW32" s="348">
        <v>8789344</v>
      </c>
      <c r="KX32" s="346">
        <v>8789344</v>
      </c>
      <c r="KY32" s="347">
        <v>0</v>
      </c>
      <c r="KZ32" s="344">
        <v>0</v>
      </c>
      <c r="LA32" s="348">
        <v>0</v>
      </c>
      <c r="LB32" s="412">
        <v>0</v>
      </c>
      <c r="LC32" s="344">
        <v>0</v>
      </c>
      <c r="LD32" s="344">
        <v>0</v>
      </c>
      <c r="LE32" s="344">
        <v>0</v>
      </c>
      <c r="LF32" s="344">
        <v>0</v>
      </c>
      <c r="LG32" s="344">
        <v>0</v>
      </c>
      <c r="LH32" s="348">
        <v>0</v>
      </c>
      <c r="LI32" s="349">
        <v>0</v>
      </c>
      <c r="LJ32" s="347">
        <v>0</v>
      </c>
      <c r="LK32" s="344">
        <v>0</v>
      </c>
      <c r="LL32" s="348">
        <v>0</v>
      </c>
      <c r="LM32" s="412">
        <v>0</v>
      </c>
      <c r="LN32" s="344">
        <v>0</v>
      </c>
      <c r="LO32" s="344">
        <v>0</v>
      </c>
      <c r="LP32" s="344">
        <v>1440240</v>
      </c>
      <c r="LQ32" s="344">
        <v>2202752</v>
      </c>
      <c r="LR32" s="344">
        <v>1213564</v>
      </c>
      <c r="LS32" s="348">
        <v>4856556</v>
      </c>
      <c r="LT32" s="346">
        <v>4856556</v>
      </c>
      <c r="LU32" s="347">
        <v>0</v>
      </c>
      <c r="LV32" s="344">
        <v>0</v>
      </c>
      <c r="LW32" s="348">
        <v>0</v>
      </c>
      <c r="LX32" s="412">
        <v>0</v>
      </c>
      <c r="LY32" s="344">
        <v>0</v>
      </c>
      <c r="LZ32" s="344">
        <v>0</v>
      </c>
      <c r="MA32" s="344">
        <v>0</v>
      </c>
      <c r="MB32" s="344">
        <v>305981</v>
      </c>
      <c r="MC32" s="344">
        <v>0</v>
      </c>
      <c r="MD32" s="348">
        <v>305981</v>
      </c>
      <c r="ME32" s="349">
        <v>305981</v>
      </c>
      <c r="MF32" s="347">
        <v>0</v>
      </c>
      <c r="MG32" s="344">
        <v>0</v>
      </c>
      <c r="MH32" s="348">
        <v>0</v>
      </c>
      <c r="MI32" s="412">
        <v>0</v>
      </c>
      <c r="MJ32" s="344">
        <v>3052800</v>
      </c>
      <c r="MK32" s="344">
        <v>4739935</v>
      </c>
      <c r="ML32" s="344">
        <v>12713668</v>
      </c>
      <c r="MM32" s="344">
        <v>23254039</v>
      </c>
      <c r="MN32" s="344">
        <v>17451102</v>
      </c>
      <c r="MO32" s="348">
        <v>61211544</v>
      </c>
      <c r="MP32" s="353">
        <v>61211544</v>
      </c>
      <c r="MQ32" s="347">
        <v>0</v>
      </c>
      <c r="MR32" s="344">
        <v>0</v>
      </c>
      <c r="MS32" s="348">
        <v>0</v>
      </c>
      <c r="MT32" s="412">
        <v>0</v>
      </c>
      <c r="MU32" s="344">
        <v>479046</v>
      </c>
      <c r="MV32" s="344">
        <v>234623</v>
      </c>
      <c r="MW32" s="344">
        <v>7666458</v>
      </c>
      <c r="MX32" s="344">
        <v>16720824</v>
      </c>
      <c r="MY32" s="344">
        <v>11008206</v>
      </c>
      <c r="MZ32" s="348">
        <v>36109157</v>
      </c>
      <c r="NA32" s="353">
        <v>36109157</v>
      </c>
      <c r="NB32" s="347">
        <v>0</v>
      </c>
      <c r="NC32" s="344">
        <v>0</v>
      </c>
      <c r="ND32" s="348">
        <v>0</v>
      </c>
      <c r="NE32" s="412">
        <v>0</v>
      </c>
      <c r="NF32" s="344">
        <v>2573754</v>
      </c>
      <c r="NG32" s="344">
        <v>4505312</v>
      </c>
      <c r="NH32" s="344">
        <v>5047210</v>
      </c>
      <c r="NI32" s="344">
        <v>5717069</v>
      </c>
      <c r="NJ32" s="344">
        <v>5627333</v>
      </c>
      <c r="NK32" s="348">
        <v>23470678</v>
      </c>
      <c r="NL32" s="346">
        <v>23470678</v>
      </c>
      <c r="NM32" s="347">
        <v>0</v>
      </c>
      <c r="NN32" s="344">
        <v>0</v>
      </c>
      <c r="NO32" s="348">
        <v>0</v>
      </c>
      <c r="NP32" s="412">
        <v>0</v>
      </c>
      <c r="NQ32" s="344">
        <v>0</v>
      </c>
      <c r="NR32" s="344">
        <v>0</v>
      </c>
      <c r="NS32" s="344">
        <v>0</v>
      </c>
      <c r="NT32" s="344">
        <v>0</v>
      </c>
      <c r="NU32" s="344">
        <v>0</v>
      </c>
      <c r="NV32" s="348">
        <v>0</v>
      </c>
      <c r="NW32" s="349">
        <v>0</v>
      </c>
      <c r="NX32" s="347">
        <v>0</v>
      </c>
      <c r="NY32" s="344">
        <v>0</v>
      </c>
      <c r="NZ32" s="348">
        <v>0</v>
      </c>
      <c r="OA32" s="412">
        <v>0</v>
      </c>
      <c r="OB32" s="344">
        <v>0</v>
      </c>
      <c r="OC32" s="344">
        <v>0</v>
      </c>
      <c r="OD32" s="344">
        <v>0</v>
      </c>
      <c r="OE32" s="344">
        <v>816146</v>
      </c>
      <c r="OF32" s="344">
        <v>815563</v>
      </c>
      <c r="OG32" s="348">
        <v>1631709</v>
      </c>
      <c r="OH32" s="349">
        <v>1631709</v>
      </c>
      <c r="OI32" s="347">
        <v>2995715</v>
      </c>
      <c r="OJ32" s="344">
        <v>6723393</v>
      </c>
      <c r="OK32" s="345">
        <v>9719108</v>
      </c>
      <c r="OL32" s="350">
        <v>0</v>
      </c>
      <c r="OM32" s="344">
        <v>32128870</v>
      </c>
      <c r="ON32" s="344">
        <v>30255583</v>
      </c>
      <c r="OO32" s="344">
        <v>41293122</v>
      </c>
      <c r="OP32" s="344">
        <v>47141071</v>
      </c>
      <c r="OQ32" s="344">
        <v>36756455</v>
      </c>
      <c r="OR32" s="348">
        <v>187575101</v>
      </c>
      <c r="OS32" s="353">
        <v>197294209</v>
      </c>
    </row>
    <row r="33" spans="2:409" s="70" customFormat="1" ht="21" customHeight="1" x14ac:dyDescent="0.2">
      <c r="B33" s="409" t="s">
        <v>28</v>
      </c>
      <c r="C33" s="325">
        <v>144785</v>
      </c>
      <c r="D33" s="326">
        <v>560767</v>
      </c>
      <c r="E33" s="327">
        <v>705552</v>
      </c>
      <c r="F33" s="328">
        <v>0</v>
      </c>
      <c r="G33" s="326">
        <v>5510352</v>
      </c>
      <c r="H33" s="326">
        <v>9350975</v>
      </c>
      <c r="I33" s="326">
        <v>6800673</v>
      </c>
      <c r="J33" s="326">
        <v>6822568</v>
      </c>
      <c r="K33" s="326">
        <v>4216232</v>
      </c>
      <c r="L33" s="366">
        <v>32700800</v>
      </c>
      <c r="M33" s="329">
        <v>33406352</v>
      </c>
      <c r="N33" s="325">
        <v>31239</v>
      </c>
      <c r="O33" s="326">
        <v>94878</v>
      </c>
      <c r="P33" s="327">
        <v>126117</v>
      </c>
      <c r="Q33" s="325">
        <v>0</v>
      </c>
      <c r="R33" s="326">
        <v>816436</v>
      </c>
      <c r="S33" s="326">
        <v>1783626</v>
      </c>
      <c r="T33" s="326">
        <v>1442617</v>
      </c>
      <c r="U33" s="326">
        <v>1914035</v>
      </c>
      <c r="V33" s="326">
        <v>2343907</v>
      </c>
      <c r="W33" s="327">
        <v>8300621</v>
      </c>
      <c r="X33" s="329">
        <v>8426738</v>
      </c>
      <c r="Y33" s="325">
        <v>0</v>
      </c>
      <c r="Z33" s="326">
        <v>0</v>
      </c>
      <c r="AA33" s="327">
        <v>0</v>
      </c>
      <c r="AB33" s="325">
        <v>0</v>
      </c>
      <c r="AC33" s="326">
        <v>383666</v>
      </c>
      <c r="AD33" s="326">
        <v>872845</v>
      </c>
      <c r="AE33" s="326">
        <v>523914</v>
      </c>
      <c r="AF33" s="326">
        <v>930644</v>
      </c>
      <c r="AG33" s="326">
        <v>1274865</v>
      </c>
      <c r="AH33" s="327">
        <v>3985934</v>
      </c>
      <c r="AI33" s="329">
        <v>3985934</v>
      </c>
      <c r="AJ33" s="325">
        <v>0</v>
      </c>
      <c r="AK33" s="326">
        <v>0</v>
      </c>
      <c r="AL33" s="327">
        <v>0</v>
      </c>
      <c r="AM33" s="325">
        <v>0</v>
      </c>
      <c r="AN33" s="326">
        <v>0</v>
      </c>
      <c r="AO33" s="326">
        <v>51231</v>
      </c>
      <c r="AP33" s="326">
        <v>198480</v>
      </c>
      <c r="AQ33" s="326">
        <v>115271</v>
      </c>
      <c r="AR33" s="326">
        <v>217687</v>
      </c>
      <c r="AS33" s="327">
        <v>582669</v>
      </c>
      <c r="AT33" s="329">
        <v>582669</v>
      </c>
      <c r="AU33" s="325">
        <v>26586</v>
      </c>
      <c r="AV33" s="326">
        <v>89514</v>
      </c>
      <c r="AW33" s="327">
        <v>116100</v>
      </c>
      <c r="AX33" s="325">
        <v>0</v>
      </c>
      <c r="AY33" s="326">
        <v>248774</v>
      </c>
      <c r="AZ33" s="326">
        <v>539803</v>
      </c>
      <c r="BA33" s="326">
        <v>367676</v>
      </c>
      <c r="BB33" s="326">
        <v>657211</v>
      </c>
      <c r="BC33" s="326">
        <v>607168</v>
      </c>
      <c r="BD33" s="327">
        <v>2420632</v>
      </c>
      <c r="BE33" s="329">
        <v>2536732</v>
      </c>
      <c r="BF33" s="325">
        <v>0</v>
      </c>
      <c r="BG33" s="326">
        <v>0</v>
      </c>
      <c r="BH33" s="330">
        <v>0</v>
      </c>
      <c r="BI33" s="331">
        <v>0</v>
      </c>
      <c r="BJ33" s="326">
        <v>16902</v>
      </c>
      <c r="BK33" s="326">
        <v>0</v>
      </c>
      <c r="BL33" s="326">
        <v>195532</v>
      </c>
      <c r="BM33" s="326">
        <v>23753</v>
      </c>
      <c r="BN33" s="326">
        <v>49199</v>
      </c>
      <c r="BO33" s="327">
        <v>285386</v>
      </c>
      <c r="BP33" s="329">
        <v>285386</v>
      </c>
      <c r="BQ33" s="325">
        <v>4653</v>
      </c>
      <c r="BR33" s="326">
        <v>5364</v>
      </c>
      <c r="BS33" s="327">
        <v>10017</v>
      </c>
      <c r="BT33" s="325">
        <v>0</v>
      </c>
      <c r="BU33" s="326">
        <v>167094</v>
      </c>
      <c r="BV33" s="326">
        <v>319747</v>
      </c>
      <c r="BW33" s="326">
        <v>157015</v>
      </c>
      <c r="BX33" s="326">
        <v>187156</v>
      </c>
      <c r="BY33" s="326">
        <v>194988</v>
      </c>
      <c r="BZ33" s="327">
        <v>1026000</v>
      </c>
      <c r="CA33" s="329">
        <v>1036017</v>
      </c>
      <c r="CB33" s="325">
        <v>24896</v>
      </c>
      <c r="CC33" s="326">
        <v>180228</v>
      </c>
      <c r="CD33" s="327">
        <v>205124</v>
      </c>
      <c r="CE33" s="325">
        <v>0</v>
      </c>
      <c r="CF33" s="326">
        <v>2158859</v>
      </c>
      <c r="CG33" s="326">
        <v>3631763</v>
      </c>
      <c r="CH33" s="326">
        <v>2403905</v>
      </c>
      <c r="CI33" s="326">
        <v>2371434</v>
      </c>
      <c r="CJ33" s="326">
        <v>708974</v>
      </c>
      <c r="CK33" s="327">
        <v>11274935</v>
      </c>
      <c r="CL33" s="329">
        <v>11480059</v>
      </c>
      <c r="CM33" s="325">
        <v>0</v>
      </c>
      <c r="CN33" s="326">
        <v>0</v>
      </c>
      <c r="CO33" s="327">
        <v>0</v>
      </c>
      <c r="CP33" s="331">
        <v>0</v>
      </c>
      <c r="CQ33" s="326">
        <v>1650106</v>
      </c>
      <c r="CR33" s="326">
        <v>2491253</v>
      </c>
      <c r="CS33" s="326">
        <v>1920700</v>
      </c>
      <c r="CT33" s="326">
        <v>1526419</v>
      </c>
      <c r="CU33" s="326">
        <v>305983</v>
      </c>
      <c r="CV33" s="327">
        <v>7894461</v>
      </c>
      <c r="CW33" s="329">
        <v>7894461</v>
      </c>
      <c r="CX33" s="325">
        <v>24896</v>
      </c>
      <c r="CY33" s="326">
        <v>180228</v>
      </c>
      <c r="CZ33" s="327">
        <v>205124</v>
      </c>
      <c r="DA33" s="325">
        <v>0</v>
      </c>
      <c r="DB33" s="326">
        <v>508753</v>
      </c>
      <c r="DC33" s="326">
        <v>1140510</v>
      </c>
      <c r="DD33" s="326">
        <v>483205</v>
      </c>
      <c r="DE33" s="326">
        <v>845015</v>
      </c>
      <c r="DF33" s="326">
        <v>402991</v>
      </c>
      <c r="DG33" s="327">
        <v>3380474</v>
      </c>
      <c r="DH33" s="329">
        <v>3585598</v>
      </c>
      <c r="DI33" s="325">
        <v>0</v>
      </c>
      <c r="DJ33" s="326">
        <v>29982</v>
      </c>
      <c r="DK33" s="330">
        <v>29982</v>
      </c>
      <c r="DL33" s="331">
        <v>0</v>
      </c>
      <c r="DM33" s="326">
        <v>106292</v>
      </c>
      <c r="DN33" s="326">
        <v>309351</v>
      </c>
      <c r="DO33" s="326">
        <v>941648</v>
      </c>
      <c r="DP33" s="326">
        <v>513036</v>
      </c>
      <c r="DQ33" s="326">
        <v>109546</v>
      </c>
      <c r="DR33" s="327">
        <v>1979873</v>
      </c>
      <c r="DS33" s="329">
        <v>2009855</v>
      </c>
      <c r="DT33" s="325">
        <v>0</v>
      </c>
      <c r="DU33" s="326">
        <v>29982</v>
      </c>
      <c r="DV33" s="327">
        <v>29982</v>
      </c>
      <c r="DW33" s="325">
        <v>0</v>
      </c>
      <c r="DX33" s="326">
        <v>34589</v>
      </c>
      <c r="DY33" s="326">
        <v>282048</v>
      </c>
      <c r="DZ33" s="326">
        <v>484311</v>
      </c>
      <c r="EA33" s="326">
        <v>483404</v>
      </c>
      <c r="EB33" s="326">
        <v>86299</v>
      </c>
      <c r="EC33" s="327">
        <v>1370651</v>
      </c>
      <c r="ED33" s="329">
        <v>1400633</v>
      </c>
      <c r="EE33" s="325">
        <v>0</v>
      </c>
      <c r="EF33" s="330">
        <v>0</v>
      </c>
      <c r="EG33" s="327">
        <v>0</v>
      </c>
      <c r="EH33" s="325">
        <v>0</v>
      </c>
      <c r="EI33" s="326">
        <v>71703</v>
      </c>
      <c r="EJ33" s="326">
        <v>27303</v>
      </c>
      <c r="EK33" s="326">
        <v>457337</v>
      </c>
      <c r="EL33" s="326">
        <v>29632</v>
      </c>
      <c r="EM33" s="326">
        <v>23247</v>
      </c>
      <c r="EN33" s="330">
        <v>609222</v>
      </c>
      <c r="EO33" s="329">
        <v>609222</v>
      </c>
      <c r="EP33" s="325">
        <v>0</v>
      </c>
      <c r="EQ33" s="326">
        <v>0</v>
      </c>
      <c r="ER33" s="330">
        <v>0</v>
      </c>
      <c r="ES33" s="331">
        <v>0</v>
      </c>
      <c r="ET33" s="326">
        <v>0</v>
      </c>
      <c r="EU33" s="326">
        <v>0</v>
      </c>
      <c r="EV33" s="326">
        <v>0</v>
      </c>
      <c r="EW33" s="326">
        <v>0</v>
      </c>
      <c r="EX33" s="326">
        <v>0</v>
      </c>
      <c r="EY33" s="327">
        <v>0</v>
      </c>
      <c r="EZ33" s="329">
        <v>0</v>
      </c>
      <c r="FA33" s="325">
        <v>0</v>
      </c>
      <c r="FB33" s="326">
        <v>0</v>
      </c>
      <c r="FC33" s="330">
        <v>0</v>
      </c>
      <c r="FD33" s="331">
        <v>0</v>
      </c>
      <c r="FE33" s="326">
        <v>0</v>
      </c>
      <c r="FF33" s="326">
        <v>0</v>
      </c>
      <c r="FG33" s="326">
        <v>0</v>
      </c>
      <c r="FH33" s="326">
        <v>0</v>
      </c>
      <c r="FI33" s="326">
        <v>0</v>
      </c>
      <c r="FJ33" s="327">
        <v>0</v>
      </c>
      <c r="FK33" s="329">
        <v>0</v>
      </c>
      <c r="FL33" s="325">
        <v>49230</v>
      </c>
      <c r="FM33" s="326">
        <v>153319</v>
      </c>
      <c r="FN33" s="327">
        <v>202549</v>
      </c>
      <c r="FO33" s="325">
        <v>0</v>
      </c>
      <c r="FP33" s="326">
        <v>324343</v>
      </c>
      <c r="FQ33" s="326">
        <v>943018</v>
      </c>
      <c r="FR33" s="326">
        <v>622647</v>
      </c>
      <c r="FS33" s="326">
        <v>673660</v>
      </c>
      <c r="FT33" s="326">
        <v>350685</v>
      </c>
      <c r="FU33" s="327">
        <v>2914353</v>
      </c>
      <c r="FV33" s="329">
        <v>3116902</v>
      </c>
      <c r="FW33" s="332">
        <v>49230</v>
      </c>
      <c r="FX33" s="326">
        <v>123916</v>
      </c>
      <c r="FY33" s="330">
        <v>173146</v>
      </c>
      <c r="FZ33" s="331">
        <v>0</v>
      </c>
      <c r="GA33" s="326">
        <v>298207</v>
      </c>
      <c r="GB33" s="326">
        <v>876342</v>
      </c>
      <c r="GC33" s="326">
        <v>597303</v>
      </c>
      <c r="GD33" s="326">
        <v>584560</v>
      </c>
      <c r="GE33" s="326">
        <v>301905</v>
      </c>
      <c r="GF33" s="327">
        <v>2658317</v>
      </c>
      <c r="GG33" s="333">
        <v>2831463</v>
      </c>
      <c r="GH33" s="332">
        <v>0</v>
      </c>
      <c r="GI33" s="326">
        <v>29403</v>
      </c>
      <c r="GJ33" s="330">
        <v>29403</v>
      </c>
      <c r="GK33" s="331">
        <v>0</v>
      </c>
      <c r="GL33" s="326">
        <v>26136</v>
      </c>
      <c r="GM33" s="326">
        <v>28066</v>
      </c>
      <c r="GN33" s="326">
        <v>25344</v>
      </c>
      <c r="GO33" s="326">
        <v>0</v>
      </c>
      <c r="GP33" s="326">
        <v>48780</v>
      </c>
      <c r="GQ33" s="327">
        <v>128326</v>
      </c>
      <c r="GR33" s="329">
        <v>157729</v>
      </c>
      <c r="GS33" s="325">
        <v>0</v>
      </c>
      <c r="GT33" s="326">
        <v>0</v>
      </c>
      <c r="GU33" s="327">
        <v>0</v>
      </c>
      <c r="GV33" s="325">
        <v>0</v>
      </c>
      <c r="GW33" s="326">
        <v>0</v>
      </c>
      <c r="GX33" s="326">
        <v>38610</v>
      </c>
      <c r="GY33" s="326">
        <v>0</v>
      </c>
      <c r="GZ33" s="326">
        <v>89100</v>
      </c>
      <c r="HA33" s="326">
        <v>0</v>
      </c>
      <c r="HB33" s="330">
        <v>127710</v>
      </c>
      <c r="HC33" s="329">
        <v>127710</v>
      </c>
      <c r="HD33" s="325">
        <v>0</v>
      </c>
      <c r="HE33" s="326">
        <v>0</v>
      </c>
      <c r="HF33" s="330">
        <v>0</v>
      </c>
      <c r="HG33" s="331">
        <v>0</v>
      </c>
      <c r="HH33" s="326">
        <v>1007800</v>
      </c>
      <c r="HI33" s="326">
        <v>1586778</v>
      </c>
      <c r="HJ33" s="326">
        <v>667959</v>
      </c>
      <c r="HK33" s="326">
        <v>848939</v>
      </c>
      <c r="HL33" s="326">
        <v>456547</v>
      </c>
      <c r="HM33" s="327">
        <v>4568023</v>
      </c>
      <c r="HN33" s="328">
        <v>4568023</v>
      </c>
      <c r="HO33" s="332">
        <v>39420</v>
      </c>
      <c r="HP33" s="326">
        <v>102360</v>
      </c>
      <c r="HQ33" s="327">
        <v>141780</v>
      </c>
      <c r="HR33" s="325">
        <v>0</v>
      </c>
      <c r="HS33" s="326">
        <v>1096622</v>
      </c>
      <c r="HT33" s="326">
        <v>1096439</v>
      </c>
      <c r="HU33" s="326">
        <v>721897</v>
      </c>
      <c r="HV33" s="326">
        <v>501464</v>
      </c>
      <c r="HW33" s="326">
        <v>246573</v>
      </c>
      <c r="HX33" s="330">
        <v>3662995</v>
      </c>
      <c r="HY33" s="329">
        <v>3804775</v>
      </c>
      <c r="HZ33" s="334">
        <v>0</v>
      </c>
      <c r="IA33" s="335">
        <v>0</v>
      </c>
      <c r="IB33" s="336">
        <v>0</v>
      </c>
      <c r="IC33" s="337">
        <v>0</v>
      </c>
      <c r="ID33" s="335">
        <v>1473940</v>
      </c>
      <c r="IE33" s="338">
        <v>1706849</v>
      </c>
      <c r="IF33" s="336">
        <v>1298849</v>
      </c>
      <c r="IG33" s="335">
        <v>1643994</v>
      </c>
      <c r="IH33" s="336">
        <v>896431</v>
      </c>
      <c r="II33" s="339">
        <v>7020063</v>
      </c>
      <c r="IJ33" s="340">
        <v>7020063</v>
      </c>
      <c r="IK33" s="341">
        <v>0</v>
      </c>
      <c r="IL33" s="342">
        <v>0</v>
      </c>
      <c r="IM33" s="343">
        <v>0</v>
      </c>
      <c r="IN33" s="403">
        <v>0</v>
      </c>
      <c r="IO33" s="344">
        <v>0</v>
      </c>
      <c r="IP33" s="344">
        <v>0</v>
      </c>
      <c r="IQ33" s="344">
        <v>0</v>
      </c>
      <c r="IR33" s="344">
        <v>0</v>
      </c>
      <c r="IS33" s="344">
        <v>0</v>
      </c>
      <c r="IT33" s="345">
        <v>0</v>
      </c>
      <c r="IU33" s="346">
        <v>0</v>
      </c>
      <c r="IV33" s="347">
        <v>0</v>
      </c>
      <c r="IW33" s="344">
        <v>0</v>
      </c>
      <c r="IX33" s="348">
        <v>0</v>
      </c>
      <c r="IY33" s="412">
        <v>0</v>
      </c>
      <c r="IZ33" s="344">
        <v>0</v>
      </c>
      <c r="JA33" s="344">
        <v>0</v>
      </c>
      <c r="JB33" s="344">
        <v>0</v>
      </c>
      <c r="JC33" s="344">
        <v>0</v>
      </c>
      <c r="JD33" s="344">
        <v>0</v>
      </c>
      <c r="JE33" s="348">
        <v>0</v>
      </c>
      <c r="JF33" s="349">
        <v>0</v>
      </c>
      <c r="JG33" s="347">
        <v>0</v>
      </c>
      <c r="JH33" s="344">
        <v>0</v>
      </c>
      <c r="JI33" s="345">
        <v>0</v>
      </c>
      <c r="JJ33" s="350">
        <v>0</v>
      </c>
      <c r="JK33" s="344">
        <v>880516</v>
      </c>
      <c r="JL33" s="344">
        <v>460176</v>
      </c>
      <c r="JM33" s="344">
        <v>401040</v>
      </c>
      <c r="JN33" s="344">
        <v>165411</v>
      </c>
      <c r="JO33" s="344">
        <v>26091</v>
      </c>
      <c r="JP33" s="348">
        <v>1933234</v>
      </c>
      <c r="JQ33" s="346">
        <v>1933234</v>
      </c>
      <c r="JR33" s="347">
        <v>0</v>
      </c>
      <c r="JS33" s="344">
        <v>0</v>
      </c>
      <c r="JT33" s="345">
        <v>0</v>
      </c>
      <c r="JU33" s="350">
        <v>0</v>
      </c>
      <c r="JV33" s="344">
        <v>302715</v>
      </c>
      <c r="JW33" s="344">
        <v>205389</v>
      </c>
      <c r="JX33" s="344">
        <v>119124</v>
      </c>
      <c r="JY33" s="344">
        <v>324063</v>
      </c>
      <c r="JZ33" s="344">
        <v>0</v>
      </c>
      <c r="KA33" s="348">
        <v>951291</v>
      </c>
      <c r="KB33" s="346">
        <v>951291</v>
      </c>
      <c r="KC33" s="351">
        <v>0</v>
      </c>
      <c r="KD33" s="352">
        <v>0</v>
      </c>
      <c r="KE33" s="348">
        <v>0</v>
      </c>
      <c r="KF33" s="350">
        <v>0</v>
      </c>
      <c r="KG33" s="344">
        <v>0</v>
      </c>
      <c r="KH33" s="344">
        <v>0</v>
      </c>
      <c r="KI33" s="344">
        <v>0</v>
      </c>
      <c r="KJ33" s="344">
        <v>0</v>
      </c>
      <c r="KK33" s="344">
        <v>0</v>
      </c>
      <c r="KL33" s="348">
        <v>0</v>
      </c>
      <c r="KM33" s="353">
        <v>0</v>
      </c>
      <c r="KN33" s="341">
        <v>0</v>
      </c>
      <c r="KO33" s="342">
        <v>0</v>
      </c>
      <c r="KP33" s="343">
        <v>0</v>
      </c>
      <c r="KQ33" s="412">
        <v>0</v>
      </c>
      <c r="KR33" s="344">
        <v>290709</v>
      </c>
      <c r="KS33" s="344">
        <v>1041284</v>
      </c>
      <c r="KT33" s="344">
        <v>778685</v>
      </c>
      <c r="KU33" s="344">
        <v>1154520</v>
      </c>
      <c r="KV33" s="344">
        <v>870340</v>
      </c>
      <c r="KW33" s="348">
        <v>4135538</v>
      </c>
      <c r="KX33" s="346">
        <v>4135538</v>
      </c>
      <c r="KY33" s="347">
        <v>0</v>
      </c>
      <c r="KZ33" s="344">
        <v>0</v>
      </c>
      <c r="LA33" s="348">
        <v>0</v>
      </c>
      <c r="LB33" s="412">
        <v>0</v>
      </c>
      <c r="LC33" s="344">
        <v>0</v>
      </c>
      <c r="LD33" s="344">
        <v>0</v>
      </c>
      <c r="LE33" s="344">
        <v>0</v>
      </c>
      <c r="LF33" s="344">
        <v>0</v>
      </c>
      <c r="LG33" s="344">
        <v>0</v>
      </c>
      <c r="LH33" s="348">
        <v>0</v>
      </c>
      <c r="LI33" s="349">
        <v>0</v>
      </c>
      <c r="LJ33" s="347">
        <v>0</v>
      </c>
      <c r="LK33" s="344">
        <v>0</v>
      </c>
      <c r="LL33" s="348">
        <v>0</v>
      </c>
      <c r="LM33" s="412">
        <v>0</v>
      </c>
      <c r="LN33" s="344">
        <v>0</v>
      </c>
      <c r="LO33" s="344">
        <v>0</v>
      </c>
      <c r="LP33" s="344">
        <v>0</v>
      </c>
      <c r="LQ33" s="344">
        <v>0</v>
      </c>
      <c r="LR33" s="344">
        <v>0</v>
      </c>
      <c r="LS33" s="348">
        <v>0</v>
      </c>
      <c r="LT33" s="346">
        <v>0</v>
      </c>
      <c r="LU33" s="347">
        <v>0</v>
      </c>
      <c r="LV33" s="344">
        <v>0</v>
      </c>
      <c r="LW33" s="348">
        <v>0</v>
      </c>
      <c r="LX33" s="412">
        <v>0</v>
      </c>
      <c r="LY33" s="344">
        <v>0</v>
      </c>
      <c r="LZ33" s="344">
        <v>0</v>
      </c>
      <c r="MA33" s="344">
        <v>0</v>
      </c>
      <c r="MB33" s="344">
        <v>0</v>
      </c>
      <c r="MC33" s="344">
        <v>0</v>
      </c>
      <c r="MD33" s="348">
        <v>0</v>
      </c>
      <c r="ME33" s="349">
        <v>0</v>
      </c>
      <c r="MF33" s="347">
        <v>0</v>
      </c>
      <c r="MG33" s="344">
        <v>0</v>
      </c>
      <c r="MH33" s="348">
        <v>0</v>
      </c>
      <c r="MI33" s="412">
        <v>0</v>
      </c>
      <c r="MJ33" s="344">
        <v>543720</v>
      </c>
      <c r="MK33" s="344">
        <v>2981043</v>
      </c>
      <c r="ML33" s="344">
        <v>5449638</v>
      </c>
      <c r="MM33" s="344">
        <v>6631230</v>
      </c>
      <c r="MN33" s="344">
        <v>5927799</v>
      </c>
      <c r="MO33" s="348">
        <v>21533430</v>
      </c>
      <c r="MP33" s="353">
        <v>21533430</v>
      </c>
      <c r="MQ33" s="347">
        <v>0</v>
      </c>
      <c r="MR33" s="344">
        <v>0</v>
      </c>
      <c r="MS33" s="348">
        <v>0</v>
      </c>
      <c r="MT33" s="412">
        <v>0</v>
      </c>
      <c r="MU33" s="344">
        <v>0</v>
      </c>
      <c r="MV33" s="344">
        <v>262358</v>
      </c>
      <c r="MW33" s="344">
        <v>2595476</v>
      </c>
      <c r="MX33" s="344">
        <v>4608957</v>
      </c>
      <c r="MY33" s="344">
        <v>5927799</v>
      </c>
      <c r="MZ33" s="348">
        <v>13394590</v>
      </c>
      <c r="NA33" s="353">
        <v>13394590</v>
      </c>
      <c r="NB33" s="347">
        <v>0</v>
      </c>
      <c r="NC33" s="344">
        <v>0</v>
      </c>
      <c r="ND33" s="348">
        <v>0</v>
      </c>
      <c r="NE33" s="412">
        <v>0</v>
      </c>
      <c r="NF33" s="344">
        <v>543720</v>
      </c>
      <c r="NG33" s="344">
        <v>2718685</v>
      </c>
      <c r="NH33" s="344">
        <v>2854162</v>
      </c>
      <c r="NI33" s="344">
        <v>2022273</v>
      </c>
      <c r="NJ33" s="344">
        <v>0</v>
      </c>
      <c r="NK33" s="348">
        <v>8138840</v>
      </c>
      <c r="NL33" s="346">
        <v>8138840</v>
      </c>
      <c r="NM33" s="347">
        <v>0</v>
      </c>
      <c r="NN33" s="344">
        <v>0</v>
      </c>
      <c r="NO33" s="348">
        <v>0</v>
      </c>
      <c r="NP33" s="412">
        <v>0</v>
      </c>
      <c r="NQ33" s="344">
        <v>0</v>
      </c>
      <c r="NR33" s="344">
        <v>0</v>
      </c>
      <c r="NS33" s="344">
        <v>0</v>
      </c>
      <c r="NT33" s="344">
        <v>0</v>
      </c>
      <c r="NU33" s="344">
        <v>0</v>
      </c>
      <c r="NV33" s="348">
        <v>0</v>
      </c>
      <c r="NW33" s="349">
        <v>0</v>
      </c>
      <c r="NX33" s="347">
        <v>0</v>
      </c>
      <c r="NY33" s="344">
        <v>0</v>
      </c>
      <c r="NZ33" s="348">
        <v>0</v>
      </c>
      <c r="OA33" s="412">
        <v>0</v>
      </c>
      <c r="OB33" s="344">
        <v>0</v>
      </c>
      <c r="OC33" s="344">
        <v>0</v>
      </c>
      <c r="OD33" s="344">
        <v>0</v>
      </c>
      <c r="OE33" s="344">
        <v>0</v>
      </c>
      <c r="OF33" s="344">
        <v>0</v>
      </c>
      <c r="OG33" s="348">
        <v>0</v>
      </c>
      <c r="OH33" s="349">
        <v>0</v>
      </c>
      <c r="OI33" s="347">
        <v>144785</v>
      </c>
      <c r="OJ33" s="344">
        <v>560767</v>
      </c>
      <c r="OK33" s="345">
        <v>705552</v>
      </c>
      <c r="OL33" s="350">
        <v>0</v>
      </c>
      <c r="OM33" s="344">
        <v>7528012</v>
      </c>
      <c r="ON33" s="344">
        <v>14038867</v>
      </c>
      <c r="OO33" s="344">
        <v>13549160</v>
      </c>
      <c r="OP33" s="344">
        <v>15097792</v>
      </c>
      <c r="OQ33" s="344">
        <v>11040462</v>
      </c>
      <c r="OR33" s="348">
        <v>61254293</v>
      </c>
      <c r="OS33" s="353">
        <v>61959845</v>
      </c>
    </row>
    <row r="34" spans="2:409" s="70" customFormat="1" ht="21" customHeight="1" x14ac:dyDescent="0.2">
      <c r="B34" s="409" t="s">
        <v>29</v>
      </c>
      <c r="C34" s="325">
        <v>737771</v>
      </c>
      <c r="D34" s="326">
        <v>815453</v>
      </c>
      <c r="E34" s="327">
        <v>1553224</v>
      </c>
      <c r="F34" s="328">
        <v>0</v>
      </c>
      <c r="G34" s="326">
        <v>7697539</v>
      </c>
      <c r="H34" s="326">
        <v>10784315</v>
      </c>
      <c r="I34" s="326">
        <v>9095937</v>
      </c>
      <c r="J34" s="326">
        <v>8400158</v>
      </c>
      <c r="K34" s="326">
        <v>7134739</v>
      </c>
      <c r="L34" s="366">
        <v>43112688</v>
      </c>
      <c r="M34" s="329">
        <v>44665912</v>
      </c>
      <c r="N34" s="325">
        <v>67571</v>
      </c>
      <c r="O34" s="326">
        <v>208426</v>
      </c>
      <c r="P34" s="327">
        <v>275997</v>
      </c>
      <c r="Q34" s="325">
        <v>0</v>
      </c>
      <c r="R34" s="326">
        <v>2268751</v>
      </c>
      <c r="S34" s="326">
        <v>2842602</v>
      </c>
      <c r="T34" s="326">
        <v>2005856</v>
      </c>
      <c r="U34" s="326">
        <v>3223255</v>
      </c>
      <c r="V34" s="326">
        <v>3260960</v>
      </c>
      <c r="W34" s="327">
        <v>13601424</v>
      </c>
      <c r="X34" s="329">
        <v>13877421</v>
      </c>
      <c r="Y34" s="325">
        <v>0</v>
      </c>
      <c r="Z34" s="326">
        <v>0</v>
      </c>
      <c r="AA34" s="327">
        <v>0</v>
      </c>
      <c r="AB34" s="325">
        <v>0</v>
      </c>
      <c r="AC34" s="326">
        <v>893612</v>
      </c>
      <c r="AD34" s="326">
        <v>1096864</v>
      </c>
      <c r="AE34" s="326">
        <v>1165881</v>
      </c>
      <c r="AF34" s="326">
        <v>2349811</v>
      </c>
      <c r="AG34" s="326">
        <v>1808474</v>
      </c>
      <c r="AH34" s="327">
        <v>7314642</v>
      </c>
      <c r="AI34" s="329">
        <v>7314642</v>
      </c>
      <c r="AJ34" s="325">
        <v>0</v>
      </c>
      <c r="AK34" s="326">
        <v>0</v>
      </c>
      <c r="AL34" s="327">
        <v>0</v>
      </c>
      <c r="AM34" s="325">
        <v>0</v>
      </c>
      <c r="AN34" s="326">
        <v>0</v>
      </c>
      <c r="AO34" s="326">
        <v>127565</v>
      </c>
      <c r="AP34" s="326">
        <v>35848</v>
      </c>
      <c r="AQ34" s="326">
        <v>139861</v>
      </c>
      <c r="AR34" s="326">
        <v>644059</v>
      </c>
      <c r="AS34" s="327">
        <v>947333</v>
      </c>
      <c r="AT34" s="329">
        <v>947333</v>
      </c>
      <c r="AU34" s="325">
        <v>40772</v>
      </c>
      <c r="AV34" s="326">
        <v>129212</v>
      </c>
      <c r="AW34" s="327">
        <v>169984</v>
      </c>
      <c r="AX34" s="325">
        <v>0</v>
      </c>
      <c r="AY34" s="326">
        <v>865282</v>
      </c>
      <c r="AZ34" s="326">
        <v>1192702</v>
      </c>
      <c r="BA34" s="326">
        <v>515014</v>
      </c>
      <c r="BB34" s="326">
        <v>411640</v>
      </c>
      <c r="BC34" s="326">
        <v>616993</v>
      </c>
      <c r="BD34" s="327">
        <v>3601631</v>
      </c>
      <c r="BE34" s="329">
        <v>3771615</v>
      </c>
      <c r="BF34" s="325">
        <v>0</v>
      </c>
      <c r="BG34" s="326">
        <v>37886</v>
      </c>
      <c r="BH34" s="330">
        <v>37886</v>
      </c>
      <c r="BI34" s="331">
        <v>0</v>
      </c>
      <c r="BJ34" s="326">
        <v>153864</v>
      </c>
      <c r="BK34" s="326">
        <v>65008</v>
      </c>
      <c r="BL34" s="326">
        <v>72567</v>
      </c>
      <c r="BM34" s="326">
        <v>42928</v>
      </c>
      <c r="BN34" s="326">
        <v>0</v>
      </c>
      <c r="BO34" s="327">
        <v>334367</v>
      </c>
      <c r="BP34" s="329">
        <v>372253</v>
      </c>
      <c r="BQ34" s="325">
        <v>26799</v>
      </c>
      <c r="BR34" s="326">
        <v>41328</v>
      </c>
      <c r="BS34" s="327">
        <v>68127</v>
      </c>
      <c r="BT34" s="325">
        <v>0</v>
      </c>
      <c r="BU34" s="326">
        <v>355993</v>
      </c>
      <c r="BV34" s="326">
        <v>360463</v>
      </c>
      <c r="BW34" s="326">
        <v>216546</v>
      </c>
      <c r="BX34" s="326">
        <v>279015</v>
      </c>
      <c r="BY34" s="326">
        <v>191434</v>
      </c>
      <c r="BZ34" s="327">
        <v>1403451</v>
      </c>
      <c r="CA34" s="329">
        <v>1471578</v>
      </c>
      <c r="CB34" s="325">
        <v>22212</v>
      </c>
      <c r="CC34" s="326">
        <v>167690</v>
      </c>
      <c r="CD34" s="327">
        <v>189902</v>
      </c>
      <c r="CE34" s="325">
        <v>0</v>
      </c>
      <c r="CF34" s="326">
        <v>1908066</v>
      </c>
      <c r="CG34" s="326">
        <v>3305680</v>
      </c>
      <c r="CH34" s="326">
        <v>3679569</v>
      </c>
      <c r="CI34" s="326">
        <v>1315575</v>
      </c>
      <c r="CJ34" s="326">
        <v>967752</v>
      </c>
      <c r="CK34" s="327">
        <v>11176642</v>
      </c>
      <c r="CL34" s="329">
        <v>11366544</v>
      </c>
      <c r="CM34" s="325">
        <v>0</v>
      </c>
      <c r="CN34" s="326">
        <v>0</v>
      </c>
      <c r="CO34" s="327">
        <v>0</v>
      </c>
      <c r="CP34" s="331">
        <v>0</v>
      </c>
      <c r="CQ34" s="326">
        <v>1401704</v>
      </c>
      <c r="CR34" s="326">
        <v>2782265</v>
      </c>
      <c r="CS34" s="326">
        <v>2394939</v>
      </c>
      <c r="CT34" s="326">
        <v>1105987</v>
      </c>
      <c r="CU34" s="326">
        <v>827424</v>
      </c>
      <c r="CV34" s="327">
        <v>8512319</v>
      </c>
      <c r="CW34" s="329">
        <v>8512319</v>
      </c>
      <c r="CX34" s="325">
        <v>22212</v>
      </c>
      <c r="CY34" s="326">
        <v>167690</v>
      </c>
      <c r="CZ34" s="327">
        <v>189902</v>
      </c>
      <c r="DA34" s="325">
        <v>0</v>
      </c>
      <c r="DB34" s="326">
        <v>506362</v>
      </c>
      <c r="DC34" s="326">
        <v>523415</v>
      </c>
      <c r="DD34" s="326">
        <v>1284630</v>
      </c>
      <c r="DE34" s="326">
        <v>209588</v>
      </c>
      <c r="DF34" s="326">
        <v>140328</v>
      </c>
      <c r="DG34" s="327">
        <v>2664323</v>
      </c>
      <c r="DH34" s="329">
        <v>2854225</v>
      </c>
      <c r="DI34" s="325">
        <v>0</v>
      </c>
      <c r="DJ34" s="326">
        <v>0</v>
      </c>
      <c r="DK34" s="330">
        <v>0</v>
      </c>
      <c r="DL34" s="331">
        <v>0</v>
      </c>
      <c r="DM34" s="326">
        <v>258343</v>
      </c>
      <c r="DN34" s="326">
        <v>891295</v>
      </c>
      <c r="DO34" s="326">
        <v>822700</v>
      </c>
      <c r="DP34" s="326">
        <v>725154</v>
      </c>
      <c r="DQ34" s="326">
        <v>712278</v>
      </c>
      <c r="DR34" s="327">
        <v>3409770</v>
      </c>
      <c r="DS34" s="329">
        <v>3409770</v>
      </c>
      <c r="DT34" s="325">
        <v>0</v>
      </c>
      <c r="DU34" s="326">
        <v>0</v>
      </c>
      <c r="DV34" s="327">
        <v>0</v>
      </c>
      <c r="DW34" s="325">
        <v>0</v>
      </c>
      <c r="DX34" s="326">
        <v>231370</v>
      </c>
      <c r="DY34" s="326">
        <v>741793</v>
      </c>
      <c r="DZ34" s="326">
        <v>822700</v>
      </c>
      <c r="EA34" s="326">
        <v>676419</v>
      </c>
      <c r="EB34" s="326">
        <v>412937</v>
      </c>
      <c r="EC34" s="327">
        <v>2885219</v>
      </c>
      <c r="ED34" s="329">
        <v>2885219</v>
      </c>
      <c r="EE34" s="325">
        <v>0</v>
      </c>
      <c r="EF34" s="330">
        <v>0</v>
      </c>
      <c r="EG34" s="327">
        <v>0</v>
      </c>
      <c r="EH34" s="325">
        <v>0</v>
      </c>
      <c r="EI34" s="326">
        <v>26973</v>
      </c>
      <c r="EJ34" s="326">
        <v>149502</v>
      </c>
      <c r="EK34" s="326">
        <v>0</v>
      </c>
      <c r="EL34" s="326">
        <v>48735</v>
      </c>
      <c r="EM34" s="326">
        <v>299341</v>
      </c>
      <c r="EN34" s="330">
        <v>524551</v>
      </c>
      <c r="EO34" s="329">
        <v>524551</v>
      </c>
      <c r="EP34" s="325">
        <v>0</v>
      </c>
      <c r="EQ34" s="326">
        <v>0</v>
      </c>
      <c r="ER34" s="330">
        <v>0</v>
      </c>
      <c r="ES34" s="331">
        <v>0</v>
      </c>
      <c r="ET34" s="326">
        <v>0</v>
      </c>
      <c r="EU34" s="326">
        <v>0</v>
      </c>
      <c r="EV34" s="326">
        <v>0</v>
      </c>
      <c r="EW34" s="326">
        <v>0</v>
      </c>
      <c r="EX34" s="326">
        <v>0</v>
      </c>
      <c r="EY34" s="327">
        <v>0</v>
      </c>
      <c r="EZ34" s="329">
        <v>0</v>
      </c>
      <c r="FA34" s="325">
        <v>0</v>
      </c>
      <c r="FB34" s="326">
        <v>0</v>
      </c>
      <c r="FC34" s="330">
        <v>0</v>
      </c>
      <c r="FD34" s="331">
        <v>0</v>
      </c>
      <c r="FE34" s="326">
        <v>0</v>
      </c>
      <c r="FF34" s="326">
        <v>0</v>
      </c>
      <c r="FG34" s="326">
        <v>0</v>
      </c>
      <c r="FH34" s="326">
        <v>0</v>
      </c>
      <c r="FI34" s="326">
        <v>0</v>
      </c>
      <c r="FJ34" s="327">
        <v>0</v>
      </c>
      <c r="FK34" s="329">
        <v>0</v>
      </c>
      <c r="FL34" s="325">
        <v>355731</v>
      </c>
      <c r="FM34" s="326">
        <v>269897</v>
      </c>
      <c r="FN34" s="327">
        <v>625628</v>
      </c>
      <c r="FO34" s="325">
        <v>0</v>
      </c>
      <c r="FP34" s="326">
        <v>424991</v>
      </c>
      <c r="FQ34" s="326">
        <v>1193783</v>
      </c>
      <c r="FR34" s="326">
        <v>740455</v>
      </c>
      <c r="FS34" s="326">
        <v>607945</v>
      </c>
      <c r="FT34" s="326">
        <v>549398</v>
      </c>
      <c r="FU34" s="327">
        <v>3516572</v>
      </c>
      <c r="FV34" s="329">
        <v>4142200</v>
      </c>
      <c r="FW34" s="332">
        <v>175731</v>
      </c>
      <c r="FX34" s="326">
        <v>250290</v>
      </c>
      <c r="FY34" s="330">
        <v>426021</v>
      </c>
      <c r="FZ34" s="331">
        <v>0</v>
      </c>
      <c r="GA34" s="326">
        <v>366185</v>
      </c>
      <c r="GB34" s="326">
        <v>1164380</v>
      </c>
      <c r="GC34" s="326">
        <v>672640</v>
      </c>
      <c r="GD34" s="326">
        <v>607945</v>
      </c>
      <c r="GE34" s="326">
        <v>549398</v>
      </c>
      <c r="GF34" s="327">
        <v>3360548</v>
      </c>
      <c r="GG34" s="333">
        <v>3786569</v>
      </c>
      <c r="GH34" s="332">
        <v>0</v>
      </c>
      <c r="GI34" s="326">
        <v>19607</v>
      </c>
      <c r="GJ34" s="330">
        <v>19607</v>
      </c>
      <c r="GK34" s="331">
        <v>0</v>
      </c>
      <c r="GL34" s="326">
        <v>0</v>
      </c>
      <c r="GM34" s="326">
        <v>29403</v>
      </c>
      <c r="GN34" s="326">
        <v>0</v>
      </c>
      <c r="GO34" s="326">
        <v>0</v>
      </c>
      <c r="GP34" s="326">
        <v>0</v>
      </c>
      <c r="GQ34" s="327">
        <v>29403</v>
      </c>
      <c r="GR34" s="329">
        <v>49010</v>
      </c>
      <c r="GS34" s="325">
        <v>180000</v>
      </c>
      <c r="GT34" s="326">
        <v>0</v>
      </c>
      <c r="GU34" s="327">
        <v>180000</v>
      </c>
      <c r="GV34" s="325">
        <v>0</v>
      </c>
      <c r="GW34" s="326">
        <v>58806</v>
      </c>
      <c r="GX34" s="326">
        <v>0</v>
      </c>
      <c r="GY34" s="326">
        <v>67815</v>
      </c>
      <c r="GZ34" s="326">
        <v>0</v>
      </c>
      <c r="HA34" s="326">
        <v>0</v>
      </c>
      <c r="HB34" s="330">
        <v>126621</v>
      </c>
      <c r="HC34" s="329">
        <v>306621</v>
      </c>
      <c r="HD34" s="325">
        <v>156477</v>
      </c>
      <c r="HE34" s="326">
        <v>0</v>
      </c>
      <c r="HF34" s="330">
        <v>156477</v>
      </c>
      <c r="HG34" s="331">
        <v>0</v>
      </c>
      <c r="HH34" s="326">
        <v>1631911</v>
      </c>
      <c r="HI34" s="326">
        <v>1131044</v>
      </c>
      <c r="HJ34" s="326">
        <v>745968</v>
      </c>
      <c r="HK34" s="326">
        <v>1970517</v>
      </c>
      <c r="HL34" s="326">
        <v>1169629</v>
      </c>
      <c r="HM34" s="327">
        <v>6649069</v>
      </c>
      <c r="HN34" s="328">
        <v>6805546</v>
      </c>
      <c r="HO34" s="332">
        <v>135780</v>
      </c>
      <c r="HP34" s="326">
        <v>169440</v>
      </c>
      <c r="HQ34" s="327">
        <v>305220</v>
      </c>
      <c r="HR34" s="325">
        <v>0</v>
      </c>
      <c r="HS34" s="326">
        <v>1205477</v>
      </c>
      <c r="HT34" s="326">
        <v>1419911</v>
      </c>
      <c r="HU34" s="326">
        <v>1101389</v>
      </c>
      <c r="HV34" s="326">
        <v>557712</v>
      </c>
      <c r="HW34" s="326">
        <v>474722</v>
      </c>
      <c r="HX34" s="330">
        <v>4759211</v>
      </c>
      <c r="HY34" s="329">
        <v>5064431</v>
      </c>
      <c r="HZ34" s="357">
        <v>0</v>
      </c>
      <c r="IA34" s="355">
        <v>88056</v>
      </c>
      <c r="IB34" s="357">
        <v>88056</v>
      </c>
      <c r="IC34" s="354">
        <v>0</v>
      </c>
      <c r="ID34" s="355">
        <v>3398722</v>
      </c>
      <c r="IE34" s="356">
        <v>4719188</v>
      </c>
      <c r="IF34" s="357">
        <v>8119402</v>
      </c>
      <c r="IG34" s="355">
        <v>5098473</v>
      </c>
      <c r="IH34" s="357">
        <v>2565954</v>
      </c>
      <c r="II34" s="358">
        <v>23901739</v>
      </c>
      <c r="IJ34" s="357">
        <v>23989795</v>
      </c>
      <c r="IK34" s="341">
        <v>0</v>
      </c>
      <c r="IL34" s="342">
        <v>0</v>
      </c>
      <c r="IM34" s="343">
        <v>0</v>
      </c>
      <c r="IN34" s="403">
        <v>0</v>
      </c>
      <c r="IO34" s="344">
        <v>111298</v>
      </c>
      <c r="IP34" s="344">
        <v>0</v>
      </c>
      <c r="IQ34" s="344">
        <v>143072</v>
      </c>
      <c r="IR34" s="344">
        <v>0</v>
      </c>
      <c r="IS34" s="344">
        <v>0</v>
      </c>
      <c r="IT34" s="345">
        <v>254370</v>
      </c>
      <c r="IU34" s="346">
        <v>254370</v>
      </c>
      <c r="IV34" s="347">
        <v>0</v>
      </c>
      <c r="IW34" s="344">
        <v>0</v>
      </c>
      <c r="IX34" s="348">
        <v>0</v>
      </c>
      <c r="IY34" s="412">
        <v>0</v>
      </c>
      <c r="IZ34" s="344">
        <v>0</v>
      </c>
      <c r="JA34" s="344">
        <v>0</v>
      </c>
      <c r="JB34" s="344">
        <v>0</v>
      </c>
      <c r="JC34" s="344">
        <v>0</v>
      </c>
      <c r="JD34" s="344">
        <v>0</v>
      </c>
      <c r="JE34" s="348">
        <v>0</v>
      </c>
      <c r="JF34" s="349">
        <v>0</v>
      </c>
      <c r="JG34" s="347">
        <v>0</v>
      </c>
      <c r="JH34" s="344">
        <v>0</v>
      </c>
      <c r="JI34" s="345">
        <v>0</v>
      </c>
      <c r="JJ34" s="350">
        <v>0</v>
      </c>
      <c r="JK34" s="344">
        <v>703768</v>
      </c>
      <c r="JL34" s="344">
        <v>1156009</v>
      </c>
      <c r="JM34" s="344">
        <v>867411</v>
      </c>
      <c r="JN34" s="344">
        <v>213726</v>
      </c>
      <c r="JO34" s="344">
        <v>0</v>
      </c>
      <c r="JP34" s="348">
        <v>2940914</v>
      </c>
      <c r="JQ34" s="346">
        <v>2940914</v>
      </c>
      <c r="JR34" s="347">
        <v>0</v>
      </c>
      <c r="JS34" s="344">
        <v>0</v>
      </c>
      <c r="JT34" s="345">
        <v>0</v>
      </c>
      <c r="JU34" s="350">
        <v>0</v>
      </c>
      <c r="JV34" s="344">
        <v>170082</v>
      </c>
      <c r="JW34" s="344">
        <v>108999</v>
      </c>
      <c r="JX34" s="344">
        <v>274473</v>
      </c>
      <c r="JY34" s="344">
        <v>0</v>
      </c>
      <c r="JZ34" s="344">
        <v>0</v>
      </c>
      <c r="KA34" s="348">
        <v>553554</v>
      </c>
      <c r="KB34" s="346">
        <v>553554</v>
      </c>
      <c r="KC34" s="351">
        <v>0</v>
      </c>
      <c r="KD34" s="352">
        <v>88056</v>
      </c>
      <c r="KE34" s="348">
        <v>88056</v>
      </c>
      <c r="KF34" s="350">
        <v>0</v>
      </c>
      <c r="KG34" s="344">
        <v>815219</v>
      </c>
      <c r="KH34" s="344">
        <v>1113955</v>
      </c>
      <c r="KI34" s="344">
        <v>1332013</v>
      </c>
      <c r="KJ34" s="344">
        <v>1462194</v>
      </c>
      <c r="KK34" s="344">
        <v>321453</v>
      </c>
      <c r="KL34" s="348">
        <v>5044834</v>
      </c>
      <c r="KM34" s="353">
        <v>5132890</v>
      </c>
      <c r="KN34" s="341">
        <v>0</v>
      </c>
      <c r="KO34" s="342">
        <v>0</v>
      </c>
      <c r="KP34" s="343">
        <v>0</v>
      </c>
      <c r="KQ34" s="412">
        <v>0</v>
      </c>
      <c r="KR34" s="344">
        <v>1598355</v>
      </c>
      <c r="KS34" s="344">
        <v>2340225</v>
      </c>
      <c r="KT34" s="344">
        <v>2256156</v>
      </c>
      <c r="KU34" s="344">
        <v>1260684</v>
      </c>
      <c r="KV34" s="344">
        <v>295128</v>
      </c>
      <c r="KW34" s="348">
        <v>7750548</v>
      </c>
      <c r="KX34" s="346">
        <v>7750548</v>
      </c>
      <c r="KY34" s="347">
        <v>0</v>
      </c>
      <c r="KZ34" s="344">
        <v>0</v>
      </c>
      <c r="LA34" s="348">
        <v>0</v>
      </c>
      <c r="LB34" s="412">
        <v>0</v>
      </c>
      <c r="LC34" s="344">
        <v>0</v>
      </c>
      <c r="LD34" s="344">
        <v>0</v>
      </c>
      <c r="LE34" s="344">
        <v>0</v>
      </c>
      <c r="LF34" s="344">
        <v>0</v>
      </c>
      <c r="LG34" s="344">
        <v>0</v>
      </c>
      <c r="LH34" s="348">
        <v>0</v>
      </c>
      <c r="LI34" s="349">
        <v>0</v>
      </c>
      <c r="LJ34" s="347">
        <v>0</v>
      </c>
      <c r="LK34" s="344">
        <v>0</v>
      </c>
      <c r="LL34" s="348">
        <v>0</v>
      </c>
      <c r="LM34" s="412">
        <v>0</v>
      </c>
      <c r="LN34" s="344">
        <v>0</v>
      </c>
      <c r="LO34" s="344">
        <v>0</v>
      </c>
      <c r="LP34" s="344">
        <v>3246277</v>
      </c>
      <c r="LQ34" s="344">
        <v>2161869</v>
      </c>
      <c r="LR34" s="344">
        <v>1949373</v>
      </c>
      <c r="LS34" s="348">
        <v>7357519</v>
      </c>
      <c r="LT34" s="346">
        <v>7357519</v>
      </c>
      <c r="LU34" s="347">
        <v>0</v>
      </c>
      <c r="LV34" s="344">
        <v>0</v>
      </c>
      <c r="LW34" s="348">
        <v>0</v>
      </c>
      <c r="LX34" s="412">
        <v>0</v>
      </c>
      <c r="LY34" s="344">
        <v>0</v>
      </c>
      <c r="LZ34" s="344">
        <v>0</v>
      </c>
      <c r="MA34" s="344">
        <v>0</v>
      </c>
      <c r="MB34" s="344">
        <v>0</v>
      </c>
      <c r="MC34" s="344">
        <v>0</v>
      </c>
      <c r="MD34" s="348">
        <v>0</v>
      </c>
      <c r="ME34" s="349">
        <v>0</v>
      </c>
      <c r="MF34" s="347">
        <v>0</v>
      </c>
      <c r="MG34" s="344">
        <v>0</v>
      </c>
      <c r="MH34" s="348">
        <v>0</v>
      </c>
      <c r="MI34" s="412">
        <v>0</v>
      </c>
      <c r="MJ34" s="344">
        <v>1022781</v>
      </c>
      <c r="MK34" s="344">
        <v>3051443</v>
      </c>
      <c r="ML34" s="344">
        <v>4649453</v>
      </c>
      <c r="MM34" s="344">
        <v>11491557</v>
      </c>
      <c r="MN34" s="344">
        <v>8541625</v>
      </c>
      <c r="MO34" s="348">
        <v>28756859</v>
      </c>
      <c r="MP34" s="353">
        <v>28756859</v>
      </c>
      <c r="MQ34" s="347">
        <v>0</v>
      </c>
      <c r="MR34" s="344">
        <v>0</v>
      </c>
      <c r="MS34" s="348">
        <v>0</v>
      </c>
      <c r="MT34" s="412">
        <v>0</v>
      </c>
      <c r="MU34" s="344">
        <v>0</v>
      </c>
      <c r="MV34" s="344">
        <v>735186</v>
      </c>
      <c r="MW34" s="344">
        <v>2833250</v>
      </c>
      <c r="MX34" s="344">
        <v>7399061</v>
      </c>
      <c r="MY34" s="344">
        <v>5498533</v>
      </c>
      <c r="MZ34" s="348">
        <v>16466030</v>
      </c>
      <c r="NA34" s="353">
        <v>16466030</v>
      </c>
      <c r="NB34" s="347">
        <v>0</v>
      </c>
      <c r="NC34" s="344">
        <v>0</v>
      </c>
      <c r="ND34" s="348">
        <v>0</v>
      </c>
      <c r="NE34" s="412">
        <v>0</v>
      </c>
      <c r="NF34" s="344">
        <v>1022781</v>
      </c>
      <c r="NG34" s="344">
        <v>2316257</v>
      </c>
      <c r="NH34" s="344">
        <v>1816203</v>
      </c>
      <c r="NI34" s="344">
        <v>4092496</v>
      </c>
      <c r="NJ34" s="344">
        <v>3043092</v>
      </c>
      <c r="NK34" s="348">
        <v>12290829</v>
      </c>
      <c r="NL34" s="346">
        <v>12290829</v>
      </c>
      <c r="NM34" s="347">
        <v>0</v>
      </c>
      <c r="NN34" s="344">
        <v>0</v>
      </c>
      <c r="NO34" s="348">
        <v>0</v>
      </c>
      <c r="NP34" s="412">
        <v>0</v>
      </c>
      <c r="NQ34" s="344">
        <v>0</v>
      </c>
      <c r="NR34" s="344">
        <v>0</v>
      </c>
      <c r="NS34" s="344">
        <v>0</v>
      </c>
      <c r="NT34" s="344">
        <v>0</v>
      </c>
      <c r="NU34" s="344">
        <v>0</v>
      </c>
      <c r="NV34" s="348">
        <v>0</v>
      </c>
      <c r="NW34" s="349">
        <v>0</v>
      </c>
      <c r="NX34" s="347">
        <v>0</v>
      </c>
      <c r="NY34" s="344">
        <v>0</v>
      </c>
      <c r="NZ34" s="348">
        <v>0</v>
      </c>
      <c r="OA34" s="412">
        <v>0</v>
      </c>
      <c r="OB34" s="344">
        <v>0</v>
      </c>
      <c r="OC34" s="344">
        <v>0</v>
      </c>
      <c r="OD34" s="344">
        <v>0</v>
      </c>
      <c r="OE34" s="344">
        <v>0</v>
      </c>
      <c r="OF34" s="344">
        <v>0</v>
      </c>
      <c r="OG34" s="348">
        <v>0</v>
      </c>
      <c r="OH34" s="349">
        <v>0</v>
      </c>
      <c r="OI34" s="347">
        <v>737771</v>
      </c>
      <c r="OJ34" s="344">
        <v>903509</v>
      </c>
      <c r="OK34" s="345">
        <v>1641280</v>
      </c>
      <c r="OL34" s="350">
        <v>0</v>
      </c>
      <c r="OM34" s="344">
        <v>12119042</v>
      </c>
      <c r="ON34" s="344">
        <v>18554946</v>
      </c>
      <c r="OO34" s="344">
        <v>21864792</v>
      </c>
      <c r="OP34" s="344">
        <v>24990188</v>
      </c>
      <c r="OQ34" s="344">
        <v>18242318</v>
      </c>
      <c r="OR34" s="348">
        <v>95771286</v>
      </c>
      <c r="OS34" s="353">
        <v>97412566</v>
      </c>
    </row>
    <row r="35" spans="2:409" s="70" customFormat="1" ht="21" customHeight="1" x14ac:dyDescent="0.2">
      <c r="B35" s="409" t="s">
        <v>30</v>
      </c>
      <c r="C35" s="325">
        <v>645209</v>
      </c>
      <c r="D35" s="326">
        <v>857377</v>
      </c>
      <c r="E35" s="367">
        <v>1502586</v>
      </c>
      <c r="F35" s="369">
        <v>0</v>
      </c>
      <c r="G35" s="368">
        <v>7630076</v>
      </c>
      <c r="H35" s="368">
        <v>7490852</v>
      </c>
      <c r="I35" s="368">
        <v>7692372</v>
      </c>
      <c r="J35" s="368">
        <v>7659227</v>
      </c>
      <c r="K35" s="368">
        <v>3828690</v>
      </c>
      <c r="L35" s="369">
        <v>34301217</v>
      </c>
      <c r="M35" s="329">
        <v>35803803</v>
      </c>
      <c r="N35" s="325">
        <v>111224</v>
      </c>
      <c r="O35" s="326">
        <v>308476</v>
      </c>
      <c r="P35" s="327">
        <v>419700</v>
      </c>
      <c r="Q35" s="325">
        <v>0</v>
      </c>
      <c r="R35" s="326">
        <v>2416060</v>
      </c>
      <c r="S35" s="326">
        <v>1893147</v>
      </c>
      <c r="T35" s="326">
        <v>2529361</v>
      </c>
      <c r="U35" s="326">
        <v>3716365</v>
      </c>
      <c r="V35" s="326">
        <v>2325334</v>
      </c>
      <c r="W35" s="327">
        <v>12880267</v>
      </c>
      <c r="X35" s="329">
        <v>13299967</v>
      </c>
      <c r="Y35" s="325">
        <v>0</v>
      </c>
      <c r="Z35" s="326">
        <v>0</v>
      </c>
      <c r="AA35" s="327">
        <v>0</v>
      </c>
      <c r="AB35" s="325">
        <v>0</v>
      </c>
      <c r="AC35" s="326">
        <v>792678</v>
      </c>
      <c r="AD35" s="326">
        <v>721048</v>
      </c>
      <c r="AE35" s="326">
        <v>1352756</v>
      </c>
      <c r="AF35" s="326">
        <v>2180664</v>
      </c>
      <c r="AG35" s="326">
        <v>1684468</v>
      </c>
      <c r="AH35" s="327">
        <v>6731614</v>
      </c>
      <c r="AI35" s="329">
        <v>6731614</v>
      </c>
      <c r="AJ35" s="325">
        <v>0</v>
      </c>
      <c r="AK35" s="326">
        <v>0</v>
      </c>
      <c r="AL35" s="327">
        <v>0</v>
      </c>
      <c r="AM35" s="325">
        <v>0</v>
      </c>
      <c r="AN35" s="326">
        <v>120910</v>
      </c>
      <c r="AO35" s="326">
        <v>0</v>
      </c>
      <c r="AP35" s="326">
        <v>142141</v>
      </c>
      <c r="AQ35" s="326">
        <v>418292</v>
      </c>
      <c r="AR35" s="326">
        <v>210978</v>
      </c>
      <c r="AS35" s="327">
        <v>892321</v>
      </c>
      <c r="AT35" s="329">
        <v>892321</v>
      </c>
      <c r="AU35" s="325">
        <v>96554</v>
      </c>
      <c r="AV35" s="326">
        <v>276742</v>
      </c>
      <c r="AW35" s="327">
        <v>373296</v>
      </c>
      <c r="AX35" s="325">
        <v>0</v>
      </c>
      <c r="AY35" s="326">
        <v>1029424</v>
      </c>
      <c r="AZ35" s="326">
        <v>783119</v>
      </c>
      <c r="BA35" s="326">
        <v>693339</v>
      </c>
      <c r="BB35" s="326">
        <v>700966</v>
      </c>
      <c r="BC35" s="326">
        <v>287049</v>
      </c>
      <c r="BD35" s="327">
        <v>3493897</v>
      </c>
      <c r="BE35" s="329">
        <v>3867193</v>
      </c>
      <c r="BF35" s="325">
        <v>0</v>
      </c>
      <c r="BG35" s="326">
        <v>0</v>
      </c>
      <c r="BH35" s="330">
        <v>0</v>
      </c>
      <c r="BI35" s="331">
        <v>0</v>
      </c>
      <c r="BJ35" s="326">
        <v>111852</v>
      </c>
      <c r="BK35" s="326">
        <v>145140</v>
      </c>
      <c r="BL35" s="326">
        <v>60228</v>
      </c>
      <c r="BM35" s="326">
        <v>0</v>
      </c>
      <c r="BN35" s="326">
        <v>0</v>
      </c>
      <c r="BO35" s="327">
        <v>317220</v>
      </c>
      <c r="BP35" s="329">
        <v>317220</v>
      </c>
      <c r="BQ35" s="325">
        <v>14670</v>
      </c>
      <c r="BR35" s="326">
        <v>31734</v>
      </c>
      <c r="BS35" s="327">
        <v>46404</v>
      </c>
      <c r="BT35" s="325">
        <v>0</v>
      </c>
      <c r="BU35" s="326">
        <v>361196</v>
      </c>
      <c r="BV35" s="326">
        <v>243840</v>
      </c>
      <c r="BW35" s="326">
        <v>280897</v>
      </c>
      <c r="BX35" s="326">
        <v>416443</v>
      </c>
      <c r="BY35" s="326">
        <v>142839</v>
      </c>
      <c r="BZ35" s="327">
        <v>1445215</v>
      </c>
      <c r="CA35" s="329">
        <v>1491619</v>
      </c>
      <c r="CB35" s="325">
        <v>104638</v>
      </c>
      <c r="CC35" s="326">
        <v>216641</v>
      </c>
      <c r="CD35" s="327">
        <v>321279</v>
      </c>
      <c r="CE35" s="325">
        <v>0</v>
      </c>
      <c r="CF35" s="326">
        <v>1892556</v>
      </c>
      <c r="CG35" s="326">
        <v>2167234</v>
      </c>
      <c r="CH35" s="326">
        <v>1215049</v>
      </c>
      <c r="CI35" s="326">
        <v>997577</v>
      </c>
      <c r="CJ35" s="326">
        <v>398583</v>
      </c>
      <c r="CK35" s="327">
        <v>6670999</v>
      </c>
      <c r="CL35" s="329">
        <v>6992278</v>
      </c>
      <c r="CM35" s="325">
        <v>0</v>
      </c>
      <c r="CN35" s="326">
        <v>0</v>
      </c>
      <c r="CO35" s="327">
        <v>0</v>
      </c>
      <c r="CP35" s="331">
        <v>0</v>
      </c>
      <c r="CQ35" s="326">
        <v>1597325</v>
      </c>
      <c r="CR35" s="326">
        <v>1629919</v>
      </c>
      <c r="CS35" s="326">
        <v>1049223</v>
      </c>
      <c r="CT35" s="326">
        <v>647918</v>
      </c>
      <c r="CU35" s="326">
        <v>277750</v>
      </c>
      <c r="CV35" s="327">
        <v>5202135</v>
      </c>
      <c r="CW35" s="329">
        <v>5202135</v>
      </c>
      <c r="CX35" s="325">
        <v>104638</v>
      </c>
      <c r="CY35" s="326">
        <v>216641</v>
      </c>
      <c r="CZ35" s="327">
        <v>321279</v>
      </c>
      <c r="DA35" s="325">
        <v>0</v>
      </c>
      <c r="DB35" s="326">
        <v>295231</v>
      </c>
      <c r="DC35" s="326">
        <v>537315</v>
      </c>
      <c r="DD35" s="326">
        <v>165826</v>
      </c>
      <c r="DE35" s="326">
        <v>349659</v>
      </c>
      <c r="DF35" s="326">
        <v>120833</v>
      </c>
      <c r="DG35" s="327">
        <v>1468864</v>
      </c>
      <c r="DH35" s="329">
        <v>1790143</v>
      </c>
      <c r="DI35" s="325">
        <v>0</v>
      </c>
      <c r="DJ35" s="326">
        <v>0</v>
      </c>
      <c r="DK35" s="330">
        <v>0</v>
      </c>
      <c r="DL35" s="331">
        <v>0</v>
      </c>
      <c r="DM35" s="326">
        <v>252133</v>
      </c>
      <c r="DN35" s="326">
        <v>585603</v>
      </c>
      <c r="DO35" s="326">
        <v>1036389</v>
      </c>
      <c r="DP35" s="326">
        <v>562230</v>
      </c>
      <c r="DQ35" s="326">
        <v>54595</v>
      </c>
      <c r="DR35" s="327">
        <v>2490950</v>
      </c>
      <c r="DS35" s="329">
        <v>2490950</v>
      </c>
      <c r="DT35" s="325">
        <v>0</v>
      </c>
      <c r="DU35" s="326">
        <v>0</v>
      </c>
      <c r="DV35" s="327">
        <v>0</v>
      </c>
      <c r="DW35" s="325">
        <v>0</v>
      </c>
      <c r="DX35" s="326">
        <v>191967</v>
      </c>
      <c r="DY35" s="326">
        <v>549587</v>
      </c>
      <c r="DZ35" s="326">
        <v>882073</v>
      </c>
      <c r="EA35" s="326">
        <v>562230</v>
      </c>
      <c r="EB35" s="326">
        <v>0</v>
      </c>
      <c r="EC35" s="327">
        <v>2185857</v>
      </c>
      <c r="ED35" s="329">
        <v>2185857</v>
      </c>
      <c r="EE35" s="325">
        <v>0</v>
      </c>
      <c r="EF35" s="330">
        <v>0</v>
      </c>
      <c r="EG35" s="327">
        <v>0</v>
      </c>
      <c r="EH35" s="325">
        <v>0</v>
      </c>
      <c r="EI35" s="326">
        <v>60166</v>
      </c>
      <c r="EJ35" s="326">
        <v>36016</v>
      </c>
      <c r="EK35" s="326">
        <v>154316</v>
      </c>
      <c r="EL35" s="326">
        <v>0</v>
      </c>
      <c r="EM35" s="326">
        <v>54595</v>
      </c>
      <c r="EN35" s="330">
        <v>305093</v>
      </c>
      <c r="EO35" s="329">
        <v>305093</v>
      </c>
      <c r="EP35" s="325">
        <v>0</v>
      </c>
      <c r="EQ35" s="326">
        <v>0</v>
      </c>
      <c r="ER35" s="330">
        <v>0</v>
      </c>
      <c r="ES35" s="331">
        <v>0</v>
      </c>
      <c r="ET35" s="326">
        <v>0</v>
      </c>
      <c r="EU35" s="326">
        <v>0</v>
      </c>
      <c r="EV35" s="326">
        <v>0</v>
      </c>
      <c r="EW35" s="326">
        <v>0</v>
      </c>
      <c r="EX35" s="326">
        <v>0</v>
      </c>
      <c r="EY35" s="327">
        <v>0</v>
      </c>
      <c r="EZ35" s="329">
        <v>0</v>
      </c>
      <c r="FA35" s="325">
        <v>0</v>
      </c>
      <c r="FB35" s="326">
        <v>0</v>
      </c>
      <c r="FC35" s="330">
        <v>0</v>
      </c>
      <c r="FD35" s="331">
        <v>0</v>
      </c>
      <c r="FE35" s="326">
        <v>0</v>
      </c>
      <c r="FF35" s="326">
        <v>0</v>
      </c>
      <c r="FG35" s="326">
        <v>0</v>
      </c>
      <c r="FH35" s="326">
        <v>0</v>
      </c>
      <c r="FI35" s="326">
        <v>0</v>
      </c>
      <c r="FJ35" s="327">
        <v>0</v>
      </c>
      <c r="FK35" s="329">
        <v>0</v>
      </c>
      <c r="FL35" s="325">
        <v>246344</v>
      </c>
      <c r="FM35" s="326">
        <v>212620</v>
      </c>
      <c r="FN35" s="327">
        <v>458964</v>
      </c>
      <c r="FO35" s="325">
        <v>0</v>
      </c>
      <c r="FP35" s="326">
        <v>528971</v>
      </c>
      <c r="FQ35" s="326">
        <v>594196</v>
      </c>
      <c r="FR35" s="326">
        <v>749279</v>
      </c>
      <c r="FS35" s="326">
        <v>669240</v>
      </c>
      <c r="FT35" s="326">
        <v>278820</v>
      </c>
      <c r="FU35" s="327">
        <v>2820506</v>
      </c>
      <c r="FV35" s="329">
        <v>3279470</v>
      </c>
      <c r="FW35" s="332">
        <v>241295</v>
      </c>
      <c r="FX35" s="326">
        <v>184554</v>
      </c>
      <c r="FY35" s="330">
        <v>425849</v>
      </c>
      <c r="FZ35" s="331">
        <v>0</v>
      </c>
      <c r="GA35" s="326">
        <v>504851</v>
      </c>
      <c r="GB35" s="326">
        <v>594196</v>
      </c>
      <c r="GC35" s="326">
        <v>738029</v>
      </c>
      <c r="GD35" s="326">
        <v>669240</v>
      </c>
      <c r="GE35" s="326">
        <v>278820</v>
      </c>
      <c r="GF35" s="327">
        <v>2785136</v>
      </c>
      <c r="GG35" s="333">
        <v>3210985</v>
      </c>
      <c r="GH35" s="332">
        <v>5049</v>
      </c>
      <c r="GI35" s="326">
        <v>28066</v>
      </c>
      <c r="GJ35" s="330">
        <v>33115</v>
      </c>
      <c r="GK35" s="331">
        <v>0</v>
      </c>
      <c r="GL35" s="326">
        <v>24120</v>
      </c>
      <c r="GM35" s="326">
        <v>0</v>
      </c>
      <c r="GN35" s="326">
        <v>11250</v>
      </c>
      <c r="GO35" s="326">
        <v>0</v>
      </c>
      <c r="GP35" s="326">
        <v>0</v>
      </c>
      <c r="GQ35" s="327">
        <v>35370</v>
      </c>
      <c r="GR35" s="329">
        <v>68485</v>
      </c>
      <c r="GS35" s="325">
        <v>0</v>
      </c>
      <c r="GT35" s="326">
        <v>0</v>
      </c>
      <c r="GU35" s="327">
        <v>0</v>
      </c>
      <c r="GV35" s="325">
        <v>0</v>
      </c>
      <c r="GW35" s="326">
        <v>0</v>
      </c>
      <c r="GX35" s="326">
        <v>0</v>
      </c>
      <c r="GY35" s="326">
        <v>0</v>
      </c>
      <c r="GZ35" s="326">
        <v>0</v>
      </c>
      <c r="HA35" s="326">
        <v>0</v>
      </c>
      <c r="HB35" s="330">
        <v>0</v>
      </c>
      <c r="HC35" s="329">
        <v>0</v>
      </c>
      <c r="HD35" s="325">
        <v>0</v>
      </c>
      <c r="HE35" s="326">
        <v>0</v>
      </c>
      <c r="HF35" s="330">
        <v>0</v>
      </c>
      <c r="HG35" s="331">
        <v>0</v>
      </c>
      <c r="HH35" s="326">
        <v>1394259</v>
      </c>
      <c r="HI35" s="326">
        <v>1433038</v>
      </c>
      <c r="HJ35" s="326">
        <v>1419863</v>
      </c>
      <c r="HK35" s="326">
        <v>1226407</v>
      </c>
      <c r="HL35" s="326">
        <v>525730</v>
      </c>
      <c r="HM35" s="327">
        <v>5999297</v>
      </c>
      <c r="HN35" s="328">
        <v>5999297</v>
      </c>
      <c r="HO35" s="332">
        <v>183003</v>
      </c>
      <c r="HP35" s="326">
        <v>119640</v>
      </c>
      <c r="HQ35" s="327">
        <v>302643</v>
      </c>
      <c r="HR35" s="325">
        <v>0</v>
      </c>
      <c r="HS35" s="326">
        <v>1146097</v>
      </c>
      <c r="HT35" s="326">
        <v>817634</v>
      </c>
      <c r="HU35" s="326">
        <v>742431</v>
      </c>
      <c r="HV35" s="326">
        <v>487408</v>
      </c>
      <c r="HW35" s="326">
        <v>245628</v>
      </c>
      <c r="HX35" s="330">
        <v>3439198</v>
      </c>
      <c r="HY35" s="329">
        <v>3741841</v>
      </c>
      <c r="HZ35" s="334">
        <v>0</v>
      </c>
      <c r="IA35" s="335">
        <v>0</v>
      </c>
      <c r="IB35" s="336">
        <v>0</v>
      </c>
      <c r="IC35" s="337">
        <v>0</v>
      </c>
      <c r="ID35" s="335">
        <v>2242257</v>
      </c>
      <c r="IE35" s="338">
        <v>2092177</v>
      </c>
      <c r="IF35" s="336">
        <v>1322217</v>
      </c>
      <c r="IG35" s="335">
        <v>2962706</v>
      </c>
      <c r="IH35" s="336">
        <v>636948</v>
      </c>
      <c r="II35" s="339">
        <v>9256305</v>
      </c>
      <c r="IJ35" s="340">
        <v>9256305</v>
      </c>
      <c r="IK35" s="341">
        <v>0</v>
      </c>
      <c r="IL35" s="342">
        <v>0</v>
      </c>
      <c r="IM35" s="343">
        <v>0</v>
      </c>
      <c r="IN35" s="403">
        <v>0</v>
      </c>
      <c r="IO35" s="344">
        <v>0</v>
      </c>
      <c r="IP35" s="344">
        <v>195138</v>
      </c>
      <c r="IQ35" s="344">
        <v>179199</v>
      </c>
      <c r="IR35" s="344">
        <v>0</v>
      </c>
      <c r="IS35" s="344">
        <v>0</v>
      </c>
      <c r="IT35" s="345">
        <v>374337</v>
      </c>
      <c r="IU35" s="346">
        <v>374337</v>
      </c>
      <c r="IV35" s="347">
        <v>0</v>
      </c>
      <c r="IW35" s="344">
        <v>0</v>
      </c>
      <c r="IX35" s="348">
        <v>0</v>
      </c>
      <c r="IY35" s="412">
        <v>0</v>
      </c>
      <c r="IZ35" s="344">
        <v>0</v>
      </c>
      <c r="JA35" s="344">
        <v>0</v>
      </c>
      <c r="JB35" s="344">
        <v>0</v>
      </c>
      <c r="JC35" s="344">
        <v>0</v>
      </c>
      <c r="JD35" s="344">
        <v>0</v>
      </c>
      <c r="JE35" s="348">
        <v>0</v>
      </c>
      <c r="JF35" s="349">
        <v>0</v>
      </c>
      <c r="JG35" s="347">
        <v>0</v>
      </c>
      <c r="JH35" s="344">
        <v>0</v>
      </c>
      <c r="JI35" s="345">
        <v>0</v>
      </c>
      <c r="JJ35" s="350">
        <v>0</v>
      </c>
      <c r="JK35" s="344">
        <v>1414050</v>
      </c>
      <c r="JL35" s="344">
        <v>686035</v>
      </c>
      <c r="JM35" s="344">
        <v>638604</v>
      </c>
      <c r="JN35" s="344">
        <v>725936</v>
      </c>
      <c r="JO35" s="344">
        <v>66060</v>
      </c>
      <c r="JP35" s="348">
        <v>3530685</v>
      </c>
      <c r="JQ35" s="346">
        <v>3530685</v>
      </c>
      <c r="JR35" s="347">
        <v>0</v>
      </c>
      <c r="JS35" s="344">
        <v>0</v>
      </c>
      <c r="JT35" s="345">
        <v>0</v>
      </c>
      <c r="JU35" s="350">
        <v>0</v>
      </c>
      <c r="JV35" s="344">
        <v>43938</v>
      </c>
      <c r="JW35" s="344">
        <v>328320</v>
      </c>
      <c r="JX35" s="344">
        <v>0</v>
      </c>
      <c r="JY35" s="344">
        <v>0</v>
      </c>
      <c r="JZ35" s="344">
        <v>0</v>
      </c>
      <c r="KA35" s="348">
        <v>372258</v>
      </c>
      <c r="KB35" s="346">
        <v>372258</v>
      </c>
      <c r="KC35" s="351">
        <v>0</v>
      </c>
      <c r="KD35" s="352">
        <v>0</v>
      </c>
      <c r="KE35" s="348">
        <v>0</v>
      </c>
      <c r="KF35" s="350">
        <v>0</v>
      </c>
      <c r="KG35" s="344">
        <v>0</v>
      </c>
      <c r="KH35" s="344">
        <v>0</v>
      </c>
      <c r="KI35" s="344">
        <v>0</v>
      </c>
      <c r="KJ35" s="344">
        <v>295704</v>
      </c>
      <c r="KK35" s="344">
        <v>0</v>
      </c>
      <c r="KL35" s="348">
        <v>295704</v>
      </c>
      <c r="KM35" s="353">
        <v>295704</v>
      </c>
      <c r="KN35" s="341">
        <v>0</v>
      </c>
      <c r="KO35" s="342">
        <v>0</v>
      </c>
      <c r="KP35" s="343">
        <v>0</v>
      </c>
      <c r="KQ35" s="412">
        <v>0</v>
      </c>
      <c r="KR35" s="344">
        <v>784269</v>
      </c>
      <c r="KS35" s="344">
        <v>882684</v>
      </c>
      <c r="KT35" s="344">
        <v>504414</v>
      </c>
      <c r="KU35" s="344">
        <v>1941066</v>
      </c>
      <c r="KV35" s="344">
        <v>570888</v>
      </c>
      <c r="KW35" s="348">
        <v>4683321</v>
      </c>
      <c r="KX35" s="346">
        <v>4683321</v>
      </c>
      <c r="KY35" s="347">
        <v>0</v>
      </c>
      <c r="KZ35" s="344">
        <v>0</v>
      </c>
      <c r="LA35" s="348">
        <v>0</v>
      </c>
      <c r="LB35" s="412">
        <v>0</v>
      </c>
      <c r="LC35" s="344">
        <v>0</v>
      </c>
      <c r="LD35" s="344">
        <v>0</v>
      </c>
      <c r="LE35" s="344">
        <v>0</v>
      </c>
      <c r="LF35" s="344">
        <v>0</v>
      </c>
      <c r="LG35" s="344">
        <v>0</v>
      </c>
      <c r="LH35" s="348">
        <v>0</v>
      </c>
      <c r="LI35" s="349">
        <v>0</v>
      </c>
      <c r="LJ35" s="347">
        <v>0</v>
      </c>
      <c r="LK35" s="344">
        <v>0</v>
      </c>
      <c r="LL35" s="348">
        <v>0</v>
      </c>
      <c r="LM35" s="412">
        <v>0</v>
      </c>
      <c r="LN35" s="344">
        <v>0</v>
      </c>
      <c r="LO35" s="344">
        <v>0</v>
      </c>
      <c r="LP35" s="344">
        <v>0</v>
      </c>
      <c r="LQ35" s="344">
        <v>0</v>
      </c>
      <c r="LR35" s="344">
        <v>0</v>
      </c>
      <c r="LS35" s="348">
        <v>0</v>
      </c>
      <c r="LT35" s="346">
        <v>0</v>
      </c>
      <c r="LU35" s="347">
        <v>0</v>
      </c>
      <c r="LV35" s="344">
        <v>0</v>
      </c>
      <c r="LW35" s="348">
        <v>0</v>
      </c>
      <c r="LX35" s="412">
        <v>0</v>
      </c>
      <c r="LY35" s="344">
        <v>0</v>
      </c>
      <c r="LZ35" s="344">
        <v>0</v>
      </c>
      <c r="MA35" s="344">
        <v>0</v>
      </c>
      <c r="MB35" s="344">
        <v>0</v>
      </c>
      <c r="MC35" s="344">
        <v>0</v>
      </c>
      <c r="MD35" s="348">
        <v>0</v>
      </c>
      <c r="ME35" s="349">
        <v>0</v>
      </c>
      <c r="MF35" s="347">
        <v>0</v>
      </c>
      <c r="MG35" s="344">
        <v>0</v>
      </c>
      <c r="MH35" s="348">
        <v>0</v>
      </c>
      <c r="MI35" s="412">
        <v>0</v>
      </c>
      <c r="MJ35" s="344">
        <v>2830491</v>
      </c>
      <c r="MK35" s="344">
        <v>3261605</v>
      </c>
      <c r="ML35" s="344">
        <v>8494305</v>
      </c>
      <c r="MM35" s="344">
        <v>12278980</v>
      </c>
      <c r="MN35" s="344">
        <v>9378981</v>
      </c>
      <c r="MO35" s="348">
        <v>36244362</v>
      </c>
      <c r="MP35" s="353">
        <v>36244362</v>
      </c>
      <c r="MQ35" s="347">
        <v>0</v>
      </c>
      <c r="MR35" s="344">
        <v>0</v>
      </c>
      <c r="MS35" s="348">
        <v>0</v>
      </c>
      <c r="MT35" s="412">
        <v>0</v>
      </c>
      <c r="MU35" s="344">
        <v>0</v>
      </c>
      <c r="MV35" s="344">
        <v>1230562</v>
      </c>
      <c r="MW35" s="344">
        <v>5208556</v>
      </c>
      <c r="MX35" s="344">
        <v>8234149</v>
      </c>
      <c r="MY35" s="344">
        <v>5884831</v>
      </c>
      <c r="MZ35" s="348">
        <v>20558098</v>
      </c>
      <c r="NA35" s="353">
        <v>20558098</v>
      </c>
      <c r="NB35" s="347">
        <v>0</v>
      </c>
      <c r="NC35" s="344">
        <v>0</v>
      </c>
      <c r="ND35" s="348">
        <v>0</v>
      </c>
      <c r="NE35" s="412">
        <v>0</v>
      </c>
      <c r="NF35" s="344">
        <v>2830491</v>
      </c>
      <c r="NG35" s="344">
        <v>2031043</v>
      </c>
      <c r="NH35" s="344">
        <v>3285749</v>
      </c>
      <c r="NI35" s="344">
        <v>3657941</v>
      </c>
      <c r="NJ35" s="344">
        <v>1994445</v>
      </c>
      <c r="NK35" s="348">
        <v>13799669</v>
      </c>
      <c r="NL35" s="346">
        <v>13799669</v>
      </c>
      <c r="NM35" s="347">
        <v>0</v>
      </c>
      <c r="NN35" s="344">
        <v>0</v>
      </c>
      <c r="NO35" s="348">
        <v>0</v>
      </c>
      <c r="NP35" s="412">
        <v>0</v>
      </c>
      <c r="NQ35" s="344">
        <v>0</v>
      </c>
      <c r="NR35" s="344">
        <v>0</v>
      </c>
      <c r="NS35" s="344">
        <v>0</v>
      </c>
      <c r="NT35" s="344">
        <v>0</v>
      </c>
      <c r="NU35" s="344">
        <v>0</v>
      </c>
      <c r="NV35" s="348">
        <v>0</v>
      </c>
      <c r="NW35" s="349">
        <v>0</v>
      </c>
      <c r="NX35" s="347">
        <v>0</v>
      </c>
      <c r="NY35" s="344">
        <v>0</v>
      </c>
      <c r="NZ35" s="348">
        <v>0</v>
      </c>
      <c r="OA35" s="412">
        <v>0</v>
      </c>
      <c r="OB35" s="344">
        <v>0</v>
      </c>
      <c r="OC35" s="344">
        <v>0</v>
      </c>
      <c r="OD35" s="344">
        <v>0</v>
      </c>
      <c r="OE35" s="344">
        <v>386890</v>
      </c>
      <c r="OF35" s="344">
        <v>1499705</v>
      </c>
      <c r="OG35" s="348">
        <v>1886595</v>
      </c>
      <c r="OH35" s="349">
        <v>1886595</v>
      </c>
      <c r="OI35" s="347">
        <v>645209</v>
      </c>
      <c r="OJ35" s="344">
        <v>857377</v>
      </c>
      <c r="OK35" s="345">
        <v>1502586</v>
      </c>
      <c r="OL35" s="350">
        <v>0</v>
      </c>
      <c r="OM35" s="344">
        <v>12702824</v>
      </c>
      <c r="ON35" s="344">
        <v>12844634</v>
      </c>
      <c r="OO35" s="344">
        <v>17508894</v>
      </c>
      <c r="OP35" s="344">
        <v>22900913</v>
      </c>
      <c r="OQ35" s="344">
        <v>13844619</v>
      </c>
      <c r="OR35" s="348">
        <v>79801884</v>
      </c>
      <c r="OS35" s="353">
        <v>81304470</v>
      </c>
    </row>
    <row r="36" spans="2:409" s="70" customFormat="1" ht="21" customHeight="1" x14ac:dyDescent="0.2">
      <c r="B36" s="409" t="s">
        <v>31</v>
      </c>
      <c r="C36" s="325">
        <v>735635</v>
      </c>
      <c r="D36" s="326">
        <v>1074254</v>
      </c>
      <c r="E36" s="327">
        <v>1809889</v>
      </c>
      <c r="F36" s="328">
        <v>0</v>
      </c>
      <c r="G36" s="326">
        <v>7338309</v>
      </c>
      <c r="H36" s="326">
        <v>9106303</v>
      </c>
      <c r="I36" s="326">
        <v>8096257</v>
      </c>
      <c r="J36" s="326">
        <v>7971519</v>
      </c>
      <c r="K36" s="326">
        <v>2617585</v>
      </c>
      <c r="L36" s="366">
        <v>35129973</v>
      </c>
      <c r="M36" s="329">
        <v>36939862</v>
      </c>
      <c r="N36" s="325">
        <v>105030</v>
      </c>
      <c r="O36" s="326">
        <v>173842</v>
      </c>
      <c r="P36" s="327">
        <v>278872</v>
      </c>
      <c r="Q36" s="325">
        <v>0</v>
      </c>
      <c r="R36" s="326">
        <v>1535123</v>
      </c>
      <c r="S36" s="326">
        <v>1332601</v>
      </c>
      <c r="T36" s="326">
        <v>1699100</v>
      </c>
      <c r="U36" s="326">
        <v>2524883</v>
      </c>
      <c r="V36" s="326">
        <v>1242870</v>
      </c>
      <c r="W36" s="327">
        <v>8334577</v>
      </c>
      <c r="X36" s="329">
        <v>8613449</v>
      </c>
      <c r="Y36" s="325">
        <v>0</v>
      </c>
      <c r="Z36" s="326">
        <v>0</v>
      </c>
      <c r="AA36" s="327">
        <v>0</v>
      </c>
      <c r="AB36" s="325">
        <v>0</v>
      </c>
      <c r="AC36" s="326">
        <v>503532</v>
      </c>
      <c r="AD36" s="326">
        <v>407469</v>
      </c>
      <c r="AE36" s="326">
        <v>686742</v>
      </c>
      <c r="AF36" s="326">
        <v>1010985</v>
      </c>
      <c r="AG36" s="326">
        <v>643487</v>
      </c>
      <c r="AH36" s="327">
        <v>3252215</v>
      </c>
      <c r="AI36" s="329">
        <v>3252215</v>
      </c>
      <c r="AJ36" s="325">
        <v>0</v>
      </c>
      <c r="AK36" s="326">
        <v>0</v>
      </c>
      <c r="AL36" s="327">
        <v>0</v>
      </c>
      <c r="AM36" s="325">
        <v>0</v>
      </c>
      <c r="AN36" s="326">
        <v>117099</v>
      </c>
      <c r="AO36" s="326">
        <v>45488</v>
      </c>
      <c r="AP36" s="326">
        <v>317310</v>
      </c>
      <c r="AQ36" s="326">
        <v>555476</v>
      </c>
      <c r="AR36" s="326">
        <v>188390</v>
      </c>
      <c r="AS36" s="327">
        <v>1223763</v>
      </c>
      <c r="AT36" s="329">
        <v>1223763</v>
      </c>
      <c r="AU36" s="325">
        <v>39060</v>
      </c>
      <c r="AV36" s="326">
        <v>123946</v>
      </c>
      <c r="AW36" s="327">
        <v>163006</v>
      </c>
      <c r="AX36" s="325">
        <v>0</v>
      </c>
      <c r="AY36" s="326">
        <v>694145</v>
      </c>
      <c r="AZ36" s="326">
        <v>591183</v>
      </c>
      <c r="BA36" s="326">
        <v>495468</v>
      </c>
      <c r="BB36" s="326">
        <v>654592</v>
      </c>
      <c r="BC36" s="326">
        <v>291690</v>
      </c>
      <c r="BD36" s="327">
        <v>2727078</v>
      </c>
      <c r="BE36" s="329">
        <v>2890084</v>
      </c>
      <c r="BF36" s="325">
        <v>33804</v>
      </c>
      <c r="BG36" s="326">
        <v>49896</v>
      </c>
      <c r="BH36" s="330">
        <v>83700</v>
      </c>
      <c r="BI36" s="331">
        <v>0</v>
      </c>
      <c r="BJ36" s="326">
        <v>94644</v>
      </c>
      <c r="BK36" s="326">
        <v>34416</v>
      </c>
      <c r="BL36" s="326">
        <v>52529</v>
      </c>
      <c r="BM36" s="326">
        <v>103248</v>
      </c>
      <c r="BN36" s="326">
        <v>0</v>
      </c>
      <c r="BO36" s="327">
        <v>284837</v>
      </c>
      <c r="BP36" s="329">
        <v>368537</v>
      </c>
      <c r="BQ36" s="325">
        <v>32166</v>
      </c>
      <c r="BR36" s="326">
        <v>0</v>
      </c>
      <c r="BS36" s="327">
        <v>32166</v>
      </c>
      <c r="BT36" s="325">
        <v>0</v>
      </c>
      <c r="BU36" s="326">
        <v>125703</v>
      </c>
      <c r="BV36" s="326">
        <v>254045</v>
      </c>
      <c r="BW36" s="326">
        <v>147051</v>
      </c>
      <c r="BX36" s="326">
        <v>200582</v>
      </c>
      <c r="BY36" s="326">
        <v>119303</v>
      </c>
      <c r="BZ36" s="327">
        <v>846684</v>
      </c>
      <c r="CA36" s="329">
        <v>878850</v>
      </c>
      <c r="CB36" s="325">
        <v>0</v>
      </c>
      <c r="CC36" s="326">
        <v>112884</v>
      </c>
      <c r="CD36" s="327">
        <v>112884</v>
      </c>
      <c r="CE36" s="325">
        <v>0</v>
      </c>
      <c r="CF36" s="326">
        <v>2649531</v>
      </c>
      <c r="CG36" s="326">
        <v>3180403</v>
      </c>
      <c r="CH36" s="326">
        <v>2120273</v>
      </c>
      <c r="CI36" s="326">
        <v>1400288</v>
      </c>
      <c r="CJ36" s="326">
        <v>642142</v>
      </c>
      <c r="CK36" s="327">
        <v>9992637</v>
      </c>
      <c r="CL36" s="329">
        <v>10105521</v>
      </c>
      <c r="CM36" s="325">
        <v>0</v>
      </c>
      <c r="CN36" s="326">
        <v>0</v>
      </c>
      <c r="CO36" s="327">
        <v>0</v>
      </c>
      <c r="CP36" s="331">
        <v>0</v>
      </c>
      <c r="CQ36" s="326">
        <v>2351201</v>
      </c>
      <c r="CR36" s="326">
        <v>2732776</v>
      </c>
      <c r="CS36" s="326">
        <v>1271420</v>
      </c>
      <c r="CT36" s="326">
        <v>1223929</v>
      </c>
      <c r="CU36" s="326">
        <v>534726</v>
      </c>
      <c r="CV36" s="327">
        <v>8114052</v>
      </c>
      <c r="CW36" s="329">
        <v>8114052</v>
      </c>
      <c r="CX36" s="325">
        <v>0</v>
      </c>
      <c r="CY36" s="326">
        <v>112884</v>
      </c>
      <c r="CZ36" s="327">
        <v>112884</v>
      </c>
      <c r="DA36" s="325">
        <v>0</v>
      </c>
      <c r="DB36" s="326">
        <v>298330</v>
      </c>
      <c r="DC36" s="326">
        <v>447627</v>
      </c>
      <c r="DD36" s="326">
        <v>848853</v>
      </c>
      <c r="DE36" s="326">
        <v>176359</v>
      </c>
      <c r="DF36" s="326">
        <v>107416</v>
      </c>
      <c r="DG36" s="327">
        <v>1878585</v>
      </c>
      <c r="DH36" s="329">
        <v>1991469</v>
      </c>
      <c r="DI36" s="325">
        <v>47082</v>
      </c>
      <c r="DJ36" s="326">
        <v>42784</v>
      </c>
      <c r="DK36" s="330">
        <v>89866</v>
      </c>
      <c r="DL36" s="331">
        <v>0</v>
      </c>
      <c r="DM36" s="326">
        <v>305489</v>
      </c>
      <c r="DN36" s="326">
        <v>468514</v>
      </c>
      <c r="DO36" s="326">
        <v>1941269</v>
      </c>
      <c r="DP36" s="326">
        <v>1237804</v>
      </c>
      <c r="DQ36" s="326">
        <v>337580</v>
      </c>
      <c r="DR36" s="327">
        <v>4290656</v>
      </c>
      <c r="DS36" s="329">
        <v>4380522</v>
      </c>
      <c r="DT36" s="325">
        <v>6726</v>
      </c>
      <c r="DU36" s="326">
        <v>42784</v>
      </c>
      <c r="DV36" s="327">
        <v>49510</v>
      </c>
      <c r="DW36" s="325">
        <v>0</v>
      </c>
      <c r="DX36" s="326">
        <v>211346</v>
      </c>
      <c r="DY36" s="326">
        <v>468514</v>
      </c>
      <c r="DZ36" s="326">
        <v>1941269</v>
      </c>
      <c r="EA36" s="326">
        <v>1237804</v>
      </c>
      <c r="EB36" s="326">
        <v>272960</v>
      </c>
      <c r="EC36" s="327">
        <v>4131893</v>
      </c>
      <c r="ED36" s="329">
        <v>4181403</v>
      </c>
      <c r="EE36" s="325">
        <v>40356</v>
      </c>
      <c r="EF36" s="330">
        <v>0</v>
      </c>
      <c r="EG36" s="327">
        <v>40356</v>
      </c>
      <c r="EH36" s="325">
        <v>0</v>
      </c>
      <c r="EI36" s="326">
        <v>94143</v>
      </c>
      <c r="EJ36" s="326">
        <v>0</v>
      </c>
      <c r="EK36" s="326">
        <v>0</v>
      </c>
      <c r="EL36" s="326">
        <v>0</v>
      </c>
      <c r="EM36" s="326">
        <v>64620</v>
      </c>
      <c r="EN36" s="330">
        <v>158763</v>
      </c>
      <c r="EO36" s="329">
        <v>199119</v>
      </c>
      <c r="EP36" s="325">
        <v>0</v>
      </c>
      <c r="EQ36" s="326">
        <v>0</v>
      </c>
      <c r="ER36" s="330">
        <v>0</v>
      </c>
      <c r="ES36" s="331">
        <v>0</v>
      </c>
      <c r="ET36" s="326">
        <v>0</v>
      </c>
      <c r="EU36" s="326">
        <v>0</v>
      </c>
      <c r="EV36" s="326">
        <v>0</v>
      </c>
      <c r="EW36" s="326">
        <v>0</v>
      </c>
      <c r="EX36" s="326">
        <v>0</v>
      </c>
      <c r="EY36" s="327">
        <v>0</v>
      </c>
      <c r="EZ36" s="329">
        <v>0</v>
      </c>
      <c r="FA36" s="325">
        <v>0</v>
      </c>
      <c r="FB36" s="326">
        <v>0</v>
      </c>
      <c r="FC36" s="330">
        <v>0</v>
      </c>
      <c r="FD36" s="331">
        <v>0</v>
      </c>
      <c r="FE36" s="326">
        <v>0</v>
      </c>
      <c r="FF36" s="326">
        <v>0</v>
      </c>
      <c r="FG36" s="326">
        <v>0</v>
      </c>
      <c r="FH36" s="326">
        <v>0</v>
      </c>
      <c r="FI36" s="326">
        <v>0</v>
      </c>
      <c r="FJ36" s="327">
        <v>0</v>
      </c>
      <c r="FK36" s="329">
        <v>0</v>
      </c>
      <c r="FL36" s="325">
        <v>297678</v>
      </c>
      <c r="FM36" s="326">
        <v>456945</v>
      </c>
      <c r="FN36" s="327">
        <v>754623</v>
      </c>
      <c r="FO36" s="325">
        <v>0</v>
      </c>
      <c r="FP36" s="326">
        <v>622076</v>
      </c>
      <c r="FQ36" s="326">
        <v>1150100</v>
      </c>
      <c r="FR36" s="326">
        <v>649998</v>
      </c>
      <c r="FS36" s="326">
        <v>1022325</v>
      </c>
      <c r="FT36" s="326">
        <v>237862</v>
      </c>
      <c r="FU36" s="327">
        <v>3682361</v>
      </c>
      <c r="FV36" s="329">
        <v>4436984</v>
      </c>
      <c r="FW36" s="332">
        <v>115518</v>
      </c>
      <c r="FX36" s="326">
        <v>407945</v>
      </c>
      <c r="FY36" s="330">
        <v>523463</v>
      </c>
      <c r="FZ36" s="331">
        <v>0</v>
      </c>
      <c r="GA36" s="326">
        <v>408076</v>
      </c>
      <c r="GB36" s="326">
        <v>786950</v>
      </c>
      <c r="GC36" s="326">
        <v>634862</v>
      </c>
      <c r="GD36" s="326">
        <v>665026</v>
      </c>
      <c r="GE36" s="326">
        <v>237862</v>
      </c>
      <c r="GF36" s="327">
        <v>2732776</v>
      </c>
      <c r="GG36" s="333">
        <v>3256239</v>
      </c>
      <c r="GH36" s="332">
        <v>0</v>
      </c>
      <c r="GI36" s="326">
        <v>0</v>
      </c>
      <c r="GJ36" s="330">
        <v>0</v>
      </c>
      <c r="GK36" s="331">
        <v>0</v>
      </c>
      <c r="GL36" s="326">
        <v>0</v>
      </c>
      <c r="GM36" s="326">
        <v>57600</v>
      </c>
      <c r="GN36" s="326">
        <v>0</v>
      </c>
      <c r="GO36" s="326">
        <v>177299</v>
      </c>
      <c r="GP36" s="326">
        <v>0</v>
      </c>
      <c r="GQ36" s="327">
        <v>234899</v>
      </c>
      <c r="GR36" s="329">
        <v>234899</v>
      </c>
      <c r="GS36" s="325">
        <v>182160</v>
      </c>
      <c r="GT36" s="326">
        <v>49000</v>
      </c>
      <c r="GU36" s="327">
        <v>231160</v>
      </c>
      <c r="GV36" s="325">
        <v>0</v>
      </c>
      <c r="GW36" s="326">
        <v>214000</v>
      </c>
      <c r="GX36" s="326">
        <v>305550</v>
      </c>
      <c r="GY36" s="326">
        <v>15136</v>
      </c>
      <c r="GZ36" s="326">
        <v>180000</v>
      </c>
      <c r="HA36" s="326">
        <v>0</v>
      </c>
      <c r="HB36" s="330">
        <v>714686</v>
      </c>
      <c r="HC36" s="329">
        <v>945846</v>
      </c>
      <c r="HD36" s="325">
        <v>178294</v>
      </c>
      <c r="HE36" s="326">
        <v>0</v>
      </c>
      <c r="HF36" s="330">
        <v>178294</v>
      </c>
      <c r="HG36" s="331">
        <v>0</v>
      </c>
      <c r="HH36" s="326">
        <v>869419</v>
      </c>
      <c r="HI36" s="326">
        <v>1812341</v>
      </c>
      <c r="HJ36" s="326">
        <v>858446</v>
      </c>
      <c r="HK36" s="326">
        <v>1334884</v>
      </c>
      <c r="HL36" s="326">
        <v>0</v>
      </c>
      <c r="HM36" s="327">
        <v>4875090</v>
      </c>
      <c r="HN36" s="328">
        <v>5053384</v>
      </c>
      <c r="HO36" s="332">
        <v>107551</v>
      </c>
      <c r="HP36" s="326">
        <v>287799</v>
      </c>
      <c r="HQ36" s="327">
        <v>395350</v>
      </c>
      <c r="HR36" s="325">
        <v>0</v>
      </c>
      <c r="HS36" s="326">
        <v>1356671</v>
      </c>
      <c r="HT36" s="326">
        <v>1162344</v>
      </c>
      <c r="HU36" s="326">
        <v>827171</v>
      </c>
      <c r="HV36" s="326">
        <v>451335</v>
      </c>
      <c r="HW36" s="326">
        <v>157131</v>
      </c>
      <c r="HX36" s="330">
        <v>3954652</v>
      </c>
      <c r="HY36" s="329">
        <v>4350002</v>
      </c>
      <c r="HZ36" s="357">
        <v>0</v>
      </c>
      <c r="IA36" s="355">
        <v>89552</v>
      </c>
      <c r="IB36" s="357">
        <v>89552</v>
      </c>
      <c r="IC36" s="354">
        <v>0</v>
      </c>
      <c r="ID36" s="355">
        <v>3966137</v>
      </c>
      <c r="IE36" s="356">
        <v>4823793</v>
      </c>
      <c r="IF36" s="357">
        <v>5212185</v>
      </c>
      <c r="IG36" s="355">
        <v>4065123</v>
      </c>
      <c r="IH36" s="357">
        <v>1422471</v>
      </c>
      <c r="II36" s="358">
        <v>19489709</v>
      </c>
      <c r="IJ36" s="357">
        <v>19579261</v>
      </c>
      <c r="IK36" s="341">
        <v>0</v>
      </c>
      <c r="IL36" s="342">
        <v>0</v>
      </c>
      <c r="IM36" s="343">
        <v>0</v>
      </c>
      <c r="IN36" s="403">
        <v>0</v>
      </c>
      <c r="IO36" s="344">
        <v>0</v>
      </c>
      <c r="IP36" s="344">
        <v>34495</v>
      </c>
      <c r="IQ36" s="344">
        <v>0</v>
      </c>
      <c r="IR36" s="344">
        <v>0</v>
      </c>
      <c r="IS36" s="344">
        <v>0</v>
      </c>
      <c r="IT36" s="345">
        <v>34495</v>
      </c>
      <c r="IU36" s="346">
        <v>34495</v>
      </c>
      <c r="IV36" s="347">
        <v>0</v>
      </c>
      <c r="IW36" s="344">
        <v>0</v>
      </c>
      <c r="IX36" s="348">
        <v>0</v>
      </c>
      <c r="IY36" s="412">
        <v>0</v>
      </c>
      <c r="IZ36" s="344">
        <v>0</v>
      </c>
      <c r="JA36" s="344">
        <v>0</v>
      </c>
      <c r="JB36" s="344">
        <v>0</v>
      </c>
      <c r="JC36" s="344">
        <v>0</v>
      </c>
      <c r="JD36" s="344">
        <v>0</v>
      </c>
      <c r="JE36" s="348">
        <v>0</v>
      </c>
      <c r="JF36" s="349">
        <v>0</v>
      </c>
      <c r="JG36" s="347">
        <v>0</v>
      </c>
      <c r="JH36" s="344">
        <v>0</v>
      </c>
      <c r="JI36" s="345">
        <v>0</v>
      </c>
      <c r="JJ36" s="350">
        <v>0</v>
      </c>
      <c r="JK36" s="344">
        <v>847251</v>
      </c>
      <c r="JL36" s="344">
        <v>691570</v>
      </c>
      <c r="JM36" s="344">
        <v>708516</v>
      </c>
      <c r="JN36" s="344">
        <v>47223</v>
      </c>
      <c r="JO36" s="344">
        <v>0</v>
      </c>
      <c r="JP36" s="348">
        <v>2294560</v>
      </c>
      <c r="JQ36" s="346">
        <v>2294560</v>
      </c>
      <c r="JR36" s="347">
        <v>0</v>
      </c>
      <c r="JS36" s="344">
        <v>0</v>
      </c>
      <c r="JT36" s="345">
        <v>0</v>
      </c>
      <c r="JU36" s="350">
        <v>0</v>
      </c>
      <c r="JV36" s="344">
        <v>0</v>
      </c>
      <c r="JW36" s="344">
        <v>81855</v>
      </c>
      <c r="JX36" s="344">
        <v>45747</v>
      </c>
      <c r="JY36" s="344">
        <v>182868</v>
      </c>
      <c r="JZ36" s="344">
        <v>0</v>
      </c>
      <c r="KA36" s="348">
        <v>310470</v>
      </c>
      <c r="KB36" s="346">
        <v>310470</v>
      </c>
      <c r="KC36" s="351">
        <v>0</v>
      </c>
      <c r="KD36" s="352">
        <v>89552</v>
      </c>
      <c r="KE36" s="348">
        <v>89552</v>
      </c>
      <c r="KF36" s="350">
        <v>0</v>
      </c>
      <c r="KG36" s="344">
        <v>1016928</v>
      </c>
      <c r="KH36" s="344">
        <v>961051</v>
      </c>
      <c r="KI36" s="344">
        <v>1915754</v>
      </c>
      <c r="KJ36" s="344">
        <v>292428</v>
      </c>
      <c r="KK36" s="344">
        <v>0</v>
      </c>
      <c r="KL36" s="348">
        <v>4186161</v>
      </c>
      <c r="KM36" s="353">
        <v>4275713</v>
      </c>
      <c r="KN36" s="341">
        <v>0</v>
      </c>
      <c r="KO36" s="342">
        <v>0</v>
      </c>
      <c r="KP36" s="343">
        <v>0</v>
      </c>
      <c r="KQ36" s="412">
        <v>0</v>
      </c>
      <c r="KR36" s="344">
        <v>2101958</v>
      </c>
      <c r="KS36" s="344">
        <v>3054822</v>
      </c>
      <c r="KT36" s="344">
        <v>2542168</v>
      </c>
      <c r="KU36" s="344">
        <v>3112836</v>
      </c>
      <c r="KV36" s="344">
        <v>1422471</v>
      </c>
      <c r="KW36" s="348">
        <v>12234255</v>
      </c>
      <c r="KX36" s="346">
        <v>12234255</v>
      </c>
      <c r="KY36" s="347">
        <v>0</v>
      </c>
      <c r="KZ36" s="344">
        <v>0</v>
      </c>
      <c r="LA36" s="348">
        <v>0</v>
      </c>
      <c r="LB36" s="412">
        <v>0</v>
      </c>
      <c r="LC36" s="344">
        <v>0</v>
      </c>
      <c r="LD36" s="344">
        <v>0</v>
      </c>
      <c r="LE36" s="344">
        <v>0</v>
      </c>
      <c r="LF36" s="344">
        <v>0</v>
      </c>
      <c r="LG36" s="344">
        <v>0</v>
      </c>
      <c r="LH36" s="348">
        <v>0</v>
      </c>
      <c r="LI36" s="349">
        <v>0</v>
      </c>
      <c r="LJ36" s="347">
        <v>0</v>
      </c>
      <c r="LK36" s="344">
        <v>0</v>
      </c>
      <c r="LL36" s="348">
        <v>0</v>
      </c>
      <c r="LM36" s="412">
        <v>0</v>
      </c>
      <c r="LN36" s="344">
        <v>0</v>
      </c>
      <c r="LO36" s="344">
        <v>0</v>
      </c>
      <c r="LP36" s="344">
        <v>0</v>
      </c>
      <c r="LQ36" s="344">
        <v>429768</v>
      </c>
      <c r="LR36" s="344">
        <v>0</v>
      </c>
      <c r="LS36" s="348">
        <v>429768</v>
      </c>
      <c r="LT36" s="346">
        <v>429768</v>
      </c>
      <c r="LU36" s="347">
        <v>0</v>
      </c>
      <c r="LV36" s="344">
        <v>0</v>
      </c>
      <c r="LW36" s="348">
        <v>0</v>
      </c>
      <c r="LX36" s="412">
        <v>0</v>
      </c>
      <c r="LY36" s="344">
        <v>0</v>
      </c>
      <c r="LZ36" s="344">
        <v>0</v>
      </c>
      <c r="MA36" s="344">
        <v>0</v>
      </c>
      <c r="MB36" s="344">
        <v>0</v>
      </c>
      <c r="MC36" s="344">
        <v>0</v>
      </c>
      <c r="MD36" s="348">
        <v>0</v>
      </c>
      <c r="ME36" s="349">
        <v>0</v>
      </c>
      <c r="MF36" s="347">
        <v>0</v>
      </c>
      <c r="MG36" s="344">
        <v>0</v>
      </c>
      <c r="MH36" s="348">
        <v>0</v>
      </c>
      <c r="MI36" s="412">
        <v>0</v>
      </c>
      <c r="MJ36" s="344">
        <v>1814335</v>
      </c>
      <c r="MK36" s="344">
        <v>2759451</v>
      </c>
      <c r="ML36" s="344">
        <v>10901448</v>
      </c>
      <c r="MM36" s="344">
        <v>11294323</v>
      </c>
      <c r="MN36" s="344">
        <v>8765877</v>
      </c>
      <c r="MO36" s="348">
        <v>35535434</v>
      </c>
      <c r="MP36" s="353">
        <v>35535434</v>
      </c>
      <c r="MQ36" s="347">
        <v>0</v>
      </c>
      <c r="MR36" s="344">
        <v>0</v>
      </c>
      <c r="MS36" s="348">
        <v>0</v>
      </c>
      <c r="MT36" s="412">
        <v>0</v>
      </c>
      <c r="MU36" s="344">
        <v>439961</v>
      </c>
      <c r="MV36" s="344">
        <v>866948</v>
      </c>
      <c r="MW36" s="344">
        <v>7243557</v>
      </c>
      <c r="MX36" s="344">
        <v>7015864</v>
      </c>
      <c r="MY36" s="344">
        <v>6981137</v>
      </c>
      <c r="MZ36" s="348">
        <v>22547467</v>
      </c>
      <c r="NA36" s="353">
        <v>22547467</v>
      </c>
      <c r="NB36" s="347">
        <v>0</v>
      </c>
      <c r="NC36" s="344">
        <v>0</v>
      </c>
      <c r="ND36" s="348">
        <v>0</v>
      </c>
      <c r="NE36" s="412">
        <v>0</v>
      </c>
      <c r="NF36" s="344">
        <v>1093378</v>
      </c>
      <c r="NG36" s="344">
        <v>1892503</v>
      </c>
      <c r="NH36" s="344">
        <v>3657891</v>
      </c>
      <c r="NI36" s="344">
        <v>3479357</v>
      </c>
      <c r="NJ36" s="344">
        <v>1005285</v>
      </c>
      <c r="NK36" s="348">
        <v>11128414</v>
      </c>
      <c r="NL36" s="346">
        <v>11128414</v>
      </c>
      <c r="NM36" s="347">
        <v>0</v>
      </c>
      <c r="NN36" s="344">
        <v>0</v>
      </c>
      <c r="NO36" s="348">
        <v>0</v>
      </c>
      <c r="NP36" s="412">
        <v>0</v>
      </c>
      <c r="NQ36" s="344">
        <v>0</v>
      </c>
      <c r="NR36" s="344">
        <v>0</v>
      </c>
      <c r="NS36" s="344">
        <v>0</v>
      </c>
      <c r="NT36" s="344">
        <v>0</v>
      </c>
      <c r="NU36" s="344">
        <v>0</v>
      </c>
      <c r="NV36" s="348">
        <v>0</v>
      </c>
      <c r="NW36" s="349">
        <v>0</v>
      </c>
      <c r="NX36" s="347">
        <v>0</v>
      </c>
      <c r="NY36" s="344">
        <v>0</v>
      </c>
      <c r="NZ36" s="348">
        <v>0</v>
      </c>
      <c r="OA36" s="412">
        <v>0</v>
      </c>
      <c r="OB36" s="344">
        <v>280996</v>
      </c>
      <c r="OC36" s="344">
        <v>0</v>
      </c>
      <c r="OD36" s="344">
        <v>0</v>
      </c>
      <c r="OE36" s="344">
        <v>799102</v>
      </c>
      <c r="OF36" s="344">
        <v>779455</v>
      </c>
      <c r="OG36" s="348">
        <v>1859553</v>
      </c>
      <c r="OH36" s="349">
        <v>1859553</v>
      </c>
      <c r="OI36" s="347">
        <v>735635</v>
      </c>
      <c r="OJ36" s="344">
        <v>1163806</v>
      </c>
      <c r="OK36" s="345">
        <v>1899441</v>
      </c>
      <c r="OL36" s="350">
        <v>0</v>
      </c>
      <c r="OM36" s="344">
        <v>13118781</v>
      </c>
      <c r="ON36" s="344">
        <v>16689547</v>
      </c>
      <c r="OO36" s="344">
        <v>24209890</v>
      </c>
      <c r="OP36" s="344">
        <v>23330965</v>
      </c>
      <c r="OQ36" s="344">
        <v>12805933</v>
      </c>
      <c r="OR36" s="348">
        <v>90155116</v>
      </c>
      <c r="OS36" s="353">
        <v>92054557</v>
      </c>
    </row>
    <row r="37" spans="2:409" s="70" customFormat="1" ht="21" customHeight="1" x14ac:dyDescent="0.2">
      <c r="B37" s="409" t="s">
        <v>32</v>
      </c>
      <c r="C37" s="325">
        <v>958635</v>
      </c>
      <c r="D37" s="326">
        <v>1317361</v>
      </c>
      <c r="E37" s="367">
        <v>2275996</v>
      </c>
      <c r="F37" s="369">
        <v>0</v>
      </c>
      <c r="G37" s="368">
        <v>9396883</v>
      </c>
      <c r="H37" s="368">
        <v>11425093</v>
      </c>
      <c r="I37" s="368">
        <v>8141558</v>
      </c>
      <c r="J37" s="368">
        <v>8943209</v>
      </c>
      <c r="K37" s="368">
        <v>6633497</v>
      </c>
      <c r="L37" s="369">
        <v>44540240</v>
      </c>
      <c r="M37" s="329">
        <v>46816236</v>
      </c>
      <c r="N37" s="325">
        <v>255510</v>
      </c>
      <c r="O37" s="326">
        <v>240246</v>
      </c>
      <c r="P37" s="327">
        <v>495756</v>
      </c>
      <c r="Q37" s="325">
        <v>0</v>
      </c>
      <c r="R37" s="326">
        <v>2705136</v>
      </c>
      <c r="S37" s="326">
        <v>2595619</v>
      </c>
      <c r="T37" s="326">
        <v>1963499</v>
      </c>
      <c r="U37" s="326">
        <v>1413441</v>
      </c>
      <c r="V37" s="326">
        <v>2907835</v>
      </c>
      <c r="W37" s="327">
        <v>11585530</v>
      </c>
      <c r="X37" s="329">
        <v>12081286</v>
      </c>
      <c r="Y37" s="325">
        <v>0</v>
      </c>
      <c r="Z37" s="326">
        <v>0</v>
      </c>
      <c r="AA37" s="327">
        <v>0</v>
      </c>
      <c r="AB37" s="325">
        <v>0</v>
      </c>
      <c r="AC37" s="326">
        <v>1133827</v>
      </c>
      <c r="AD37" s="326">
        <v>1166826</v>
      </c>
      <c r="AE37" s="326">
        <v>1124547</v>
      </c>
      <c r="AF37" s="326">
        <v>241677</v>
      </c>
      <c r="AG37" s="326">
        <v>1601062</v>
      </c>
      <c r="AH37" s="327">
        <v>5267939</v>
      </c>
      <c r="AI37" s="329">
        <v>5267939</v>
      </c>
      <c r="AJ37" s="325">
        <v>0</v>
      </c>
      <c r="AK37" s="326">
        <v>0</v>
      </c>
      <c r="AL37" s="327">
        <v>0</v>
      </c>
      <c r="AM37" s="325">
        <v>0</v>
      </c>
      <c r="AN37" s="326">
        <v>0</v>
      </c>
      <c r="AO37" s="326">
        <v>0</v>
      </c>
      <c r="AP37" s="326">
        <v>86716</v>
      </c>
      <c r="AQ37" s="326">
        <v>275715</v>
      </c>
      <c r="AR37" s="326">
        <v>439063</v>
      </c>
      <c r="AS37" s="327">
        <v>801494</v>
      </c>
      <c r="AT37" s="329">
        <v>801494</v>
      </c>
      <c r="AU37" s="325">
        <v>183150</v>
      </c>
      <c r="AV37" s="326">
        <v>212076</v>
      </c>
      <c r="AW37" s="327">
        <v>395226</v>
      </c>
      <c r="AX37" s="325">
        <v>0</v>
      </c>
      <c r="AY37" s="326">
        <v>1131398</v>
      </c>
      <c r="AZ37" s="326">
        <v>1169893</v>
      </c>
      <c r="BA37" s="326">
        <v>386555</v>
      </c>
      <c r="BB37" s="326">
        <v>394847</v>
      </c>
      <c r="BC37" s="326">
        <v>527608</v>
      </c>
      <c r="BD37" s="327">
        <v>3610301</v>
      </c>
      <c r="BE37" s="329">
        <v>4005527</v>
      </c>
      <c r="BF37" s="325">
        <v>0</v>
      </c>
      <c r="BG37" s="326">
        <v>0</v>
      </c>
      <c r="BH37" s="330">
        <v>0</v>
      </c>
      <c r="BI37" s="331">
        <v>0</v>
      </c>
      <c r="BJ37" s="326">
        <v>191061</v>
      </c>
      <c r="BK37" s="326">
        <v>43020</v>
      </c>
      <c r="BL37" s="326">
        <v>0</v>
      </c>
      <c r="BM37" s="326">
        <v>56404</v>
      </c>
      <c r="BN37" s="326">
        <v>64116</v>
      </c>
      <c r="BO37" s="327">
        <v>354601</v>
      </c>
      <c r="BP37" s="329">
        <v>354601</v>
      </c>
      <c r="BQ37" s="325">
        <v>72360</v>
      </c>
      <c r="BR37" s="326">
        <v>28170</v>
      </c>
      <c r="BS37" s="327">
        <v>100530</v>
      </c>
      <c r="BT37" s="325">
        <v>0</v>
      </c>
      <c r="BU37" s="326">
        <v>248850</v>
      </c>
      <c r="BV37" s="326">
        <v>215880</v>
      </c>
      <c r="BW37" s="326">
        <v>365681</v>
      </c>
      <c r="BX37" s="326">
        <v>444798</v>
      </c>
      <c r="BY37" s="326">
        <v>275986</v>
      </c>
      <c r="BZ37" s="327">
        <v>1551195</v>
      </c>
      <c r="CA37" s="329">
        <v>1651725</v>
      </c>
      <c r="CB37" s="325">
        <v>24031</v>
      </c>
      <c r="CC37" s="326">
        <v>44664</v>
      </c>
      <c r="CD37" s="327">
        <v>68695</v>
      </c>
      <c r="CE37" s="325">
        <v>0</v>
      </c>
      <c r="CF37" s="326">
        <v>2842854</v>
      </c>
      <c r="CG37" s="326">
        <v>4216911</v>
      </c>
      <c r="CH37" s="326">
        <v>1926334</v>
      </c>
      <c r="CI37" s="326">
        <v>2492092</v>
      </c>
      <c r="CJ37" s="326">
        <v>826393</v>
      </c>
      <c r="CK37" s="327">
        <v>12304584</v>
      </c>
      <c r="CL37" s="329">
        <v>12373279</v>
      </c>
      <c r="CM37" s="325">
        <v>0</v>
      </c>
      <c r="CN37" s="326">
        <v>0</v>
      </c>
      <c r="CO37" s="327">
        <v>0</v>
      </c>
      <c r="CP37" s="331">
        <v>0</v>
      </c>
      <c r="CQ37" s="326">
        <v>2453841</v>
      </c>
      <c r="CR37" s="326">
        <v>3522814</v>
      </c>
      <c r="CS37" s="326">
        <v>1775875</v>
      </c>
      <c r="CT37" s="326">
        <v>2088331</v>
      </c>
      <c r="CU37" s="326">
        <v>616500</v>
      </c>
      <c r="CV37" s="327">
        <v>10457361</v>
      </c>
      <c r="CW37" s="329">
        <v>10457361</v>
      </c>
      <c r="CX37" s="325">
        <v>24031</v>
      </c>
      <c r="CY37" s="326">
        <v>44664</v>
      </c>
      <c r="CZ37" s="327">
        <v>68695</v>
      </c>
      <c r="DA37" s="325">
        <v>0</v>
      </c>
      <c r="DB37" s="326">
        <v>389013</v>
      </c>
      <c r="DC37" s="326">
        <v>694097</v>
      </c>
      <c r="DD37" s="326">
        <v>150459</v>
      </c>
      <c r="DE37" s="326">
        <v>403761</v>
      </c>
      <c r="DF37" s="326">
        <v>209893</v>
      </c>
      <c r="DG37" s="327">
        <v>1847223</v>
      </c>
      <c r="DH37" s="329">
        <v>1915918</v>
      </c>
      <c r="DI37" s="325">
        <v>0</v>
      </c>
      <c r="DJ37" s="326">
        <v>15303</v>
      </c>
      <c r="DK37" s="330">
        <v>15303</v>
      </c>
      <c r="DL37" s="331">
        <v>0</v>
      </c>
      <c r="DM37" s="326">
        <v>127790</v>
      </c>
      <c r="DN37" s="326">
        <v>718055</v>
      </c>
      <c r="DO37" s="326">
        <v>1131253</v>
      </c>
      <c r="DP37" s="326">
        <v>1189815</v>
      </c>
      <c r="DQ37" s="326">
        <v>677465</v>
      </c>
      <c r="DR37" s="327">
        <v>3844378</v>
      </c>
      <c r="DS37" s="329">
        <v>3859681</v>
      </c>
      <c r="DT37" s="325">
        <v>0</v>
      </c>
      <c r="DU37" s="326">
        <v>15303</v>
      </c>
      <c r="DV37" s="327">
        <v>15303</v>
      </c>
      <c r="DW37" s="325">
        <v>0</v>
      </c>
      <c r="DX37" s="326">
        <v>37390</v>
      </c>
      <c r="DY37" s="326">
        <v>509827</v>
      </c>
      <c r="DZ37" s="326">
        <v>1131253</v>
      </c>
      <c r="EA37" s="326">
        <v>1093706</v>
      </c>
      <c r="EB37" s="326">
        <v>648478</v>
      </c>
      <c r="EC37" s="327">
        <v>3420654</v>
      </c>
      <c r="ED37" s="329">
        <v>3435957</v>
      </c>
      <c r="EE37" s="325">
        <v>0</v>
      </c>
      <c r="EF37" s="330">
        <v>0</v>
      </c>
      <c r="EG37" s="327">
        <v>0</v>
      </c>
      <c r="EH37" s="325">
        <v>0</v>
      </c>
      <c r="EI37" s="326">
        <v>90400</v>
      </c>
      <c r="EJ37" s="326">
        <v>208228</v>
      </c>
      <c r="EK37" s="326">
        <v>0</v>
      </c>
      <c r="EL37" s="326">
        <v>96109</v>
      </c>
      <c r="EM37" s="326">
        <v>28987</v>
      </c>
      <c r="EN37" s="330">
        <v>423724</v>
      </c>
      <c r="EO37" s="329">
        <v>423724</v>
      </c>
      <c r="EP37" s="325">
        <v>0</v>
      </c>
      <c r="EQ37" s="326">
        <v>0</v>
      </c>
      <c r="ER37" s="330">
        <v>0</v>
      </c>
      <c r="ES37" s="331">
        <v>0</v>
      </c>
      <c r="ET37" s="326">
        <v>0</v>
      </c>
      <c r="EU37" s="326">
        <v>0</v>
      </c>
      <c r="EV37" s="326">
        <v>0</v>
      </c>
      <c r="EW37" s="326">
        <v>0</v>
      </c>
      <c r="EX37" s="326">
        <v>0</v>
      </c>
      <c r="EY37" s="327">
        <v>0</v>
      </c>
      <c r="EZ37" s="329">
        <v>0</v>
      </c>
      <c r="FA37" s="325">
        <v>0</v>
      </c>
      <c r="FB37" s="326">
        <v>0</v>
      </c>
      <c r="FC37" s="330">
        <v>0</v>
      </c>
      <c r="FD37" s="331">
        <v>0</v>
      </c>
      <c r="FE37" s="326">
        <v>0</v>
      </c>
      <c r="FF37" s="326">
        <v>0</v>
      </c>
      <c r="FG37" s="326">
        <v>0</v>
      </c>
      <c r="FH37" s="326">
        <v>0</v>
      </c>
      <c r="FI37" s="326">
        <v>0</v>
      </c>
      <c r="FJ37" s="327">
        <v>0</v>
      </c>
      <c r="FK37" s="329">
        <v>0</v>
      </c>
      <c r="FL37" s="325">
        <v>297231</v>
      </c>
      <c r="FM37" s="326">
        <v>468157</v>
      </c>
      <c r="FN37" s="327">
        <v>765388</v>
      </c>
      <c r="FO37" s="325">
        <v>0</v>
      </c>
      <c r="FP37" s="326">
        <v>846279</v>
      </c>
      <c r="FQ37" s="326">
        <v>1084153</v>
      </c>
      <c r="FR37" s="326">
        <v>631050</v>
      </c>
      <c r="FS37" s="326">
        <v>686268</v>
      </c>
      <c r="FT37" s="326">
        <v>425912</v>
      </c>
      <c r="FU37" s="327">
        <v>3673662</v>
      </c>
      <c r="FV37" s="329">
        <v>4439050</v>
      </c>
      <c r="FW37" s="332">
        <v>187440</v>
      </c>
      <c r="FX37" s="326">
        <v>385220</v>
      </c>
      <c r="FY37" s="330">
        <v>572660</v>
      </c>
      <c r="FZ37" s="331">
        <v>0</v>
      </c>
      <c r="GA37" s="326">
        <v>608977</v>
      </c>
      <c r="GB37" s="326">
        <v>1084153</v>
      </c>
      <c r="GC37" s="326">
        <v>631050</v>
      </c>
      <c r="GD37" s="326">
        <v>686268</v>
      </c>
      <c r="GE37" s="326">
        <v>425912</v>
      </c>
      <c r="GF37" s="327">
        <v>3436360</v>
      </c>
      <c r="GG37" s="333">
        <v>4009020</v>
      </c>
      <c r="GH37" s="332">
        <v>109791</v>
      </c>
      <c r="GI37" s="326">
        <v>26507</v>
      </c>
      <c r="GJ37" s="330">
        <v>136298</v>
      </c>
      <c r="GK37" s="331">
        <v>0</v>
      </c>
      <c r="GL37" s="326">
        <v>90772</v>
      </c>
      <c r="GM37" s="326">
        <v>0</v>
      </c>
      <c r="GN37" s="326">
        <v>0</v>
      </c>
      <c r="GO37" s="326">
        <v>0</v>
      </c>
      <c r="GP37" s="326">
        <v>0</v>
      </c>
      <c r="GQ37" s="327">
        <v>90772</v>
      </c>
      <c r="GR37" s="329">
        <v>227070</v>
      </c>
      <c r="GS37" s="325">
        <v>0</v>
      </c>
      <c r="GT37" s="326">
        <v>56430</v>
      </c>
      <c r="GU37" s="327">
        <v>56430</v>
      </c>
      <c r="GV37" s="325">
        <v>0</v>
      </c>
      <c r="GW37" s="326">
        <v>146530</v>
      </c>
      <c r="GX37" s="326">
        <v>0</v>
      </c>
      <c r="GY37" s="326">
        <v>0</v>
      </c>
      <c r="GZ37" s="326">
        <v>0</v>
      </c>
      <c r="HA37" s="326">
        <v>0</v>
      </c>
      <c r="HB37" s="330">
        <v>146530</v>
      </c>
      <c r="HC37" s="329">
        <v>202960</v>
      </c>
      <c r="HD37" s="325">
        <v>241463</v>
      </c>
      <c r="HE37" s="326">
        <v>296091</v>
      </c>
      <c r="HF37" s="330">
        <v>537554</v>
      </c>
      <c r="HG37" s="331">
        <v>0</v>
      </c>
      <c r="HH37" s="326">
        <v>1125438</v>
      </c>
      <c r="HI37" s="326">
        <v>1325862</v>
      </c>
      <c r="HJ37" s="326">
        <v>1772412</v>
      </c>
      <c r="HK37" s="326">
        <v>2609670</v>
      </c>
      <c r="HL37" s="326">
        <v>1472533</v>
      </c>
      <c r="HM37" s="327">
        <v>8305915</v>
      </c>
      <c r="HN37" s="328">
        <v>8843469</v>
      </c>
      <c r="HO37" s="332">
        <v>140400</v>
      </c>
      <c r="HP37" s="326">
        <v>252900</v>
      </c>
      <c r="HQ37" s="327">
        <v>393300</v>
      </c>
      <c r="HR37" s="325">
        <v>0</v>
      </c>
      <c r="HS37" s="326">
        <v>1749386</v>
      </c>
      <c r="HT37" s="326">
        <v>1484493</v>
      </c>
      <c r="HU37" s="326">
        <v>717010</v>
      </c>
      <c r="HV37" s="326">
        <v>551923</v>
      </c>
      <c r="HW37" s="326">
        <v>323359</v>
      </c>
      <c r="HX37" s="330">
        <v>4826171</v>
      </c>
      <c r="HY37" s="329">
        <v>5219471</v>
      </c>
      <c r="HZ37" s="334">
        <v>0</v>
      </c>
      <c r="IA37" s="335">
        <v>308052</v>
      </c>
      <c r="IB37" s="336">
        <v>308052</v>
      </c>
      <c r="IC37" s="337">
        <v>0</v>
      </c>
      <c r="ID37" s="335">
        <v>4692573</v>
      </c>
      <c r="IE37" s="338">
        <v>3394855</v>
      </c>
      <c r="IF37" s="336">
        <v>5760789</v>
      </c>
      <c r="IG37" s="335">
        <v>5131782</v>
      </c>
      <c r="IH37" s="336">
        <v>2595804</v>
      </c>
      <c r="II37" s="339">
        <v>21575803</v>
      </c>
      <c r="IJ37" s="340">
        <v>21883855</v>
      </c>
      <c r="IK37" s="341">
        <v>0</v>
      </c>
      <c r="IL37" s="342">
        <v>0</v>
      </c>
      <c r="IM37" s="343">
        <v>0</v>
      </c>
      <c r="IN37" s="403">
        <v>0</v>
      </c>
      <c r="IO37" s="344">
        <v>73530</v>
      </c>
      <c r="IP37" s="344">
        <v>377984</v>
      </c>
      <c r="IQ37" s="344">
        <v>197433</v>
      </c>
      <c r="IR37" s="344">
        <v>0</v>
      </c>
      <c r="IS37" s="344">
        <v>0</v>
      </c>
      <c r="IT37" s="345">
        <v>648947</v>
      </c>
      <c r="IU37" s="346">
        <v>648947</v>
      </c>
      <c r="IV37" s="347">
        <v>0</v>
      </c>
      <c r="IW37" s="344">
        <v>0</v>
      </c>
      <c r="IX37" s="348">
        <v>0</v>
      </c>
      <c r="IY37" s="412">
        <v>0</v>
      </c>
      <c r="IZ37" s="344">
        <v>0</v>
      </c>
      <c r="JA37" s="344">
        <v>0</v>
      </c>
      <c r="JB37" s="344">
        <v>0</v>
      </c>
      <c r="JC37" s="344">
        <v>0</v>
      </c>
      <c r="JD37" s="344">
        <v>0</v>
      </c>
      <c r="JE37" s="348">
        <v>0</v>
      </c>
      <c r="JF37" s="349">
        <v>0</v>
      </c>
      <c r="JG37" s="347">
        <v>0</v>
      </c>
      <c r="JH37" s="344">
        <v>0</v>
      </c>
      <c r="JI37" s="345">
        <v>0</v>
      </c>
      <c r="JJ37" s="350">
        <v>0</v>
      </c>
      <c r="JK37" s="344">
        <v>2210014</v>
      </c>
      <c r="JL37" s="344">
        <v>2040281</v>
      </c>
      <c r="JM37" s="344">
        <v>242775</v>
      </c>
      <c r="JN37" s="344">
        <v>440100</v>
      </c>
      <c r="JO37" s="344">
        <v>199004</v>
      </c>
      <c r="JP37" s="348">
        <v>5132174</v>
      </c>
      <c r="JQ37" s="346">
        <v>5132174</v>
      </c>
      <c r="JR37" s="347">
        <v>0</v>
      </c>
      <c r="JS37" s="344">
        <v>0</v>
      </c>
      <c r="JT37" s="345">
        <v>0</v>
      </c>
      <c r="JU37" s="350">
        <v>0</v>
      </c>
      <c r="JV37" s="344">
        <v>493586</v>
      </c>
      <c r="JW37" s="344">
        <v>108999</v>
      </c>
      <c r="JX37" s="344">
        <v>78652</v>
      </c>
      <c r="JY37" s="344">
        <v>0</v>
      </c>
      <c r="JZ37" s="344">
        <v>150751</v>
      </c>
      <c r="KA37" s="348">
        <v>831988</v>
      </c>
      <c r="KB37" s="346">
        <v>831988</v>
      </c>
      <c r="KC37" s="351">
        <v>0</v>
      </c>
      <c r="KD37" s="352">
        <v>308052</v>
      </c>
      <c r="KE37" s="348">
        <v>308052</v>
      </c>
      <c r="KF37" s="350">
        <v>0</v>
      </c>
      <c r="KG37" s="344">
        <v>1198881</v>
      </c>
      <c r="KH37" s="344">
        <v>183231</v>
      </c>
      <c r="KI37" s="344">
        <v>695197</v>
      </c>
      <c r="KJ37" s="344">
        <v>548622</v>
      </c>
      <c r="KK37" s="344">
        <v>0</v>
      </c>
      <c r="KL37" s="348">
        <v>2625931</v>
      </c>
      <c r="KM37" s="353">
        <v>2933983</v>
      </c>
      <c r="KN37" s="341">
        <v>0</v>
      </c>
      <c r="KO37" s="342">
        <v>0</v>
      </c>
      <c r="KP37" s="343">
        <v>0</v>
      </c>
      <c r="KQ37" s="412">
        <v>0</v>
      </c>
      <c r="KR37" s="344">
        <v>532494</v>
      </c>
      <c r="KS37" s="344">
        <v>684360</v>
      </c>
      <c r="KT37" s="344">
        <v>1795238</v>
      </c>
      <c r="KU37" s="344">
        <v>1980189</v>
      </c>
      <c r="KV37" s="344">
        <v>1149273</v>
      </c>
      <c r="KW37" s="348">
        <v>6141554</v>
      </c>
      <c r="KX37" s="346">
        <v>6141554</v>
      </c>
      <c r="KY37" s="347">
        <v>0</v>
      </c>
      <c r="KZ37" s="344">
        <v>0</v>
      </c>
      <c r="LA37" s="348">
        <v>0</v>
      </c>
      <c r="LB37" s="412">
        <v>0</v>
      </c>
      <c r="LC37" s="344">
        <v>0</v>
      </c>
      <c r="LD37" s="344">
        <v>0</v>
      </c>
      <c r="LE37" s="344">
        <v>0</v>
      </c>
      <c r="LF37" s="344">
        <v>0</v>
      </c>
      <c r="LG37" s="344">
        <v>0</v>
      </c>
      <c r="LH37" s="348">
        <v>0</v>
      </c>
      <c r="LI37" s="349">
        <v>0</v>
      </c>
      <c r="LJ37" s="347">
        <v>0</v>
      </c>
      <c r="LK37" s="344">
        <v>0</v>
      </c>
      <c r="LL37" s="348">
        <v>0</v>
      </c>
      <c r="LM37" s="412">
        <v>0</v>
      </c>
      <c r="LN37" s="344">
        <v>184068</v>
      </c>
      <c r="LO37" s="344">
        <v>0</v>
      </c>
      <c r="LP37" s="344">
        <v>2751494</v>
      </c>
      <c r="LQ37" s="344">
        <v>2162871</v>
      </c>
      <c r="LR37" s="344">
        <v>1096776</v>
      </c>
      <c r="LS37" s="348">
        <v>6195209</v>
      </c>
      <c r="LT37" s="346">
        <v>6195209</v>
      </c>
      <c r="LU37" s="347">
        <v>0</v>
      </c>
      <c r="LV37" s="344">
        <v>0</v>
      </c>
      <c r="LW37" s="348">
        <v>0</v>
      </c>
      <c r="LX37" s="412">
        <v>0</v>
      </c>
      <c r="LY37" s="344">
        <v>0</v>
      </c>
      <c r="LZ37" s="344">
        <v>0</v>
      </c>
      <c r="MA37" s="344">
        <v>0</v>
      </c>
      <c r="MB37" s="344">
        <v>0</v>
      </c>
      <c r="MC37" s="344">
        <v>0</v>
      </c>
      <c r="MD37" s="348">
        <v>0</v>
      </c>
      <c r="ME37" s="349">
        <v>0</v>
      </c>
      <c r="MF37" s="347">
        <v>0</v>
      </c>
      <c r="MG37" s="344">
        <v>0</v>
      </c>
      <c r="MH37" s="348">
        <v>0</v>
      </c>
      <c r="MI37" s="412">
        <v>0</v>
      </c>
      <c r="MJ37" s="344">
        <v>1816553</v>
      </c>
      <c r="MK37" s="344">
        <v>2499140</v>
      </c>
      <c r="ML37" s="344">
        <v>7154120</v>
      </c>
      <c r="MM37" s="344">
        <v>11551671</v>
      </c>
      <c r="MN37" s="344">
        <v>8751568</v>
      </c>
      <c r="MO37" s="348">
        <v>31773052</v>
      </c>
      <c r="MP37" s="353">
        <v>31773052</v>
      </c>
      <c r="MQ37" s="347">
        <v>0</v>
      </c>
      <c r="MR37" s="344">
        <v>0</v>
      </c>
      <c r="MS37" s="348">
        <v>0</v>
      </c>
      <c r="MT37" s="412">
        <v>0</v>
      </c>
      <c r="MU37" s="344">
        <v>433719</v>
      </c>
      <c r="MV37" s="344">
        <v>0</v>
      </c>
      <c r="MW37" s="344">
        <v>3097268</v>
      </c>
      <c r="MX37" s="344">
        <v>6485128</v>
      </c>
      <c r="MY37" s="344">
        <v>5928713</v>
      </c>
      <c r="MZ37" s="348">
        <v>15944828</v>
      </c>
      <c r="NA37" s="353">
        <v>15944828</v>
      </c>
      <c r="NB37" s="347">
        <v>0</v>
      </c>
      <c r="NC37" s="344">
        <v>0</v>
      </c>
      <c r="ND37" s="348">
        <v>0</v>
      </c>
      <c r="NE37" s="412">
        <v>0</v>
      </c>
      <c r="NF37" s="344">
        <v>1113538</v>
      </c>
      <c r="NG37" s="344">
        <v>2194034</v>
      </c>
      <c r="NH37" s="344">
        <v>3383700</v>
      </c>
      <c r="NI37" s="344">
        <v>5066543</v>
      </c>
      <c r="NJ37" s="344">
        <v>2413747</v>
      </c>
      <c r="NK37" s="348">
        <v>14171562</v>
      </c>
      <c r="NL37" s="346">
        <v>14171562</v>
      </c>
      <c r="NM37" s="347">
        <v>0</v>
      </c>
      <c r="NN37" s="344">
        <v>0</v>
      </c>
      <c r="NO37" s="348">
        <v>0</v>
      </c>
      <c r="NP37" s="412">
        <v>0</v>
      </c>
      <c r="NQ37" s="344">
        <v>0</v>
      </c>
      <c r="NR37" s="344">
        <v>0</v>
      </c>
      <c r="NS37" s="344">
        <v>0</v>
      </c>
      <c r="NT37" s="344">
        <v>0</v>
      </c>
      <c r="NU37" s="344">
        <v>0</v>
      </c>
      <c r="NV37" s="348">
        <v>0</v>
      </c>
      <c r="NW37" s="349">
        <v>0</v>
      </c>
      <c r="NX37" s="347">
        <v>0</v>
      </c>
      <c r="NY37" s="344">
        <v>0</v>
      </c>
      <c r="NZ37" s="348">
        <v>0</v>
      </c>
      <c r="OA37" s="412">
        <v>0</v>
      </c>
      <c r="OB37" s="344">
        <v>269296</v>
      </c>
      <c r="OC37" s="344">
        <v>305106</v>
      </c>
      <c r="OD37" s="344">
        <v>673152</v>
      </c>
      <c r="OE37" s="344">
        <v>0</v>
      </c>
      <c r="OF37" s="344">
        <v>409108</v>
      </c>
      <c r="OG37" s="348">
        <v>1656662</v>
      </c>
      <c r="OH37" s="349">
        <v>1656662</v>
      </c>
      <c r="OI37" s="347">
        <v>958635</v>
      </c>
      <c r="OJ37" s="344">
        <v>1625413</v>
      </c>
      <c r="OK37" s="345">
        <v>2584048</v>
      </c>
      <c r="OL37" s="350">
        <v>0</v>
      </c>
      <c r="OM37" s="344">
        <v>15906009</v>
      </c>
      <c r="ON37" s="344">
        <v>17319088</v>
      </c>
      <c r="OO37" s="344">
        <v>21056467</v>
      </c>
      <c r="OP37" s="344">
        <v>25626662</v>
      </c>
      <c r="OQ37" s="344">
        <v>17980869</v>
      </c>
      <c r="OR37" s="348">
        <v>97889095</v>
      </c>
      <c r="OS37" s="353">
        <v>100473143</v>
      </c>
    </row>
    <row r="38" spans="2:409" s="70" customFormat="1" ht="21" customHeight="1" x14ac:dyDescent="0.2">
      <c r="B38" s="409" t="s">
        <v>33</v>
      </c>
      <c r="C38" s="325">
        <v>917513</v>
      </c>
      <c r="D38" s="326">
        <v>2156687</v>
      </c>
      <c r="E38" s="327">
        <v>3074200</v>
      </c>
      <c r="F38" s="328">
        <v>0</v>
      </c>
      <c r="G38" s="326">
        <v>10370859</v>
      </c>
      <c r="H38" s="326">
        <v>8843391</v>
      </c>
      <c r="I38" s="326">
        <v>8513302</v>
      </c>
      <c r="J38" s="326">
        <v>4413502</v>
      </c>
      <c r="K38" s="326">
        <v>5381878</v>
      </c>
      <c r="L38" s="366">
        <v>37522932</v>
      </c>
      <c r="M38" s="329">
        <v>40597132</v>
      </c>
      <c r="N38" s="325">
        <v>454505</v>
      </c>
      <c r="O38" s="326">
        <v>853793</v>
      </c>
      <c r="P38" s="327">
        <v>1308298</v>
      </c>
      <c r="Q38" s="325">
        <v>0</v>
      </c>
      <c r="R38" s="326">
        <v>3686458</v>
      </c>
      <c r="S38" s="326">
        <v>2291752</v>
      </c>
      <c r="T38" s="326">
        <v>2416563</v>
      </c>
      <c r="U38" s="326">
        <v>920737</v>
      </c>
      <c r="V38" s="326">
        <v>2296952</v>
      </c>
      <c r="W38" s="327">
        <v>11612462</v>
      </c>
      <c r="X38" s="329">
        <v>12920760</v>
      </c>
      <c r="Y38" s="325">
        <v>0</v>
      </c>
      <c r="Z38" s="326">
        <v>0</v>
      </c>
      <c r="AA38" s="327">
        <v>0</v>
      </c>
      <c r="AB38" s="325">
        <v>0</v>
      </c>
      <c r="AC38" s="326">
        <v>979668</v>
      </c>
      <c r="AD38" s="326">
        <v>752007</v>
      </c>
      <c r="AE38" s="326">
        <v>1250755</v>
      </c>
      <c r="AF38" s="326">
        <v>211752</v>
      </c>
      <c r="AG38" s="326">
        <v>1639171</v>
      </c>
      <c r="AH38" s="327">
        <v>4833353</v>
      </c>
      <c r="AI38" s="329">
        <v>4833353</v>
      </c>
      <c r="AJ38" s="325">
        <v>0</v>
      </c>
      <c r="AK38" s="326">
        <v>0</v>
      </c>
      <c r="AL38" s="327">
        <v>0</v>
      </c>
      <c r="AM38" s="325">
        <v>0</v>
      </c>
      <c r="AN38" s="326">
        <v>102339</v>
      </c>
      <c r="AO38" s="326">
        <v>25587</v>
      </c>
      <c r="AP38" s="326">
        <v>51174</v>
      </c>
      <c r="AQ38" s="326">
        <v>99612</v>
      </c>
      <c r="AR38" s="326">
        <v>215751</v>
      </c>
      <c r="AS38" s="327">
        <v>494463</v>
      </c>
      <c r="AT38" s="329">
        <v>494463</v>
      </c>
      <c r="AU38" s="325">
        <v>0</v>
      </c>
      <c r="AV38" s="326">
        <v>113291</v>
      </c>
      <c r="AW38" s="327">
        <v>113291</v>
      </c>
      <c r="AX38" s="325">
        <v>0</v>
      </c>
      <c r="AY38" s="326">
        <v>604175</v>
      </c>
      <c r="AZ38" s="326">
        <v>367587</v>
      </c>
      <c r="BA38" s="326">
        <v>235084</v>
      </c>
      <c r="BB38" s="326">
        <v>252844</v>
      </c>
      <c r="BC38" s="326">
        <v>145569</v>
      </c>
      <c r="BD38" s="327">
        <v>1605259</v>
      </c>
      <c r="BE38" s="329">
        <v>1718550</v>
      </c>
      <c r="BF38" s="325">
        <v>340556</v>
      </c>
      <c r="BG38" s="326">
        <v>639807</v>
      </c>
      <c r="BH38" s="330">
        <v>980363</v>
      </c>
      <c r="BI38" s="331">
        <v>0</v>
      </c>
      <c r="BJ38" s="326">
        <v>1498667</v>
      </c>
      <c r="BK38" s="326">
        <v>609776</v>
      </c>
      <c r="BL38" s="326">
        <v>473341</v>
      </c>
      <c r="BM38" s="326">
        <v>182261</v>
      </c>
      <c r="BN38" s="326">
        <v>102071</v>
      </c>
      <c r="BO38" s="327">
        <v>2866116</v>
      </c>
      <c r="BP38" s="329">
        <v>3846479</v>
      </c>
      <c r="BQ38" s="325">
        <v>113949</v>
      </c>
      <c r="BR38" s="326">
        <v>100695</v>
      </c>
      <c r="BS38" s="327">
        <v>214644</v>
      </c>
      <c r="BT38" s="325">
        <v>0</v>
      </c>
      <c r="BU38" s="326">
        <v>501609</v>
      </c>
      <c r="BV38" s="326">
        <v>536795</v>
      </c>
      <c r="BW38" s="326">
        <v>406209</v>
      </c>
      <c r="BX38" s="326">
        <v>174268</v>
      </c>
      <c r="BY38" s="326">
        <v>194390</v>
      </c>
      <c r="BZ38" s="327">
        <v>1813271</v>
      </c>
      <c r="CA38" s="329">
        <v>2027915</v>
      </c>
      <c r="CB38" s="325">
        <v>132939</v>
      </c>
      <c r="CC38" s="326">
        <v>508849</v>
      </c>
      <c r="CD38" s="327">
        <v>641788</v>
      </c>
      <c r="CE38" s="325">
        <v>0</v>
      </c>
      <c r="CF38" s="326">
        <v>1942365</v>
      </c>
      <c r="CG38" s="326">
        <v>1349819</v>
      </c>
      <c r="CH38" s="326">
        <v>1039392</v>
      </c>
      <c r="CI38" s="326">
        <v>350887</v>
      </c>
      <c r="CJ38" s="326">
        <v>309371</v>
      </c>
      <c r="CK38" s="327">
        <v>4991834</v>
      </c>
      <c r="CL38" s="329">
        <v>5633622</v>
      </c>
      <c r="CM38" s="325">
        <v>0</v>
      </c>
      <c r="CN38" s="326">
        <v>0</v>
      </c>
      <c r="CO38" s="327">
        <v>0</v>
      </c>
      <c r="CP38" s="331">
        <v>0</v>
      </c>
      <c r="CQ38" s="326">
        <v>417345</v>
      </c>
      <c r="CR38" s="326">
        <v>433586</v>
      </c>
      <c r="CS38" s="326">
        <v>537386</v>
      </c>
      <c r="CT38" s="326">
        <v>289292</v>
      </c>
      <c r="CU38" s="326">
        <v>212762</v>
      </c>
      <c r="CV38" s="327">
        <v>1890371</v>
      </c>
      <c r="CW38" s="329">
        <v>1890371</v>
      </c>
      <c r="CX38" s="325">
        <v>132939</v>
      </c>
      <c r="CY38" s="326">
        <v>508849</v>
      </c>
      <c r="CZ38" s="327">
        <v>641788</v>
      </c>
      <c r="DA38" s="325">
        <v>0</v>
      </c>
      <c r="DB38" s="326">
        <v>1525020</v>
      </c>
      <c r="DC38" s="326">
        <v>916233</v>
      </c>
      <c r="DD38" s="326">
        <v>502006</v>
      </c>
      <c r="DE38" s="326">
        <v>61595</v>
      </c>
      <c r="DF38" s="326">
        <v>96609</v>
      </c>
      <c r="DG38" s="327">
        <v>3101463</v>
      </c>
      <c r="DH38" s="329">
        <v>3743251</v>
      </c>
      <c r="DI38" s="325">
        <v>0</v>
      </c>
      <c r="DJ38" s="326">
        <v>0</v>
      </c>
      <c r="DK38" s="330">
        <v>0</v>
      </c>
      <c r="DL38" s="331">
        <v>0</v>
      </c>
      <c r="DM38" s="326">
        <v>332240</v>
      </c>
      <c r="DN38" s="326">
        <v>403610</v>
      </c>
      <c r="DO38" s="326">
        <v>953329</v>
      </c>
      <c r="DP38" s="326">
        <v>458735</v>
      </c>
      <c r="DQ38" s="326">
        <v>735015</v>
      </c>
      <c r="DR38" s="327">
        <v>2882929</v>
      </c>
      <c r="DS38" s="329">
        <v>2882929</v>
      </c>
      <c r="DT38" s="325">
        <v>0</v>
      </c>
      <c r="DU38" s="326">
        <v>0</v>
      </c>
      <c r="DV38" s="327">
        <v>0</v>
      </c>
      <c r="DW38" s="325">
        <v>0</v>
      </c>
      <c r="DX38" s="326">
        <v>231953</v>
      </c>
      <c r="DY38" s="326">
        <v>293871</v>
      </c>
      <c r="DZ38" s="326">
        <v>953329</v>
      </c>
      <c r="EA38" s="326">
        <v>336182</v>
      </c>
      <c r="EB38" s="326">
        <v>735015</v>
      </c>
      <c r="EC38" s="327">
        <v>2550350</v>
      </c>
      <c r="ED38" s="329">
        <v>2550350</v>
      </c>
      <c r="EE38" s="325">
        <v>0</v>
      </c>
      <c r="EF38" s="330">
        <v>0</v>
      </c>
      <c r="EG38" s="327">
        <v>0</v>
      </c>
      <c r="EH38" s="325">
        <v>0</v>
      </c>
      <c r="EI38" s="326">
        <v>100287</v>
      </c>
      <c r="EJ38" s="326">
        <v>109739</v>
      </c>
      <c r="EK38" s="326">
        <v>0</v>
      </c>
      <c r="EL38" s="326">
        <v>122553</v>
      </c>
      <c r="EM38" s="326">
        <v>0</v>
      </c>
      <c r="EN38" s="330">
        <v>332579</v>
      </c>
      <c r="EO38" s="329">
        <v>332579</v>
      </c>
      <c r="EP38" s="325">
        <v>0</v>
      </c>
      <c r="EQ38" s="326">
        <v>0</v>
      </c>
      <c r="ER38" s="330">
        <v>0</v>
      </c>
      <c r="ES38" s="331">
        <v>0</v>
      </c>
      <c r="ET38" s="326">
        <v>0</v>
      </c>
      <c r="EU38" s="326">
        <v>0</v>
      </c>
      <c r="EV38" s="326">
        <v>0</v>
      </c>
      <c r="EW38" s="326">
        <v>0</v>
      </c>
      <c r="EX38" s="326">
        <v>0</v>
      </c>
      <c r="EY38" s="327">
        <v>0</v>
      </c>
      <c r="EZ38" s="329">
        <v>0</v>
      </c>
      <c r="FA38" s="325">
        <v>0</v>
      </c>
      <c r="FB38" s="326">
        <v>0</v>
      </c>
      <c r="FC38" s="330">
        <v>0</v>
      </c>
      <c r="FD38" s="331">
        <v>0</v>
      </c>
      <c r="FE38" s="326">
        <v>0</v>
      </c>
      <c r="FF38" s="326">
        <v>0</v>
      </c>
      <c r="FG38" s="326">
        <v>0</v>
      </c>
      <c r="FH38" s="326">
        <v>0</v>
      </c>
      <c r="FI38" s="326">
        <v>0</v>
      </c>
      <c r="FJ38" s="327">
        <v>0</v>
      </c>
      <c r="FK38" s="329">
        <v>0</v>
      </c>
      <c r="FL38" s="325">
        <v>82650</v>
      </c>
      <c r="FM38" s="326">
        <v>189294</v>
      </c>
      <c r="FN38" s="327">
        <v>271944</v>
      </c>
      <c r="FO38" s="325">
        <v>0</v>
      </c>
      <c r="FP38" s="326">
        <v>541563</v>
      </c>
      <c r="FQ38" s="326">
        <v>549658</v>
      </c>
      <c r="FR38" s="326">
        <v>332906</v>
      </c>
      <c r="FS38" s="326">
        <v>301886</v>
      </c>
      <c r="FT38" s="326">
        <v>345543</v>
      </c>
      <c r="FU38" s="327">
        <v>2071556</v>
      </c>
      <c r="FV38" s="329">
        <v>2343500</v>
      </c>
      <c r="FW38" s="332">
        <v>82650</v>
      </c>
      <c r="FX38" s="326">
        <v>189294</v>
      </c>
      <c r="FY38" s="330">
        <v>271944</v>
      </c>
      <c r="FZ38" s="331">
        <v>0</v>
      </c>
      <c r="GA38" s="326">
        <v>541563</v>
      </c>
      <c r="GB38" s="326">
        <v>549658</v>
      </c>
      <c r="GC38" s="326">
        <v>332906</v>
      </c>
      <c r="GD38" s="326">
        <v>301886</v>
      </c>
      <c r="GE38" s="326">
        <v>345543</v>
      </c>
      <c r="GF38" s="327">
        <v>2071556</v>
      </c>
      <c r="GG38" s="333">
        <v>2343500</v>
      </c>
      <c r="GH38" s="332">
        <v>0</v>
      </c>
      <c r="GI38" s="326">
        <v>0</v>
      </c>
      <c r="GJ38" s="330">
        <v>0</v>
      </c>
      <c r="GK38" s="331">
        <v>0</v>
      </c>
      <c r="GL38" s="326">
        <v>0</v>
      </c>
      <c r="GM38" s="326">
        <v>0</v>
      </c>
      <c r="GN38" s="326">
        <v>0</v>
      </c>
      <c r="GO38" s="326">
        <v>0</v>
      </c>
      <c r="GP38" s="326">
        <v>0</v>
      </c>
      <c r="GQ38" s="327">
        <v>0</v>
      </c>
      <c r="GR38" s="329">
        <v>0</v>
      </c>
      <c r="GS38" s="325">
        <v>0</v>
      </c>
      <c r="GT38" s="326">
        <v>0</v>
      </c>
      <c r="GU38" s="327">
        <v>0</v>
      </c>
      <c r="GV38" s="325">
        <v>0</v>
      </c>
      <c r="GW38" s="326">
        <v>0</v>
      </c>
      <c r="GX38" s="326">
        <v>0</v>
      </c>
      <c r="GY38" s="326">
        <v>0</v>
      </c>
      <c r="GZ38" s="326">
        <v>0</v>
      </c>
      <c r="HA38" s="326">
        <v>0</v>
      </c>
      <c r="HB38" s="330">
        <v>0</v>
      </c>
      <c r="HC38" s="329">
        <v>0</v>
      </c>
      <c r="HD38" s="325">
        <v>126702</v>
      </c>
      <c r="HE38" s="326">
        <v>367788</v>
      </c>
      <c r="HF38" s="330">
        <v>494490</v>
      </c>
      <c r="HG38" s="331">
        <v>0</v>
      </c>
      <c r="HH38" s="326">
        <v>2559747</v>
      </c>
      <c r="HI38" s="326">
        <v>3544389</v>
      </c>
      <c r="HJ38" s="326">
        <v>3205913</v>
      </c>
      <c r="HK38" s="326">
        <v>2094548</v>
      </c>
      <c r="HL38" s="326">
        <v>1425655</v>
      </c>
      <c r="HM38" s="327">
        <v>12830252</v>
      </c>
      <c r="HN38" s="328">
        <v>13324742</v>
      </c>
      <c r="HO38" s="332">
        <v>120717</v>
      </c>
      <c r="HP38" s="326">
        <v>236963</v>
      </c>
      <c r="HQ38" s="327">
        <v>357680</v>
      </c>
      <c r="HR38" s="325">
        <v>0</v>
      </c>
      <c r="HS38" s="326">
        <v>1308486</v>
      </c>
      <c r="HT38" s="326">
        <v>704163</v>
      </c>
      <c r="HU38" s="326">
        <v>565199</v>
      </c>
      <c r="HV38" s="326">
        <v>286709</v>
      </c>
      <c r="HW38" s="326">
        <v>269342</v>
      </c>
      <c r="HX38" s="330">
        <v>3133899</v>
      </c>
      <c r="HY38" s="329">
        <v>3491579</v>
      </c>
      <c r="HZ38" s="357">
        <v>0</v>
      </c>
      <c r="IA38" s="355">
        <v>246100</v>
      </c>
      <c r="IB38" s="357">
        <v>246100</v>
      </c>
      <c r="IC38" s="337">
        <v>0</v>
      </c>
      <c r="ID38" s="335">
        <v>2526955</v>
      </c>
      <c r="IE38" s="338">
        <v>2298990</v>
      </c>
      <c r="IF38" s="336">
        <v>3609010</v>
      </c>
      <c r="IG38" s="335">
        <v>2023618</v>
      </c>
      <c r="IH38" s="336">
        <v>1923317</v>
      </c>
      <c r="II38" s="339">
        <v>12381890</v>
      </c>
      <c r="IJ38" s="357">
        <v>12627990</v>
      </c>
      <c r="IK38" s="341">
        <v>0</v>
      </c>
      <c r="IL38" s="342">
        <v>0</v>
      </c>
      <c r="IM38" s="343">
        <v>0</v>
      </c>
      <c r="IN38" s="403">
        <v>0</v>
      </c>
      <c r="IO38" s="344">
        <v>0</v>
      </c>
      <c r="IP38" s="344">
        <v>0</v>
      </c>
      <c r="IQ38" s="344">
        <v>0</v>
      </c>
      <c r="IR38" s="344">
        <v>0</v>
      </c>
      <c r="IS38" s="344">
        <v>0</v>
      </c>
      <c r="IT38" s="345">
        <v>0</v>
      </c>
      <c r="IU38" s="346">
        <v>0</v>
      </c>
      <c r="IV38" s="347">
        <v>0</v>
      </c>
      <c r="IW38" s="344">
        <v>0</v>
      </c>
      <c r="IX38" s="348">
        <v>0</v>
      </c>
      <c r="IY38" s="412">
        <v>0</v>
      </c>
      <c r="IZ38" s="344">
        <v>0</v>
      </c>
      <c r="JA38" s="344">
        <v>0</v>
      </c>
      <c r="JB38" s="344">
        <v>0</v>
      </c>
      <c r="JC38" s="344">
        <v>0</v>
      </c>
      <c r="JD38" s="344">
        <v>0</v>
      </c>
      <c r="JE38" s="348">
        <v>0</v>
      </c>
      <c r="JF38" s="349">
        <v>0</v>
      </c>
      <c r="JG38" s="347">
        <v>0</v>
      </c>
      <c r="JH38" s="344">
        <v>0</v>
      </c>
      <c r="JI38" s="345">
        <v>0</v>
      </c>
      <c r="JJ38" s="350">
        <v>0</v>
      </c>
      <c r="JK38" s="344">
        <v>1119226</v>
      </c>
      <c r="JL38" s="344">
        <v>1077639</v>
      </c>
      <c r="JM38" s="344">
        <v>517844</v>
      </c>
      <c r="JN38" s="344">
        <v>519329</v>
      </c>
      <c r="JO38" s="344">
        <v>100741</v>
      </c>
      <c r="JP38" s="348">
        <v>3334779</v>
      </c>
      <c r="JQ38" s="346">
        <v>3334779</v>
      </c>
      <c r="JR38" s="347">
        <v>0</v>
      </c>
      <c r="JS38" s="344">
        <v>0</v>
      </c>
      <c r="JT38" s="345">
        <v>0</v>
      </c>
      <c r="JU38" s="350">
        <v>0</v>
      </c>
      <c r="JV38" s="344">
        <v>0</v>
      </c>
      <c r="JW38" s="344">
        <v>0</v>
      </c>
      <c r="JX38" s="344">
        <v>0</v>
      </c>
      <c r="JY38" s="344">
        <v>0</v>
      </c>
      <c r="JZ38" s="344">
        <v>0</v>
      </c>
      <c r="KA38" s="348">
        <v>0</v>
      </c>
      <c r="KB38" s="346">
        <v>0</v>
      </c>
      <c r="KC38" s="351">
        <v>0</v>
      </c>
      <c r="KD38" s="352">
        <v>0</v>
      </c>
      <c r="KE38" s="348">
        <v>0</v>
      </c>
      <c r="KF38" s="350">
        <v>0</v>
      </c>
      <c r="KG38" s="344">
        <v>0</v>
      </c>
      <c r="KH38" s="344">
        <v>0</v>
      </c>
      <c r="KI38" s="344">
        <v>0</v>
      </c>
      <c r="KJ38" s="344">
        <v>0</v>
      </c>
      <c r="KK38" s="344">
        <v>0</v>
      </c>
      <c r="KL38" s="348">
        <v>0</v>
      </c>
      <c r="KM38" s="353">
        <v>0</v>
      </c>
      <c r="KN38" s="341">
        <v>0</v>
      </c>
      <c r="KO38" s="342">
        <v>246100</v>
      </c>
      <c r="KP38" s="343">
        <v>246100</v>
      </c>
      <c r="KQ38" s="412">
        <v>0</v>
      </c>
      <c r="KR38" s="344">
        <v>780543</v>
      </c>
      <c r="KS38" s="344">
        <v>814932</v>
      </c>
      <c r="KT38" s="344">
        <v>2146895</v>
      </c>
      <c r="KU38" s="344">
        <v>569442</v>
      </c>
      <c r="KV38" s="344">
        <v>290288</v>
      </c>
      <c r="KW38" s="348">
        <v>4602100</v>
      </c>
      <c r="KX38" s="346">
        <v>4848200</v>
      </c>
      <c r="KY38" s="347">
        <v>0</v>
      </c>
      <c r="KZ38" s="344">
        <v>0</v>
      </c>
      <c r="LA38" s="348">
        <v>0</v>
      </c>
      <c r="LB38" s="412">
        <v>0</v>
      </c>
      <c r="LC38" s="344">
        <v>0</v>
      </c>
      <c r="LD38" s="344">
        <v>0</v>
      </c>
      <c r="LE38" s="344">
        <v>0</v>
      </c>
      <c r="LF38" s="344">
        <v>0</v>
      </c>
      <c r="LG38" s="344">
        <v>0</v>
      </c>
      <c r="LH38" s="348">
        <v>0</v>
      </c>
      <c r="LI38" s="349">
        <v>0</v>
      </c>
      <c r="LJ38" s="347">
        <v>0</v>
      </c>
      <c r="LK38" s="344">
        <v>0</v>
      </c>
      <c r="LL38" s="348">
        <v>0</v>
      </c>
      <c r="LM38" s="412">
        <v>0</v>
      </c>
      <c r="LN38" s="344">
        <v>0</v>
      </c>
      <c r="LO38" s="344">
        <v>0</v>
      </c>
      <c r="LP38" s="344">
        <v>0</v>
      </c>
      <c r="LQ38" s="344">
        <v>0</v>
      </c>
      <c r="LR38" s="344">
        <v>0</v>
      </c>
      <c r="LS38" s="348">
        <v>0</v>
      </c>
      <c r="LT38" s="346">
        <v>0</v>
      </c>
      <c r="LU38" s="347">
        <v>0</v>
      </c>
      <c r="LV38" s="344">
        <v>0</v>
      </c>
      <c r="LW38" s="348">
        <v>0</v>
      </c>
      <c r="LX38" s="412">
        <v>0</v>
      </c>
      <c r="LY38" s="344">
        <v>627186</v>
      </c>
      <c r="LZ38" s="344">
        <v>406419</v>
      </c>
      <c r="MA38" s="344">
        <v>944271</v>
      </c>
      <c r="MB38" s="344">
        <v>934847</v>
      </c>
      <c r="MC38" s="344">
        <v>1532288</v>
      </c>
      <c r="MD38" s="348">
        <v>4445011</v>
      </c>
      <c r="ME38" s="349">
        <v>4445011</v>
      </c>
      <c r="MF38" s="347">
        <v>0</v>
      </c>
      <c r="MG38" s="344">
        <v>0</v>
      </c>
      <c r="MH38" s="348">
        <v>0</v>
      </c>
      <c r="MI38" s="412">
        <v>0</v>
      </c>
      <c r="MJ38" s="344">
        <v>2823288</v>
      </c>
      <c r="MK38" s="344">
        <v>5942006</v>
      </c>
      <c r="ML38" s="344">
        <v>12236953</v>
      </c>
      <c r="MM38" s="344">
        <v>18101379</v>
      </c>
      <c r="MN38" s="344">
        <v>11858683</v>
      </c>
      <c r="MO38" s="348">
        <v>50962309</v>
      </c>
      <c r="MP38" s="353">
        <v>50962309</v>
      </c>
      <c r="MQ38" s="347">
        <v>0</v>
      </c>
      <c r="MR38" s="344">
        <v>0</v>
      </c>
      <c r="MS38" s="348">
        <v>0</v>
      </c>
      <c r="MT38" s="412">
        <v>0</v>
      </c>
      <c r="MU38" s="344">
        <v>0</v>
      </c>
      <c r="MV38" s="344">
        <v>1569792</v>
      </c>
      <c r="MW38" s="344">
        <v>5965154</v>
      </c>
      <c r="MX38" s="344">
        <v>8047010</v>
      </c>
      <c r="MY38" s="344">
        <v>5387052</v>
      </c>
      <c r="MZ38" s="348">
        <v>20969008</v>
      </c>
      <c r="NA38" s="353">
        <v>20969008</v>
      </c>
      <c r="NB38" s="347">
        <v>0</v>
      </c>
      <c r="NC38" s="344">
        <v>0</v>
      </c>
      <c r="ND38" s="348">
        <v>0</v>
      </c>
      <c r="NE38" s="412">
        <v>0</v>
      </c>
      <c r="NF38" s="344">
        <v>1739592</v>
      </c>
      <c r="NG38" s="344">
        <v>2468133</v>
      </c>
      <c r="NH38" s="344">
        <v>3368610</v>
      </c>
      <c r="NI38" s="344">
        <v>5775824</v>
      </c>
      <c r="NJ38" s="344">
        <v>2782748</v>
      </c>
      <c r="NK38" s="348">
        <v>16134907</v>
      </c>
      <c r="NL38" s="346">
        <v>16134907</v>
      </c>
      <c r="NM38" s="347">
        <v>0</v>
      </c>
      <c r="NN38" s="344">
        <v>0</v>
      </c>
      <c r="NO38" s="348">
        <v>0</v>
      </c>
      <c r="NP38" s="412">
        <v>0</v>
      </c>
      <c r="NQ38" s="344">
        <v>0</v>
      </c>
      <c r="NR38" s="344">
        <v>0</v>
      </c>
      <c r="NS38" s="344">
        <v>0</v>
      </c>
      <c r="NT38" s="344">
        <v>0</v>
      </c>
      <c r="NU38" s="344">
        <v>0</v>
      </c>
      <c r="NV38" s="348">
        <v>0</v>
      </c>
      <c r="NW38" s="349">
        <v>0</v>
      </c>
      <c r="NX38" s="347">
        <v>0</v>
      </c>
      <c r="NY38" s="344">
        <v>0</v>
      </c>
      <c r="NZ38" s="348">
        <v>0</v>
      </c>
      <c r="OA38" s="412">
        <v>0</v>
      </c>
      <c r="OB38" s="344">
        <v>1083696</v>
      </c>
      <c r="OC38" s="344">
        <v>1904081</v>
      </c>
      <c r="OD38" s="344">
        <v>2903189</v>
      </c>
      <c r="OE38" s="344">
        <v>4278545</v>
      </c>
      <c r="OF38" s="344">
        <v>3688883</v>
      </c>
      <c r="OG38" s="348">
        <v>13858394</v>
      </c>
      <c r="OH38" s="349">
        <v>13858394</v>
      </c>
      <c r="OI38" s="347">
        <v>917513</v>
      </c>
      <c r="OJ38" s="344">
        <v>2402787</v>
      </c>
      <c r="OK38" s="345">
        <v>3320300</v>
      </c>
      <c r="OL38" s="350">
        <v>0</v>
      </c>
      <c r="OM38" s="344">
        <v>15721102</v>
      </c>
      <c r="ON38" s="344">
        <v>17084387</v>
      </c>
      <c r="OO38" s="344">
        <v>24359265</v>
      </c>
      <c r="OP38" s="344">
        <v>24538499</v>
      </c>
      <c r="OQ38" s="344">
        <v>19163878</v>
      </c>
      <c r="OR38" s="348">
        <v>100867131</v>
      </c>
      <c r="OS38" s="353">
        <v>104187431</v>
      </c>
    </row>
    <row r="39" spans="2:409" s="70" customFormat="1" ht="21" customHeight="1" x14ac:dyDescent="0.2">
      <c r="B39" s="409" t="s">
        <v>34</v>
      </c>
      <c r="C39" s="325">
        <v>519171</v>
      </c>
      <c r="D39" s="326">
        <v>879414</v>
      </c>
      <c r="E39" s="367">
        <v>1398585</v>
      </c>
      <c r="F39" s="369">
        <v>0</v>
      </c>
      <c r="G39" s="368">
        <v>8228752</v>
      </c>
      <c r="H39" s="368">
        <v>6576218</v>
      </c>
      <c r="I39" s="368">
        <v>4018705</v>
      </c>
      <c r="J39" s="368">
        <v>4647716</v>
      </c>
      <c r="K39" s="368">
        <v>4136532</v>
      </c>
      <c r="L39" s="369">
        <v>27607923</v>
      </c>
      <c r="M39" s="329">
        <v>29006508</v>
      </c>
      <c r="N39" s="325">
        <v>58572</v>
      </c>
      <c r="O39" s="326">
        <v>209705</v>
      </c>
      <c r="P39" s="327">
        <v>268277</v>
      </c>
      <c r="Q39" s="325">
        <v>0</v>
      </c>
      <c r="R39" s="326">
        <v>1931946</v>
      </c>
      <c r="S39" s="326">
        <v>1819699</v>
      </c>
      <c r="T39" s="326">
        <v>598763</v>
      </c>
      <c r="U39" s="326">
        <v>1255694</v>
      </c>
      <c r="V39" s="326">
        <v>1691583</v>
      </c>
      <c r="W39" s="327">
        <v>7297685</v>
      </c>
      <c r="X39" s="329">
        <v>7565962</v>
      </c>
      <c r="Y39" s="325">
        <v>0</v>
      </c>
      <c r="Z39" s="326">
        <v>0</v>
      </c>
      <c r="AA39" s="327">
        <v>0</v>
      </c>
      <c r="AB39" s="325">
        <v>0</v>
      </c>
      <c r="AC39" s="326">
        <v>639211</v>
      </c>
      <c r="AD39" s="326">
        <v>756983</v>
      </c>
      <c r="AE39" s="326">
        <v>169598</v>
      </c>
      <c r="AF39" s="326">
        <v>683046</v>
      </c>
      <c r="AG39" s="326">
        <v>571033</v>
      </c>
      <c r="AH39" s="327">
        <v>2819871</v>
      </c>
      <c r="AI39" s="329">
        <v>2819871</v>
      </c>
      <c r="AJ39" s="325">
        <v>0</v>
      </c>
      <c r="AK39" s="326">
        <v>0</v>
      </c>
      <c r="AL39" s="327">
        <v>0</v>
      </c>
      <c r="AM39" s="325">
        <v>0</v>
      </c>
      <c r="AN39" s="326">
        <v>0</v>
      </c>
      <c r="AO39" s="326">
        <v>36882</v>
      </c>
      <c r="AP39" s="326">
        <v>0</v>
      </c>
      <c r="AQ39" s="326">
        <v>51174</v>
      </c>
      <c r="AR39" s="326">
        <v>567558</v>
      </c>
      <c r="AS39" s="327">
        <v>655614</v>
      </c>
      <c r="AT39" s="329">
        <v>655614</v>
      </c>
      <c r="AU39" s="325">
        <v>0</v>
      </c>
      <c r="AV39" s="326">
        <v>132998</v>
      </c>
      <c r="AW39" s="327">
        <v>132998</v>
      </c>
      <c r="AX39" s="325">
        <v>0</v>
      </c>
      <c r="AY39" s="326">
        <v>722226</v>
      </c>
      <c r="AZ39" s="326">
        <v>540516</v>
      </c>
      <c r="BA39" s="326">
        <v>230209</v>
      </c>
      <c r="BB39" s="326">
        <v>340682</v>
      </c>
      <c r="BC39" s="326">
        <v>328527</v>
      </c>
      <c r="BD39" s="327">
        <v>2162160</v>
      </c>
      <c r="BE39" s="329">
        <v>2295158</v>
      </c>
      <c r="BF39" s="325">
        <v>33804</v>
      </c>
      <c r="BG39" s="326">
        <v>0</v>
      </c>
      <c r="BH39" s="330">
        <v>33804</v>
      </c>
      <c r="BI39" s="331">
        <v>0</v>
      </c>
      <c r="BJ39" s="326">
        <v>194256</v>
      </c>
      <c r="BK39" s="326">
        <v>69486</v>
      </c>
      <c r="BL39" s="326">
        <v>130878</v>
      </c>
      <c r="BM39" s="326">
        <v>0</v>
      </c>
      <c r="BN39" s="326">
        <v>45072</v>
      </c>
      <c r="BO39" s="327">
        <v>439692</v>
      </c>
      <c r="BP39" s="329">
        <v>473496</v>
      </c>
      <c r="BQ39" s="325">
        <v>24768</v>
      </c>
      <c r="BR39" s="326">
        <v>76707</v>
      </c>
      <c r="BS39" s="327">
        <v>101475</v>
      </c>
      <c r="BT39" s="325">
        <v>0</v>
      </c>
      <c r="BU39" s="326">
        <v>376253</v>
      </c>
      <c r="BV39" s="326">
        <v>415832</v>
      </c>
      <c r="BW39" s="326">
        <v>68078</v>
      </c>
      <c r="BX39" s="326">
        <v>180792</v>
      </c>
      <c r="BY39" s="326">
        <v>179393</v>
      </c>
      <c r="BZ39" s="327">
        <v>1220348</v>
      </c>
      <c r="CA39" s="329">
        <v>1321823</v>
      </c>
      <c r="CB39" s="325">
        <v>0</v>
      </c>
      <c r="CC39" s="326">
        <v>128340</v>
      </c>
      <c r="CD39" s="327">
        <v>128340</v>
      </c>
      <c r="CE39" s="325">
        <v>0</v>
      </c>
      <c r="CF39" s="326">
        <v>2112770</v>
      </c>
      <c r="CG39" s="326">
        <v>1819043</v>
      </c>
      <c r="CH39" s="326">
        <v>2031270</v>
      </c>
      <c r="CI39" s="326">
        <v>1138896</v>
      </c>
      <c r="CJ39" s="326">
        <v>546417</v>
      </c>
      <c r="CK39" s="327">
        <v>7648396</v>
      </c>
      <c r="CL39" s="329">
        <v>7776736</v>
      </c>
      <c r="CM39" s="325">
        <v>0</v>
      </c>
      <c r="CN39" s="326">
        <v>0</v>
      </c>
      <c r="CO39" s="327">
        <v>0</v>
      </c>
      <c r="CP39" s="331">
        <v>0</v>
      </c>
      <c r="CQ39" s="326">
        <v>1766369</v>
      </c>
      <c r="CR39" s="326">
        <v>1635317</v>
      </c>
      <c r="CS39" s="326">
        <v>1926691</v>
      </c>
      <c r="CT39" s="326">
        <v>879021</v>
      </c>
      <c r="CU39" s="326">
        <v>546417</v>
      </c>
      <c r="CV39" s="327">
        <v>6753815</v>
      </c>
      <c r="CW39" s="329">
        <v>6753815</v>
      </c>
      <c r="CX39" s="325">
        <v>0</v>
      </c>
      <c r="CY39" s="326">
        <v>128340</v>
      </c>
      <c r="CZ39" s="327">
        <v>128340</v>
      </c>
      <c r="DA39" s="325">
        <v>0</v>
      </c>
      <c r="DB39" s="326">
        <v>346401</v>
      </c>
      <c r="DC39" s="326">
        <v>183726</v>
      </c>
      <c r="DD39" s="326">
        <v>104579</v>
      </c>
      <c r="DE39" s="326">
        <v>259875</v>
      </c>
      <c r="DF39" s="326">
        <v>0</v>
      </c>
      <c r="DG39" s="327">
        <v>894581</v>
      </c>
      <c r="DH39" s="329">
        <v>1022921</v>
      </c>
      <c r="DI39" s="325">
        <v>0</v>
      </c>
      <c r="DJ39" s="326">
        <v>0</v>
      </c>
      <c r="DK39" s="330">
        <v>0</v>
      </c>
      <c r="DL39" s="331">
        <v>0</v>
      </c>
      <c r="DM39" s="326">
        <v>113004</v>
      </c>
      <c r="DN39" s="326">
        <v>98046</v>
      </c>
      <c r="DO39" s="326">
        <v>228865</v>
      </c>
      <c r="DP39" s="326">
        <v>317484</v>
      </c>
      <c r="DQ39" s="326">
        <v>275733</v>
      </c>
      <c r="DR39" s="327">
        <v>1033132</v>
      </c>
      <c r="DS39" s="329">
        <v>1033132</v>
      </c>
      <c r="DT39" s="325">
        <v>0</v>
      </c>
      <c r="DU39" s="326">
        <v>0</v>
      </c>
      <c r="DV39" s="327">
        <v>0</v>
      </c>
      <c r="DW39" s="325">
        <v>0</v>
      </c>
      <c r="DX39" s="326">
        <v>113004</v>
      </c>
      <c r="DY39" s="326">
        <v>0</v>
      </c>
      <c r="DZ39" s="326">
        <v>228865</v>
      </c>
      <c r="EA39" s="326">
        <v>317484</v>
      </c>
      <c r="EB39" s="326">
        <v>275733</v>
      </c>
      <c r="EC39" s="327">
        <v>935086</v>
      </c>
      <c r="ED39" s="329">
        <v>935086</v>
      </c>
      <c r="EE39" s="325">
        <v>0</v>
      </c>
      <c r="EF39" s="330">
        <v>0</v>
      </c>
      <c r="EG39" s="327">
        <v>0</v>
      </c>
      <c r="EH39" s="325">
        <v>0</v>
      </c>
      <c r="EI39" s="326">
        <v>0</v>
      </c>
      <c r="EJ39" s="326">
        <v>98046</v>
      </c>
      <c r="EK39" s="326">
        <v>0</v>
      </c>
      <c r="EL39" s="326">
        <v>0</v>
      </c>
      <c r="EM39" s="326">
        <v>0</v>
      </c>
      <c r="EN39" s="330">
        <v>98046</v>
      </c>
      <c r="EO39" s="329">
        <v>98046</v>
      </c>
      <c r="EP39" s="325">
        <v>0</v>
      </c>
      <c r="EQ39" s="326">
        <v>0</v>
      </c>
      <c r="ER39" s="330">
        <v>0</v>
      </c>
      <c r="ES39" s="331">
        <v>0</v>
      </c>
      <c r="ET39" s="326">
        <v>0</v>
      </c>
      <c r="EU39" s="326">
        <v>0</v>
      </c>
      <c r="EV39" s="326">
        <v>0</v>
      </c>
      <c r="EW39" s="326">
        <v>0</v>
      </c>
      <c r="EX39" s="326">
        <v>0</v>
      </c>
      <c r="EY39" s="327">
        <v>0</v>
      </c>
      <c r="EZ39" s="329">
        <v>0</v>
      </c>
      <c r="FA39" s="325">
        <v>0</v>
      </c>
      <c r="FB39" s="326">
        <v>0</v>
      </c>
      <c r="FC39" s="330">
        <v>0</v>
      </c>
      <c r="FD39" s="331">
        <v>0</v>
      </c>
      <c r="FE39" s="326">
        <v>0</v>
      </c>
      <c r="FF39" s="326">
        <v>0</v>
      </c>
      <c r="FG39" s="326">
        <v>0</v>
      </c>
      <c r="FH39" s="326">
        <v>0</v>
      </c>
      <c r="FI39" s="326">
        <v>0</v>
      </c>
      <c r="FJ39" s="327">
        <v>0</v>
      </c>
      <c r="FK39" s="329">
        <v>0</v>
      </c>
      <c r="FL39" s="325">
        <v>274815</v>
      </c>
      <c r="FM39" s="326">
        <v>125290</v>
      </c>
      <c r="FN39" s="327">
        <v>400105</v>
      </c>
      <c r="FO39" s="325">
        <v>0</v>
      </c>
      <c r="FP39" s="326">
        <v>608437</v>
      </c>
      <c r="FQ39" s="326">
        <v>663439</v>
      </c>
      <c r="FR39" s="326">
        <v>430672</v>
      </c>
      <c r="FS39" s="326">
        <v>457456</v>
      </c>
      <c r="FT39" s="326">
        <v>256455</v>
      </c>
      <c r="FU39" s="327">
        <v>2416459</v>
      </c>
      <c r="FV39" s="329">
        <v>2816564</v>
      </c>
      <c r="FW39" s="332">
        <v>94815</v>
      </c>
      <c r="FX39" s="326">
        <v>125290</v>
      </c>
      <c r="FY39" s="330">
        <v>220105</v>
      </c>
      <c r="FZ39" s="331">
        <v>0</v>
      </c>
      <c r="GA39" s="326">
        <v>397252</v>
      </c>
      <c r="GB39" s="326">
        <v>663439</v>
      </c>
      <c r="GC39" s="326">
        <v>384142</v>
      </c>
      <c r="GD39" s="326">
        <v>386176</v>
      </c>
      <c r="GE39" s="326">
        <v>256455</v>
      </c>
      <c r="GF39" s="327">
        <v>2087464</v>
      </c>
      <c r="GG39" s="333">
        <v>2307569</v>
      </c>
      <c r="GH39" s="332">
        <v>0</v>
      </c>
      <c r="GI39" s="326">
        <v>0</v>
      </c>
      <c r="GJ39" s="330">
        <v>0</v>
      </c>
      <c r="GK39" s="331">
        <v>0</v>
      </c>
      <c r="GL39" s="326">
        <v>31185</v>
      </c>
      <c r="GM39" s="326">
        <v>0</v>
      </c>
      <c r="GN39" s="326">
        <v>0</v>
      </c>
      <c r="GO39" s="326">
        <v>71280</v>
      </c>
      <c r="GP39" s="326">
        <v>0</v>
      </c>
      <c r="GQ39" s="327">
        <v>102465</v>
      </c>
      <c r="GR39" s="329">
        <v>102465</v>
      </c>
      <c r="GS39" s="325">
        <v>180000</v>
      </c>
      <c r="GT39" s="326">
        <v>0</v>
      </c>
      <c r="GU39" s="327">
        <v>180000</v>
      </c>
      <c r="GV39" s="325">
        <v>0</v>
      </c>
      <c r="GW39" s="326">
        <v>180000</v>
      </c>
      <c r="GX39" s="326">
        <v>0</v>
      </c>
      <c r="GY39" s="326">
        <v>46530</v>
      </c>
      <c r="GZ39" s="326">
        <v>0</v>
      </c>
      <c r="HA39" s="326">
        <v>0</v>
      </c>
      <c r="HB39" s="330">
        <v>226530</v>
      </c>
      <c r="HC39" s="329">
        <v>406530</v>
      </c>
      <c r="HD39" s="325">
        <v>121464</v>
      </c>
      <c r="HE39" s="326">
        <v>303579</v>
      </c>
      <c r="HF39" s="330">
        <v>425043</v>
      </c>
      <c r="HG39" s="331">
        <v>0</v>
      </c>
      <c r="HH39" s="326">
        <v>2408081</v>
      </c>
      <c r="HI39" s="326">
        <v>1481091</v>
      </c>
      <c r="HJ39" s="326">
        <v>348941</v>
      </c>
      <c r="HK39" s="326">
        <v>1206272</v>
      </c>
      <c r="HL39" s="326">
        <v>1184260</v>
      </c>
      <c r="HM39" s="327">
        <v>6628645</v>
      </c>
      <c r="HN39" s="328">
        <v>7053688</v>
      </c>
      <c r="HO39" s="332">
        <v>64320</v>
      </c>
      <c r="HP39" s="326">
        <v>112500</v>
      </c>
      <c r="HQ39" s="327">
        <v>176820</v>
      </c>
      <c r="HR39" s="325">
        <v>0</v>
      </c>
      <c r="HS39" s="326">
        <v>1054514</v>
      </c>
      <c r="HT39" s="326">
        <v>694900</v>
      </c>
      <c r="HU39" s="326">
        <v>380194</v>
      </c>
      <c r="HV39" s="326">
        <v>271914</v>
      </c>
      <c r="HW39" s="326">
        <v>182084</v>
      </c>
      <c r="HX39" s="330">
        <v>2583606</v>
      </c>
      <c r="HY39" s="329">
        <v>2760426</v>
      </c>
      <c r="HZ39" s="334">
        <v>45171</v>
      </c>
      <c r="IA39" s="335">
        <v>80901</v>
      </c>
      <c r="IB39" s="336">
        <v>126072</v>
      </c>
      <c r="IC39" s="337">
        <v>0</v>
      </c>
      <c r="ID39" s="335">
        <v>3275598</v>
      </c>
      <c r="IE39" s="338">
        <v>3547347</v>
      </c>
      <c r="IF39" s="336">
        <v>2366778</v>
      </c>
      <c r="IG39" s="335">
        <v>1116909</v>
      </c>
      <c r="IH39" s="336">
        <v>817933</v>
      </c>
      <c r="II39" s="339">
        <v>11124565</v>
      </c>
      <c r="IJ39" s="340">
        <v>11250637</v>
      </c>
      <c r="IK39" s="341">
        <v>0</v>
      </c>
      <c r="IL39" s="342">
        <v>0</v>
      </c>
      <c r="IM39" s="343">
        <v>0</v>
      </c>
      <c r="IN39" s="403">
        <v>0</v>
      </c>
      <c r="IO39" s="344">
        <v>0</v>
      </c>
      <c r="IP39" s="344">
        <v>0</v>
      </c>
      <c r="IQ39" s="344">
        <v>0</v>
      </c>
      <c r="IR39" s="344">
        <v>0</v>
      </c>
      <c r="IS39" s="344">
        <v>0</v>
      </c>
      <c r="IT39" s="345">
        <v>0</v>
      </c>
      <c r="IU39" s="346">
        <v>0</v>
      </c>
      <c r="IV39" s="347">
        <v>0</v>
      </c>
      <c r="IW39" s="344">
        <v>0</v>
      </c>
      <c r="IX39" s="348">
        <v>0</v>
      </c>
      <c r="IY39" s="412">
        <v>0</v>
      </c>
      <c r="IZ39" s="344">
        <v>0</v>
      </c>
      <c r="JA39" s="344">
        <v>0</v>
      </c>
      <c r="JB39" s="344">
        <v>0</v>
      </c>
      <c r="JC39" s="344">
        <v>0</v>
      </c>
      <c r="JD39" s="344">
        <v>0</v>
      </c>
      <c r="JE39" s="348">
        <v>0</v>
      </c>
      <c r="JF39" s="349">
        <v>0</v>
      </c>
      <c r="JG39" s="347">
        <v>0</v>
      </c>
      <c r="JH39" s="344">
        <v>0</v>
      </c>
      <c r="JI39" s="345">
        <v>0</v>
      </c>
      <c r="JJ39" s="350">
        <v>0</v>
      </c>
      <c r="JK39" s="344">
        <v>537899</v>
      </c>
      <c r="JL39" s="344">
        <v>330850</v>
      </c>
      <c r="JM39" s="344">
        <v>242037</v>
      </c>
      <c r="JN39" s="344">
        <v>98433</v>
      </c>
      <c r="JO39" s="344">
        <v>0</v>
      </c>
      <c r="JP39" s="348">
        <v>1209219</v>
      </c>
      <c r="JQ39" s="346">
        <v>1209219</v>
      </c>
      <c r="JR39" s="347">
        <v>0</v>
      </c>
      <c r="JS39" s="344">
        <v>0</v>
      </c>
      <c r="JT39" s="345">
        <v>0</v>
      </c>
      <c r="JU39" s="350">
        <v>0</v>
      </c>
      <c r="JV39" s="344">
        <v>0</v>
      </c>
      <c r="JW39" s="344">
        <v>0</v>
      </c>
      <c r="JX39" s="344">
        <v>0</v>
      </c>
      <c r="JY39" s="344">
        <v>0</v>
      </c>
      <c r="JZ39" s="344">
        <v>114547</v>
      </c>
      <c r="KA39" s="348">
        <v>114547</v>
      </c>
      <c r="KB39" s="346">
        <v>114547</v>
      </c>
      <c r="KC39" s="351">
        <v>45171</v>
      </c>
      <c r="KD39" s="352">
        <v>80901</v>
      </c>
      <c r="KE39" s="348">
        <v>126072</v>
      </c>
      <c r="KF39" s="350">
        <v>0</v>
      </c>
      <c r="KG39" s="344">
        <v>1119121</v>
      </c>
      <c r="KH39" s="344">
        <v>1369496</v>
      </c>
      <c r="KI39" s="344">
        <v>977512</v>
      </c>
      <c r="KJ39" s="344">
        <v>389763</v>
      </c>
      <c r="KK39" s="344">
        <v>0</v>
      </c>
      <c r="KL39" s="348">
        <v>3855892</v>
      </c>
      <c r="KM39" s="353">
        <v>3981964</v>
      </c>
      <c r="KN39" s="341">
        <v>0</v>
      </c>
      <c r="KO39" s="342">
        <v>0</v>
      </c>
      <c r="KP39" s="343">
        <v>0</v>
      </c>
      <c r="KQ39" s="412">
        <v>0</v>
      </c>
      <c r="KR39" s="344">
        <v>0</v>
      </c>
      <c r="KS39" s="344">
        <v>0</v>
      </c>
      <c r="KT39" s="344">
        <v>0</v>
      </c>
      <c r="KU39" s="344">
        <v>0</v>
      </c>
      <c r="KV39" s="344">
        <v>0</v>
      </c>
      <c r="KW39" s="348">
        <v>0</v>
      </c>
      <c r="KX39" s="346">
        <v>0</v>
      </c>
      <c r="KY39" s="347">
        <v>0</v>
      </c>
      <c r="KZ39" s="344">
        <v>0</v>
      </c>
      <c r="LA39" s="348">
        <v>0</v>
      </c>
      <c r="LB39" s="412">
        <v>0</v>
      </c>
      <c r="LC39" s="344">
        <v>0</v>
      </c>
      <c r="LD39" s="344">
        <v>0</v>
      </c>
      <c r="LE39" s="344">
        <v>0</v>
      </c>
      <c r="LF39" s="344">
        <v>0</v>
      </c>
      <c r="LG39" s="344">
        <v>0</v>
      </c>
      <c r="LH39" s="348">
        <v>0</v>
      </c>
      <c r="LI39" s="349">
        <v>0</v>
      </c>
      <c r="LJ39" s="347">
        <v>0</v>
      </c>
      <c r="LK39" s="344">
        <v>0</v>
      </c>
      <c r="LL39" s="348">
        <v>0</v>
      </c>
      <c r="LM39" s="412">
        <v>0</v>
      </c>
      <c r="LN39" s="344">
        <v>0</v>
      </c>
      <c r="LO39" s="344">
        <v>0</v>
      </c>
      <c r="LP39" s="344">
        <v>0</v>
      </c>
      <c r="LQ39" s="344">
        <v>0</v>
      </c>
      <c r="LR39" s="344">
        <v>0</v>
      </c>
      <c r="LS39" s="348">
        <v>0</v>
      </c>
      <c r="LT39" s="346">
        <v>0</v>
      </c>
      <c r="LU39" s="347">
        <v>0</v>
      </c>
      <c r="LV39" s="344">
        <v>0</v>
      </c>
      <c r="LW39" s="348">
        <v>0</v>
      </c>
      <c r="LX39" s="412">
        <v>0</v>
      </c>
      <c r="LY39" s="344">
        <v>1618578</v>
      </c>
      <c r="LZ39" s="344">
        <v>1847001</v>
      </c>
      <c r="MA39" s="344">
        <v>1147229</v>
      </c>
      <c r="MB39" s="344">
        <v>628713</v>
      </c>
      <c r="MC39" s="344">
        <v>703386</v>
      </c>
      <c r="MD39" s="348">
        <v>5944907</v>
      </c>
      <c r="ME39" s="349">
        <v>5944907</v>
      </c>
      <c r="MF39" s="347">
        <v>0</v>
      </c>
      <c r="MG39" s="344">
        <v>0</v>
      </c>
      <c r="MH39" s="348">
        <v>0</v>
      </c>
      <c r="MI39" s="412">
        <v>0</v>
      </c>
      <c r="MJ39" s="344">
        <v>1905480</v>
      </c>
      <c r="MK39" s="344">
        <v>3370608</v>
      </c>
      <c r="ML39" s="344">
        <v>3877145</v>
      </c>
      <c r="MM39" s="344">
        <v>10692851</v>
      </c>
      <c r="MN39" s="344">
        <v>3633974</v>
      </c>
      <c r="MO39" s="348">
        <v>23480058</v>
      </c>
      <c r="MP39" s="353">
        <v>23480058</v>
      </c>
      <c r="MQ39" s="347">
        <v>0</v>
      </c>
      <c r="MR39" s="344">
        <v>0</v>
      </c>
      <c r="MS39" s="348">
        <v>0</v>
      </c>
      <c r="MT39" s="412">
        <v>0</v>
      </c>
      <c r="MU39" s="344">
        <v>0</v>
      </c>
      <c r="MV39" s="344">
        <v>0</v>
      </c>
      <c r="MW39" s="344">
        <v>1812717</v>
      </c>
      <c r="MX39" s="344">
        <v>7427369</v>
      </c>
      <c r="MY39" s="344">
        <v>2207852</v>
      </c>
      <c r="MZ39" s="348">
        <v>11447938</v>
      </c>
      <c r="NA39" s="353">
        <v>11447938</v>
      </c>
      <c r="NB39" s="347">
        <v>0</v>
      </c>
      <c r="NC39" s="344">
        <v>0</v>
      </c>
      <c r="ND39" s="348">
        <v>0</v>
      </c>
      <c r="NE39" s="412">
        <v>0</v>
      </c>
      <c r="NF39" s="344">
        <v>1905480</v>
      </c>
      <c r="NG39" s="344">
        <v>3370608</v>
      </c>
      <c r="NH39" s="344">
        <v>2064428</v>
      </c>
      <c r="NI39" s="344">
        <v>2922123</v>
      </c>
      <c r="NJ39" s="344">
        <v>1049256</v>
      </c>
      <c r="NK39" s="348">
        <v>11311895</v>
      </c>
      <c r="NL39" s="346">
        <v>11311895</v>
      </c>
      <c r="NM39" s="347">
        <v>0</v>
      </c>
      <c r="NN39" s="344">
        <v>0</v>
      </c>
      <c r="NO39" s="348">
        <v>0</v>
      </c>
      <c r="NP39" s="412">
        <v>0</v>
      </c>
      <c r="NQ39" s="344">
        <v>0</v>
      </c>
      <c r="NR39" s="344">
        <v>0</v>
      </c>
      <c r="NS39" s="344">
        <v>0</v>
      </c>
      <c r="NT39" s="344">
        <v>0</v>
      </c>
      <c r="NU39" s="344">
        <v>0</v>
      </c>
      <c r="NV39" s="348">
        <v>0</v>
      </c>
      <c r="NW39" s="349">
        <v>0</v>
      </c>
      <c r="NX39" s="347">
        <v>0</v>
      </c>
      <c r="NY39" s="344">
        <v>0</v>
      </c>
      <c r="NZ39" s="348">
        <v>0</v>
      </c>
      <c r="OA39" s="412">
        <v>0</v>
      </c>
      <c r="OB39" s="344">
        <v>0</v>
      </c>
      <c r="OC39" s="344">
        <v>0</v>
      </c>
      <c r="OD39" s="344">
        <v>0</v>
      </c>
      <c r="OE39" s="344">
        <v>343359</v>
      </c>
      <c r="OF39" s="344">
        <v>376866</v>
      </c>
      <c r="OG39" s="348">
        <v>720225</v>
      </c>
      <c r="OH39" s="349">
        <v>720225</v>
      </c>
      <c r="OI39" s="347">
        <v>564342</v>
      </c>
      <c r="OJ39" s="344">
        <v>960315</v>
      </c>
      <c r="OK39" s="345">
        <v>1524657</v>
      </c>
      <c r="OL39" s="350">
        <v>0</v>
      </c>
      <c r="OM39" s="344">
        <v>13409830</v>
      </c>
      <c r="ON39" s="344">
        <v>13494173</v>
      </c>
      <c r="OO39" s="344">
        <v>10262628</v>
      </c>
      <c r="OP39" s="344">
        <v>16457476</v>
      </c>
      <c r="OQ39" s="344">
        <v>8588439</v>
      </c>
      <c r="OR39" s="348">
        <v>62212546</v>
      </c>
      <c r="OS39" s="353">
        <v>63737203</v>
      </c>
    </row>
    <row r="40" spans="2:409" s="70" customFormat="1" ht="21" customHeight="1" x14ac:dyDescent="0.2">
      <c r="B40" s="409" t="s">
        <v>35</v>
      </c>
      <c r="C40" s="325">
        <v>2358361</v>
      </c>
      <c r="D40" s="326">
        <v>4179893</v>
      </c>
      <c r="E40" s="327">
        <v>6538254</v>
      </c>
      <c r="F40" s="328">
        <v>0</v>
      </c>
      <c r="G40" s="326">
        <v>33885298</v>
      </c>
      <c r="H40" s="326">
        <v>22331519</v>
      </c>
      <c r="I40" s="326">
        <v>23281820</v>
      </c>
      <c r="J40" s="326">
        <v>20653454</v>
      </c>
      <c r="K40" s="326">
        <v>15276511</v>
      </c>
      <c r="L40" s="366">
        <v>115428602</v>
      </c>
      <c r="M40" s="329">
        <v>121966856</v>
      </c>
      <c r="N40" s="325">
        <v>501225</v>
      </c>
      <c r="O40" s="326">
        <v>941455</v>
      </c>
      <c r="P40" s="327">
        <v>1442680</v>
      </c>
      <c r="Q40" s="325">
        <v>0</v>
      </c>
      <c r="R40" s="326">
        <v>8811279</v>
      </c>
      <c r="S40" s="326">
        <v>5868834</v>
      </c>
      <c r="T40" s="326">
        <v>7724852</v>
      </c>
      <c r="U40" s="326">
        <v>6732044</v>
      </c>
      <c r="V40" s="326">
        <v>7001122</v>
      </c>
      <c r="W40" s="327">
        <v>36138131</v>
      </c>
      <c r="X40" s="329">
        <v>37580811</v>
      </c>
      <c r="Y40" s="325">
        <v>0</v>
      </c>
      <c r="Z40" s="326">
        <v>0</v>
      </c>
      <c r="AA40" s="327">
        <v>0</v>
      </c>
      <c r="AB40" s="325">
        <v>0</v>
      </c>
      <c r="AC40" s="326">
        <v>4206927</v>
      </c>
      <c r="AD40" s="326">
        <v>2779011</v>
      </c>
      <c r="AE40" s="326">
        <v>4695711</v>
      </c>
      <c r="AF40" s="326">
        <v>3247234</v>
      </c>
      <c r="AG40" s="326">
        <v>3553579</v>
      </c>
      <c r="AH40" s="327">
        <v>18482462</v>
      </c>
      <c r="AI40" s="329">
        <v>18482462</v>
      </c>
      <c r="AJ40" s="325">
        <v>0</v>
      </c>
      <c r="AK40" s="326">
        <v>0</v>
      </c>
      <c r="AL40" s="327">
        <v>0</v>
      </c>
      <c r="AM40" s="325">
        <v>0</v>
      </c>
      <c r="AN40" s="326">
        <v>51174</v>
      </c>
      <c r="AO40" s="326">
        <v>204408</v>
      </c>
      <c r="AP40" s="326">
        <v>255852</v>
      </c>
      <c r="AQ40" s="326">
        <v>867667</v>
      </c>
      <c r="AR40" s="326">
        <v>761904</v>
      </c>
      <c r="AS40" s="327">
        <v>2141005</v>
      </c>
      <c r="AT40" s="329">
        <v>2141005</v>
      </c>
      <c r="AU40" s="325">
        <v>162225</v>
      </c>
      <c r="AV40" s="326">
        <v>383075</v>
      </c>
      <c r="AW40" s="327">
        <v>545300</v>
      </c>
      <c r="AX40" s="325">
        <v>0</v>
      </c>
      <c r="AY40" s="326">
        <v>2511030</v>
      </c>
      <c r="AZ40" s="326">
        <v>1557658</v>
      </c>
      <c r="BA40" s="326">
        <v>1518831</v>
      </c>
      <c r="BB40" s="326">
        <v>1032211</v>
      </c>
      <c r="BC40" s="326">
        <v>1820835</v>
      </c>
      <c r="BD40" s="327">
        <v>8440565</v>
      </c>
      <c r="BE40" s="329">
        <v>8985865</v>
      </c>
      <c r="BF40" s="325">
        <v>156868</v>
      </c>
      <c r="BG40" s="326">
        <v>393896</v>
      </c>
      <c r="BH40" s="330">
        <v>550764</v>
      </c>
      <c r="BI40" s="331">
        <v>0</v>
      </c>
      <c r="BJ40" s="326">
        <v>805566</v>
      </c>
      <c r="BK40" s="326">
        <v>496890</v>
      </c>
      <c r="BL40" s="326">
        <v>226404</v>
      </c>
      <c r="BM40" s="326">
        <v>464763</v>
      </c>
      <c r="BN40" s="326">
        <v>277164</v>
      </c>
      <c r="BO40" s="327">
        <v>2270787</v>
      </c>
      <c r="BP40" s="329">
        <v>2821551</v>
      </c>
      <c r="BQ40" s="325">
        <v>182132</v>
      </c>
      <c r="BR40" s="326">
        <v>164484</v>
      </c>
      <c r="BS40" s="327">
        <v>346616</v>
      </c>
      <c r="BT40" s="325">
        <v>0</v>
      </c>
      <c r="BU40" s="326">
        <v>1236582</v>
      </c>
      <c r="BV40" s="326">
        <v>830867</v>
      </c>
      <c r="BW40" s="326">
        <v>1028054</v>
      </c>
      <c r="BX40" s="326">
        <v>1120169</v>
      </c>
      <c r="BY40" s="326">
        <v>587640</v>
      </c>
      <c r="BZ40" s="327">
        <v>4803312</v>
      </c>
      <c r="CA40" s="329">
        <v>5149928</v>
      </c>
      <c r="CB40" s="325">
        <v>180955</v>
      </c>
      <c r="CC40" s="326">
        <v>990175</v>
      </c>
      <c r="CD40" s="327">
        <v>1171130</v>
      </c>
      <c r="CE40" s="325">
        <v>0</v>
      </c>
      <c r="CF40" s="326">
        <v>11603847</v>
      </c>
      <c r="CG40" s="326">
        <v>8874718</v>
      </c>
      <c r="CH40" s="326">
        <v>6279188</v>
      </c>
      <c r="CI40" s="326">
        <v>4077857</v>
      </c>
      <c r="CJ40" s="326">
        <v>3113706</v>
      </c>
      <c r="CK40" s="327">
        <v>33949316</v>
      </c>
      <c r="CL40" s="329">
        <v>35120446</v>
      </c>
      <c r="CM40" s="325">
        <v>0</v>
      </c>
      <c r="CN40" s="326">
        <v>0</v>
      </c>
      <c r="CO40" s="327">
        <v>0</v>
      </c>
      <c r="CP40" s="331">
        <v>0</v>
      </c>
      <c r="CQ40" s="326">
        <v>8217834</v>
      </c>
      <c r="CR40" s="326">
        <v>6722486</v>
      </c>
      <c r="CS40" s="326">
        <v>5248023</v>
      </c>
      <c r="CT40" s="326">
        <v>3248690</v>
      </c>
      <c r="CU40" s="326">
        <v>3015300</v>
      </c>
      <c r="CV40" s="327">
        <v>26452333</v>
      </c>
      <c r="CW40" s="329">
        <v>26452333</v>
      </c>
      <c r="CX40" s="325">
        <v>180955</v>
      </c>
      <c r="CY40" s="326">
        <v>990175</v>
      </c>
      <c r="CZ40" s="327">
        <v>1171130</v>
      </c>
      <c r="DA40" s="325">
        <v>0</v>
      </c>
      <c r="DB40" s="326">
        <v>3386013</v>
      </c>
      <c r="DC40" s="326">
        <v>2152232</v>
      </c>
      <c r="DD40" s="326">
        <v>1031165</v>
      </c>
      <c r="DE40" s="326">
        <v>829167</v>
      </c>
      <c r="DF40" s="326">
        <v>98406</v>
      </c>
      <c r="DG40" s="327">
        <v>7496983</v>
      </c>
      <c r="DH40" s="329">
        <v>8668113</v>
      </c>
      <c r="DI40" s="325">
        <v>0</v>
      </c>
      <c r="DJ40" s="326">
        <v>0</v>
      </c>
      <c r="DK40" s="330">
        <v>0</v>
      </c>
      <c r="DL40" s="331">
        <v>0</v>
      </c>
      <c r="DM40" s="326">
        <v>698697</v>
      </c>
      <c r="DN40" s="326">
        <v>513720</v>
      </c>
      <c r="DO40" s="326">
        <v>1523731</v>
      </c>
      <c r="DP40" s="326">
        <v>989460</v>
      </c>
      <c r="DQ40" s="326">
        <v>269969</v>
      </c>
      <c r="DR40" s="327">
        <v>3995577</v>
      </c>
      <c r="DS40" s="329">
        <v>3995577</v>
      </c>
      <c r="DT40" s="325">
        <v>0</v>
      </c>
      <c r="DU40" s="326">
        <v>0</v>
      </c>
      <c r="DV40" s="327">
        <v>0</v>
      </c>
      <c r="DW40" s="325">
        <v>0</v>
      </c>
      <c r="DX40" s="326">
        <v>359964</v>
      </c>
      <c r="DY40" s="326">
        <v>452277</v>
      </c>
      <c r="DZ40" s="326">
        <v>1377976</v>
      </c>
      <c r="EA40" s="326">
        <v>860976</v>
      </c>
      <c r="EB40" s="326">
        <v>183596</v>
      </c>
      <c r="EC40" s="327">
        <v>3234789</v>
      </c>
      <c r="ED40" s="329">
        <v>3234789</v>
      </c>
      <c r="EE40" s="325">
        <v>0</v>
      </c>
      <c r="EF40" s="330">
        <v>0</v>
      </c>
      <c r="EG40" s="327">
        <v>0</v>
      </c>
      <c r="EH40" s="325">
        <v>0</v>
      </c>
      <c r="EI40" s="326">
        <v>338733</v>
      </c>
      <c r="EJ40" s="326">
        <v>61443</v>
      </c>
      <c r="EK40" s="326">
        <v>145755</v>
      </c>
      <c r="EL40" s="326">
        <v>128484</v>
      </c>
      <c r="EM40" s="326">
        <v>86373</v>
      </c>
      <c r="EN40" s="330">
        <v>760788</v>
      </c>
      <c r="EO40" s="329">
        <v>760788</v>
      </c>
      <c r="EP40" s="325">
        <v>0</v>
      </c>
      <c r="EQ40" s="326">
        <v>0</v>
      </c>
      <c r="ER40" s="330">
        <v>0</v>
      </c>
      <c r="ES40" s="331">
        <v>0</v>
      </c>
      <c r="ET40" s="326">
        <v>0</v>
      </c>
      <c r="EU40" s="326">
        <v>0</v>
      </c>
      <c r="EV40" s="326">
        <v>0</v>
      </c>
      <c r="EW40" s="326">
        <v>0</v>
      </c>
      <c r="EX40" s="326">
        <v>0</v>
      </c>
      <c r="EY40" s="327">
        <v>0</v>
      </c>
      <c r="EZ40" s="329">
        <v>0</v>
      </c>
      <c r="FA40" s="325">
        <v>0</v>
      </c>
      <c r="FB40" s="326">
        <v>0</v>
      </c>
      <c r="FC40" s="330">
        <v>0</v>
      </c>
      <c r="FD40" s="331">
        <v>0</v>
      </c>
      <c r="FE40" s="326">
        <v>0</v>
      </c>
      <c r="FF40" s="326">
        <v>0</v>
      </c>
      <c r="FG40" s="326">
        <v>0</v>
      </c>
      <c r="FH40" s="326">
        <v>0</v>
      </c>
      <c r="FI40" s="326">
        <v>0</v>
      </c>
      <c r="FJ40" s="327">
        <v>0</v>
      </c>
      <c r="FK40" s="329">
        <v>0</v>
      </c>
      <c r="FL40" s="325">
        <v>458876</v>
      </c>
      <c r="FM40" s="326">
        <v>740632</v>
      </c>
      <c r="FN40" s="327">
        <v>1199508</v>
      </c>
      <c r="FO40" s="325">
        <v>0</v>
      </c>
      <c r="FP40" s="326">
        <v>1546716</v>
      </c>
      <c r="FQ40" s="326">
        <v>1882068</v>
      </c>
      <c r="FR40" s="326">
        <v>1834094</v>
      </c>
      <c r="FS40" s="326">
        <v>1154436</v>
      </c>
      <c r="FT40" s="326">
        <v>1008189</v>
      </c>
      <c r="FU40" s="327">
        <v>7425503</v>
      </c>
      <c r="FV40" s="329">
        <v>8625011</v>
      </c>
      <c r="FW40" s="332">
        <v>307842</v>
      </c>
      <c r="FX40" s="326">
        <v>540010</v>
      </c>
      <c r="FY40" s="330">
        <v>847852</v>
      </c>
      <c r="FZ40" s="331">
        <v>0</v>
      </c>
      <c r="GA40" s="326">
        <v>1393970</v>
      </c>
      <c r="GB40" s="326">
        <v>1784058</v>
      </c>
      <c r="GC40" s="326">
        <v>1609821</v>
      </c>
      <c r="GD40" s="326">
        <v>1154436</v>
      </c>
      <c r="GE40" s="326">
        <v>884439</v>
      </c>
      <c r="GF40" s="327">
        <v>6826724</v>
      </c>
      <c r="GG40" s="333">
        <v>7674576</v>
      </c>
      <c r="GH40" s="332">
        <v>22309</v>
      </c>
      <c r="GI40" s="326">
        <v>48113</v>
      </c>
      <c r="GJ40" s="330">
        <v>70422</v>
      </c>
      <c r="GK40" s="331">
        <v>0</v>
      </c>
      <c r="GL40" s="326">
        <v>152746</v>
      </c>
      <c r="GM40" s="326">
        <v>80190</v>
      </c>
      <c r="GN40" s="326">
        <v>46370</v>
      </c>
      <c r="GO40" s="326">
        <v>0</v>
      </c>
      <c r="GP40" s="326">
        <v>0</v>
      </c>
      <c r="GQ40" s="327">
        <v>279306</v>
      </c>
      <c r="GR40" s="329">
        <v>349728</v>
      </c>
      <c r="GS40" s="325">
        <v>128725</v>
      </c>
      <c r="GT40" s="326">
        <v>152509</v>
      </c>
      <c r="GU40" s="327">
        <v>281234</v>
      </c>
      <c r="GV40" s="325">
        <v>0</v>
      </c>
      <c r="GW40" s="326">
        <v>0</v>
      </c>
      <c r="GX40" s="326">
        <v>17820</v>
      </c>
      <c r="GY40" s="326">
        <v>177903</v>
      </c>
      <c r="GZ40" s="326">
        <v>0</v>
      </c>
      <c r="HA40" s="326">
        <v>123750</v>
      </c>
      <c r="HB40" s="330">
        <v>319473</v>
      </c>
      <c r="HC40" s="329">
        <v>600707</v>
      </c>
      <c r="HD40" s="325">
        <v>872892</v>
      </c>
      <c r="HE40" s="326">
        <v>988319</v>
      </c>
      <c r="HF40" s="330">
        <v>1861211</v>
      </c>
      <c r="HG40" s="331">
        <v>0</v>
      </c>
      <c r="HH40" s="326">
        <v>7058299</v>
      </c>
      <c r="HI40" s="326">
        <v>3017057</v>
      </c>
      <c r="HJ40" s="326">
        <v>4141317</v>
      </c>
      <c r="HK40" s="326">
        <v>6585289</v>
      </c>
      <c r="HL40" s="326">
        <v>3275930</v>
      </c>
      <c r="HM40" s="327">
        <v>24077892</v>
      </c>
      <c r="HN40" s="328">
        <v>25939103</v>
      </c>
      <c r="HO40" s="332">
        <v>344413</v>
      </c>
      <c r="HP40" s="326">
        <v>519312</v>
      </c>
      <c r="HQ40" s="327">
        <v>863725</v>
      </c>
      <c r="HR40" s="325">
        <v>0</v>
      </c>
      <c r="HS40" s="326">
        <v>4166460</v>
      </c>
      <c r="HT40" s="326">
        <v>2175122</v>
      </c>
      <c r="HU40" s="326">
        <v>1778638</v>
      </c>
      <c r="HV40" s="326">
        <v>1114368</v>
      </c>
      <c r="HW40" s="326">
        <v>607595</v>
      </c>
      <c r="HX40" s="330">
        <v>9842183</v>
      </c>
      <c r="HY40" s="329">
        <v>10705908</v>
      </c>
      <c r="HZ40" s="357">
        <v>151803</v>
      </c>
      <c r="IA40" s="355">
        <v>162630</v>
      </c>
      <c r="IB40" s="357">
        <v>314433</v>
      </c>
      <c r="IC40" s="337">
        <v>0</v>
      </c>
      <c r="ID40" s="335">
        <v>5258571</v>
      </c>
      <c r="IE40" s="338">
        <v>6098400</v>
      </c>
      <c r="IF40" s="336">
        <v>7877529</v>
      </c>
      <c r="IG40" s="335">
        <v>5491652</v>
      </c>
      <c r="IH40" s="336">
        <v>2080854</v>
      </c>
      <c r="II40" s="339">
        <v>26807006</v>
      </c>
      <c r="IJ40" s="357">
        <v>27121439</v>
      </c>
      <c r="IK40" s="341">
        <v>0</v>
      </c>
      <c r="IL40" s="342">
        <v>0</v>
      </c>
      <c r="IM40" s="343">
        <v>0</v>
      </c>
      <c r="IN40" s="403">
        <v>0</v>
      </c>
      <c r="IO40" s="344">
        <v>75246</v>
      </c>
      <c r="IP40" s="344">
        <v>0</v>
      </c>
      <c r="IQ40" s="344">
        <v>341710</v>
      </c>
      <c r="IR40" s="344">
        <v>232794</v>
      </c>
      <c r="IS40" s="344">
        <v>0</v>
      </c>
      <c r="IT40" s="345">
        <v>649750</v>
      </c>
      <c r="IU40" s="346">
        <v>649750</v>
      </c>
      <c r="IV40" s="347">
        <v>0</v>
      </c>
      <c r="IW40" s="344">
        <v>0</v>
      </c>
      <c r="IX40" s="348">
        <v>0</v>
      </c>
      <c r="IY40" s="412">
        <v>0</v>
      </c>
      <c r="IZ40" s="344">
        <v>0</v>
      </c>
      <c r="JA40" s="344">
        <v>0</v>
      </c>
      <c r="JB40" s="344">
        <v>0</v>
      </c>
      <c r="JC40" s="344">
        <v>0</v>
      </c>
      <c r="JD40" s="344">
        <v>0</v>
      </c>
      <c r="JE40" s="348">
        <v>0</v>
      </c>
      <c r="JF40" s="349">
        <v>0</v>
      </c>
      <c r="JG40" s="347">
        <v>0</v>
      </c>
      <c r="JH40" s="344">
        <v>0</v>
      </c>
      <c r="JI40" s="345">
        <v>0</v>
      </c>
      <c r="JJ40" s="350">
        <v>0</v>
      </c>
      <c r="JK40" s="344">
        <v>1159506</v>
      </c>
      <c r="JL40" s="344">
        <v>1250505</v>
      </c>
      <c r="JM40" s="344">
        <v>1201712</v>
      </c>
      <c r="JN40" s="344">
        <v>953609</v>
      </c>
      <c r="JO40" s="344">
        <v>363582</v>
      </c>
      <c r="JP40" s="348">
        <v>4928914</v>
      </c>
      <c r="JQ40" s="346">
        <v>4928914</v>
      </c>
      <c r="JR40" s="347">
        <v>0</v>
      </c>
      <c r="JS40" s="344">
        <v>0</v>
      </c>
      <c r="JT40" s="345">
        <v>0</v>
      </c>
      <c r="JU40" s="350">
        <v>0</v>
      </c>
      <c r="JV40" s="344">
        <v>0</v>
      </c>
      <c r="JW40" s="344">
        <v>0</v>
      </c>
      <c r="JX40" s="344">
        <v>0</v>
      </c>
      <c r="JY40" s="344">
        <v>0</v>
      </c>
      <c r="JZ40" s="344">
        <v>0</v>
      </c>
      <c r="KA40" s="348">
        <v>0</v>
      </c>
      <c r="KB40" s="346">
        <v>0</v>
      </c>
      <c r="KC40" s="351">
        <v>151803</v>
      </c>
      <c r="KD40" s="352">
        <v>162630</v>
      </c>
      <c r="KE40" s="348">
        <v>314433</v>
      </c>
      <c r="KF40" s="350">
        <v>0</v>
      </c>
      <c r="KG40" s="344">
        <v>1015958</v>
      </c>
      <c r="KH40" s="344">
        <v>1172356</v>
      </c>
      <c r="KI40" s="344">
        <v>2104341</v>
      </c>
      <c r="KJ40" s="344">
        <v>930051</v>
      </c>
      <c r="KK40" s="344">
        <v>536823</v>
      </c>
      <c r="KL40" s="348">
        <v>5759529</v>
      </c>
      <c r="KM40" s="353">
        <v>6073962</v>
      </c>
      <c r="KN40" s="341">
        <v>0</v>
      </c>
      <c r="KO40" s="342">
        <v>0</v>
      </c>
      <c r="KP40" s="343">
        <v>0</v>
      </c>
      <c r="KQ40" s="412">
        <v>0</v>
      </c>
      <c r="KR40" s="344">
        <v>3007861</v>
      </c>
      <c r="KS40" s="344">
        <v>3675539</v>
      </c>
      <c r="KT40" s="344">
        <v>4229766</v>
      </c>
      <c r="KU40" s="344">
        <v>3375198</v>
      </c>
      <c r="KV40" s="344">
        <v>1180449</v>
      </c>
      <c r="KW40" s="348">
        <v>15468813</v>
      </c>
      <c r="KX40" s="346">
        <v>15468813</v>
      </c>
      <c r="KY40" s="347">
        <v>0</v>
      </c>
      <c r="KZ40" s="344">
        <v>0</v>
      </c>
      <c r="LA40" s="348">
        <v>0</v>
      </c>
      <c r="LB40" s="412">
        <v>0</v>
      </c>
      <c r="LC40" s="344">
        <v>0</v>
      </c>
      <c r="LD40" s="344">
        <v>0</v>
      </c>
      <c r="LE40" s="344">
        <v>0</v>
      </c>
      <c r="LF40" s="344">
        <v>0</v>
      </c>
      <c r="LG40" s="344">
        <v>0</v>
      </c>
      <c r="LH40" s="348">
        <v>0</v>
      </c>
      <c r="LI40" s="349">
        <v>0</v>
      </c>
      <c r="LJ40" s="347">
        <v>0</v>
      </c>
      <c r="LK40" s="344">
        <v>0</v>
      </c>
      <c r="LL40" s="348">
        <v>0</v>
      </c>
      <c r="LM40" s="412">
        <v>0</v>
      </c>
      <c r="LN40" s="344">
        <v>0</v>
      </c>
      <c r="LO40" s="344">
        <v>0</v>
      </c>
      <c r="LP40" s="344">
        <v>0</v>
      </c>
      <c r="LQ40" s="344">
        <v>0</v>
      </c>
      <c r="LR40" s="344">
        <v>0</v>
      </c>
      <c r="LS40" s="348">
        <v>0</v>
      </c>
      <c r="LT40" s="346">
        <v>0</v>
      </c>
      <c r="LU40" s="347">
        <v>0</v>
      </c>
      <c r="LV40" s="344">
        <v>0</v>
      </c>
      <c r="LW40" s="348">
        <v>0</v>
      </c>
      <c r="LX40" s="412">
        <v>0</v>
      </c>
      <c r="LY40" s="344">
        <v>0</v>
      </c>
      <c r="LZ40" s="344">
        <v>0</v>
      </c>
      <c r="MA40" s="344">
        <v>0</v>
      </c>
      <c r="MB40" s="344">
        <v>0</v>
      </c>
      <c r="MC40" s="344">
        <v>0</v>
      </c>
      <c r="MD40" s="348">
        <v>0</v>
      </c>
      <c r="ME40" s="349">
        <v>0</v>
      </c>
      <c r="MF40" s="347">
        <v>0</v>
      </c>
      <c r="MG40" s="344">
        <v>0</v>
      </c>
      <c r="MH40" s="348">
        <v>0</v>
      </c>
      <c r="MI40" s="412">
        <v>0</v>
      </c>
      <c r="MJ40" s="344">
        <v>5940519</v>
      </c>
      <c r="MK40" s="344">
        <v>8635535</v>
      </c>
      <c r="ML40" s="344">
        <v>17689782</v>
      </c>
      <c r="MM40" s="344">
        <v>19939094</v>
      </c>
      <c r="MN40" s="344">
        <v>13100899</v>
      </c>
      <c r="MO40" s="348">
        <v>65305829</v>
      </c>
      <c r="MP40" s="353">
        <v>65305829</v>
      </c>
      <c r="MQ40" s="347">
        <v>0</v>
      </c>
      <c r="MR40" s="344">
        <v>0</v>
      </c>
      <c r="MS40" s="348">
        <v>0</v>
      </c>
      <c r="MT40" s="412">
        <v>0</v>
      </c>
      <c r="MU40" s="344">
        <v>202410</v>
      </c>
      <c r="MV40" s="344">
        <v>253602</v>
      </c>
      <c r="MW40" s="344">
        <v>6296685</v>
      </c>
      <c r="MX40" s="344">
        <v>12868086</v>
      </c>
      <c r="MY40" s="344">
        <v>8983700</v>
      </c>
      <c r="MZ40" s="348">
        <v>28604483</v>
      </c>
      <c r="NA40" s="353">
        <v>28604483</v>
      </c>
      <c r="NB40" s="347">
        <v>0</v>
      </c>
      <c r="NC40" s="344">
        <v>0</v>
      </c>
      <c r="ND40" s="348">
        <v>0</v>
      </c>
      <c r="NE40" s="412">
        <v>0</v>
      </c>
      <c r="NF40" s="344">
        <v>5222256</v>
      </c>
      <c r="NG40" s="344">
        <v>7869788</v>
      </c>
      <c r="NH40" s="344">
        <v>9397824</v>
      </c>
      <c r="NI40" s="344">
        <v>5440311</v>
      </c>
      <c r="NJ40" s="344">
        <v>2316682</v>
      </c>
      <c r="NK40" s="348">
        <v>30246861</v>
      </c>
      <c r="NL40" s="346">
        <v>30246861</v>
      </c>
      <c r="NM40" s="347">
        <v>0</v>
      </c>
      <c r="NN40" s="344">
        <v>0</v>
      </c>
      <c r="NO40" s="348">
        <v>0</v>
      </c>
      <c r="NP40" s="412">
        <v>0</v>
      </c>
      <c r="NQ40" s="344">
        <v>0</v>
      </c>
      <c r="NR40" s="344">
        <v>0</v>
      </c>
      <c r="NS40" s="344">
        <v>0</v>
      </c>
      <c r="NT40" s="344">
        <v>0</v>
      </c>
      <c r="NU40" s="344">
        <v>0</v>
      </c>
      <c r="NV40" s="348">
        <v>0</v>
      </c>
      <c r="NW40" s="349">
        <v>0</v>
      </c>
      <c r="NX40" s="347">
        <v>0</v>
      </c>
      <c r="NY40" s="344">
        <v>0</v>
      </c>
      <c r="NZ40" s="348">
        <v>0</v>
      </c>
      <c r="OA40" s="412">
        <v>0</v>
      </c>
      <c r="OB40" s="344">
        <v>515853</v>
      </c>
      <c r="OC40" s="344">
        <v>512145</v>
      </c>
      <c r="OD40" s="344">
        <v>1995273</v>
      </c>
      <c r="OE40" s="344">
        <v>1630697</v>
      </c>
      <c r="OF40" s="344">
        <v>1800517</v>
      </c>
      <c r="OG40" s="348">
        <v>6454485</v>
      </c>
      <c r="OH40" s="349">
        <v>6454485</v>
      </c>
      <c r="OI40" s="347">
        <v>2510164</v>
      </c>
      <c r="OJ40" s="344">
        <v>4342523</v>
      </c>
      <c r="OK40" s="345">
        <v>6852687</v>
      </c>
      <c r="OL40" s="350">
        <v>0</v>
      </c>
      <c r="OM40" s="344">
        <v>45084388</v>
      </c>
      <c r="ON40" s="344">
        <v>37065454</v>
      </c>
      <c r="OO40" s="344">
        <v>48849131</v>
      </c>
      <c r="OP40" s="344">
        <v>46084200</v>
      </c>
      <c r="OQ40" s="344">
        <v>30458264</v>
      </c>
      <c r="OR40" s="348">
        <v>207541437</v>
      </c>
      <c r="OS40" s="353">
        <v>214394124</v>
      </c>
    </row>
    <row r="41" spans="2:409" s="70" customFormat="1" ht="21" customHeight="1" x14ac:dyDescent="0.2">
      <c r="B41" s="409" t="s">
        <v>36</v>
      </c>
      <c r="C41" s="325">
        <v>1594216</v>
      </c>
      <c r="D41" s="326">
        <v>3125258</v>
      </c>
      <c r="E41" s="327">
        <v>4719474</v>
      </c>
      <c r="F41" s="328">
        <v>0</v>
      </c>
      <c r="G41" s="326">
        <v>21443747</v>
      </c>
      <c r="H41" s="326">
        <v>32785128</v>
      </c>
      <c r="I41" s="326">
        <v>23483313</v>
      </c>
      <c r="J41" s="326">
        <v>17174034</v>
      </c>
      <c r="K41" s="326">
        <v>22367341</v>
      </c>
      <c r="L41" s="366">
        <v>117253563</v>
      </c>
      <c r="M41" s="329">
        <v>121973037</v>
      </c>
      <c r="N41" s="325">
        <v>281858</v>
      </c>
      <c r="O41" s="326">
        <v>1127812</v>
      </c>
      <c r="P41" s="327">
        <v>1409670</v>
      </c>
      <c r="Q41" s="325">
        <v>0</v>
      </c>
      <c r="R41" s="326">
        <v>5494304</v>
      </c>
      <c r="S41" s="326">
        <v>9904807</v>
      </c>
      <c r="T41" s="326">
        <v>7994184</v>
      </c>
      <c r="U41" s="326">
        <v>6100511</v>
      </c>
      <c r="V41" s="326">
        <v>12441281</v>
      </c>
      <c r="W41" s="327">
        <v>41935087</v>
      </c>
      <c r="X41" s="329">
        <v>43344757</v>
      </c>
      <c r="Y41" s="325">
        <v>0</v>
      </c>
      <c r="Z41" s="326">
        <v>0</v>
      </c>
      <c r="AA41" s="327">
        <v>0</v>
      </c>
      <c r="AB41" s="325">
        <v>0</v>
      </c>
      <c r="AC41" s="326">
        <v>2218095</v>
      </c>
      <c r="AD41" s="326">
        <v>5182851</v>
      </c>
      <c r="AE41" s="326">
        <v>3844493</v>
      </c>
      <c r="AF41" s="326">
        <v>3055565</v>
      </c>
      <c r="AG41" s="326">
        <v>8507594</v>
      </c>
      <c r="AH41" s="327">
        <v>22808598</v>
      </c>
      <c r="AI41" s="329">
        <v>22808598</v>
      </c>
      <c r="AJ41" s="325">
        <v>0</v>
      </c>
      <c r="AK41" s="326">
        <v>44428</v>
      </c>
      <c r="AL41" s="327">
        <v>44428</v>
      </c>
      <c r="AM41" s="325">
        <v>0</v>
      </c>
      <c r="AN41" s="326">
        <v>95167</v>
      </c>
      <c r="AO41" s="326">
        <v>153664</v>
      </c>
      <c r="AP41" s="326">
        <v>717762</v>
      </c>
      <c r="AQ41" s="326">
        <v>538343</v>
      </c>
      <c r="AR41" s="326">
        <v>602309</v>
      </c>
      <c r="AS41" s="327">
        <v>2107245</v>
      </c>
      <c r="AT41" s="329">
        <v>2151673</v>
      </c>
      <c r="AU41" s="325">
        <v>166920</v>
      </c>
      <c r="AV41" s="326">
        <v>703360</v>
      </c>
      <c r="AW41" s="327">
        <v>870280</v>
      </c>
      <c r="AX41" s="325">
        <v>0</v>
      </c>
      <c r="AY41" s="326">
        <v>1844808</v>
      </c>
      <c r="AZ41" s="326">
        <v>2670536</v>
      </c>
      <c r="BA41" s="326">
        <v>1973515</v>
      </c>
      <c r="BB41" s="326">
        <v>1503828</v>
      </c>
      <c r="BC41" s="326">
        <v>2366539</v>
      </c>
      <c r="BD41" s="327">
        <v>10359226</v>
      </c>
      <c r="BE41" s="329">
        <v>11229506</v>
      </c>
      <c r="BF41" s="325">
        <v>52505</v>
      </c>
      <c r="BG41" s="326">
        <v>304784</v>
      </c>
      <c r="BH41" s="330">
        <v>357289</v>
      </c>
      <c r="BI41" s="331">
        <v>0</v>
      </c>
      <c r="BJ41" s="326">
        <v>695601</v>
      </c>
      <c r="BK41" s="326">
        <v>629145</v>
      </c>
      <c r="BL41" s="326">
        <v>278538</v>
      </c>
      <c r="BM41" s="326">
        <v>236304</v>
      </c>
      <c r="BN41" s="326">
        <v>173322</v>
      </c>
      <c r="BO41" s="327">
        <v>2012910</v>
      </c>
      <c r="BP41" s="329">
        <v>2370199</v>
      </c>
      <c r="BQ41" s="325">
        <v>62433</v>
      </c>
      <c r="BR41" s="326">
        <v>75240</v>
      </c>
      <c r="BS41" s="327">
        <v>137673</v>
      </c>
      <c r="BT41" s="325">
        <v>0</v>
      </c>
      <c r="BU41" s="326">
        <v>640633</v>
      </c>
      <c r="BV41" s="326">
        <v>1268611</v>
      </c>
      <c r="BW41" s="326">
        <v>1179876</v>
      </c>
      <c r="BX41" s="326">
        <v>766471</v>
      </c>
      <c r="BY41" s="326">
        <v>791517</v>
      </c>
      <c r="BZ41" s="327">
        <v>4647108</v>
      </c>
      <c r="CA41" s="329">
        <v>4784781</v>
      </c>
      <c r="CB41" s="325">
        <v>224613</v>
      </c>
      <c r="CC41" s="326">
        <v>249589</v>
      </c>
      <c r="CD41" s="327">
        <v>474202</v>
      </c>
      <c r="CE41" s="325">
        <v>0</v>
      </c>
      <c r="CF41" s="326">
        <v>6245156</v>
      </c>
      <c r="CG41" s="326">
        <v>11686694</v>
      </c>
      <c r="CH41" s="326">
        <v>6639491</v>
      </c>
      <c r="CI41" s="326">
        <v>4218206</v>
      </c>
      <c r="CJ41" s="326">
        <v>3474527</v>
      </c>
      <c r="CK41" s="327">
        <v>32264074</v>
      </c>
      <c r="CL41" s="329">
        <v>32738276</v>
      </c>
      <c r="CM41" s="325">
        <v>0</v>
      </c>
      <c r="CN41" s="326">
        <v>0</v>
      </c>
      <c r="CO41" s="327">
        <v>0</v>
      </c>
      <c r="CP41" s="331">
        <v>0</v>
      </c>
      <c r="CQ41" s="326">
        <v>4704685</v>
      </c>
      <c r="CR41" s="326">
        <v>8829993</v>
      </c>
      <c r="CS41" s="326">
        <v>4984662</v>
      </c>
      <c r="CT41" s="326">
        <v>3521735</v>
      </c>
      <c r="CU41" s="326">
        <v>3257656</v>
      </c>
      <c r="CV41" s="327">
        <v>25298731</v>
      </c>
      <c r="CW41" s="329">
        <v>25298731</v>
      </c>
      <c r="CX41" s="325">
        <v>224613</v>
      </c>
      <c r="CY41" s="326">
        <v>249589</v>
      </c>
      <c r="CZ41" s="327">
        <v>474202</v>
      </c>
      <c r="DA41" s="325">
        <v>0</v>
      </c>
      <c r="DB41" s="326">
        <v>1540471</v>
      </c>
      <c r="DC41" s="326">
        <v>2856701</v>
      </c>
      <c r="DD41" s="326">
        <v>1654829</v>
      </c>
      <c r="DE41" s="326">
        <v>696471</v>
      </c>
      <c r="DF41" s="326">
        <v>216871</v>
      </c>
      <c r="DG41" s="327">
        <v>6965343</v>
      </c>
      <c r="DH41" s="329">
        <v>7439545</v>
      </c>
      <c r="DI41" s="325">
        <v>0</v>
      </c>
      <c r="DJ41" s="326">
        <v>0</v>
      </c>
      <c r="DK41" s="330">
        <v>0</v>
      </c>
      <c r="DL41" s="331">
        <v>0</v>
      </c>
      <c r="DM41" s="326">
        <v>648258</v>
      </c>
      <c r="DN41" s="326">
        <v>1635513</v>
      </c>
      <c r="DO41" s="326">
        <v>1875924</v>
      </c>
      <c r="DP41" s="326">
        <v>2794867</v>
      </c>
      <c r="DQ41" s="326">
        <v>2568588</v>
      </c>
      <c r="DR41" s="327">
        <v>9523150</v>
      </c>
      <c r="DS41" s="329">
        <v>9523150</v>
      </c>
      <c r="DT41" s="325">
        <v>0</v>
      </c>
      <c r="DU41" s="326">
        <v>0</v>
      </c>
      <c r="DV41" s="327">
        <v>0</v>
      </c>
      <c r="DW41" s="325">
        <v>0</v>
      </c>
      <c r="DX41" s="326">
        <v>603011</v>
      </c>
      <c r="DY41" s="326">
        <v>1539744</v>
      </c>
      <c r="DZ41" s="326">
        <v>1875924</v>
      </c>
      <c r="EA41" s="326">
        <v>2794867</v>
      </c>
      <c r="EB41" s="326">
        <v>2568588</v>
      </c>
      <c r="EC41" s="327">
        <v>9382134</v>
      </c>
      <c r="ED41" s="329">
        <v>9382134</v>
      </c>
      <c r="EE41" s="325">
        <v>0</v>
      </c>
      <c r="EF41" s="330">
        <v>0</v>
      </c>
      <c r="EG41" s="327">
        <v>0</v>
      </c>
      <c r="EH41" s="325">
        <v>0</v>
      </c>
      <c r="EI41" s="326">
        <v>45247</v>
      </c>
      <c r="EJ41" s="326">
        <v>95769</v>
      </c>
      <c r="EK41" s="326">
        <v>0</v>
      </c>
      <c r="EL41" s="326">
        <v>0</v>
      </c>
      <c r="EM41" s="326">
        <v>0</v>
      </c>
      <c r="EN41" s="330">
        <v>141016</v>
      </c>
      <c r="EO41" s="329">
        <v>141016</v>
      </c>
      <c r="EP41" s="325">
        <v>0</v>
      </c>
      <c r="EQ41" s="326">
        <v>0</v>
      </c>
      <c r="ER41" s="330">
        <v>0</v>
      </c>
      <c r="ES41" s="331">
        <v>0</v>
      </c>
      <c r="ET41" s="326">
        <v>0</v>
      </c>
      <c r="EU41" s="326">
        <v>0</v>
      </c>
      <c r="EV41" s="326">
        <v>0</v>
      </c>
      <c r="EW41" s="326">
        <v>0</v>
      </c>
      <c r="EX41" s="326">
        <v>0</v>
      </c>
      <c r="EY41" s="327">
        <v>0</v>
      </c>
      <c r="EZ41" s="329">
        <v>0</v>
      </c>
      <c r="FA41" s="325">
        <v>0</v>
      </c>
      <c r="FB41" s="326">
        <v>0</v>
      </c>
      <c r="FC41" s="330">
        <v>0</v>
      </c>
      <c r="FD41" s="331">
        <v>0</v>
      </c>
      <c r="FE41" s="326">
        <v>0</v>
      </c>
      <c r="FF41" s="326">
        <v>0</v>
      </c>
      <c r="FG41" s="326">
        <v>0</v>
      </c>
      <c r="FH41" s="326">
        <v>0</v>
      </c>
      <c r="FI41" s="326">
        <v>0</v>
      </c>
      <c r="FJ41" s="327">
        <v>0</v>
      </c>
      <c r="FK41" s="329">
        <v>0</v>
      </c>
      <c r="FL41" s="325">
        <v>640822</v>
      </c>
      <c r="FM41" s="326">
        <v>999817</v>
      </c>
      <c r="FN41" s="327">
        <v>1640639</v>
      </c>
      <c r="FO41" s="325">
        <v>0</v>
      </c>
      <c r="FP41" s="326">
        <v>2541028</v>
      </c>
      <c r="FQ41" s="326">
        <v>3336452</v>
      </c>
      <c r="FR41" s="326">
        <v>1950907</v>
      </c>
      <c r="FS41" s="326">
        <v>1717635</v>
      </c>
      <c r="FT41" s="326">
        <v>1553149</v>
      </c>
      <c r="FU41" s="327">
        <v>11099171</v>
      </c>
      <c r="FV41" s="329">
        <v>12739810</v>
      </c>
      <c r="FW41" s="332">
        <v>226822</v>
      </c>
      <c r="FX41" s="326">
        <v>832120</v>
      </c>
      <c r="FY41" s="330">
        <v>1058942</v>
      </c>
      <c r="FZ41" s="331">
        <v>0</v>
      </c>
      <c r="GA41" s="326">
        <v>1673428</v>
      </c>
      <c r="GB41" s="326">
        <v>2958041</v>
      </c>
      <c r="GC41" s="326">
        <v>1886782</v>
      </c>
      <c r="GD41" s="326">
        <v>1540535</v>
      </c>
      <c r="GE41" s="326">
        <v>1553149</v>
      </c>
      <c r="GF41" s="327">
        <v>9611935</v>
      </c>
      <c r="GG41" s="333">
        <v>10670877</v>
      </c>
      <c r="GH41" s="332">
        <v>0</v>
      </c>
      <c r="GI41" s="326">
        <v>99297</v>
      </c>
      <c r="GJ41" s="330">
        <v>99297</v>
      </c>
      <c r="GK41" s="331">
        <v>0</v>
      </c>
      <c r="GL41" s="326">
        <v>66600</v>
      </c>
      <c r="GM41" s="326">
        <v>88911</v>
      </c>
      <c r="GN41" s="326">
        <v>37125</v>
      </c>
      <c r="GO41" s="326">
        <v>0</v>
      </c>
      <c r="GP41" s="326">
        <v>0</v>
      </c>
      <c r="GQ41" s="327">
        <v>192636</v>
      </c>
      <c r="GR41" s="329">
        <v>291933</v>
      </c>
      <c r="GS41" s="325">
        <v>414000</v>
      </c>
      <c r="GT41" s="326">
        <v>68400</v>
      </c>
      <c r="GU41" s="327">
        <v>482400</v>
      </c>
      <c r="GV41" s="325">
        <v>0</v>
      </c>
      <c r="GW41" s="326">
        <v>801000</v>
      </c>
      <c r="GX41" s="326">
        <v>289500</v>
      </c>
      <c r="GY41" s="326">
        <v>27000</v>
      </c>
      <c r="GZ41" s="326">
        <v>177100</v>
      </c>
      <c r="HA41" s="326">
        <v>0</v>
      </c>
      <c r="HB41" s="330">
        <v>1294600</v>
      </c>
      <c r="HC41" s="329">
        <v>1777000</v>
      </c>
      <c r="HD41" s="325">
        <v>210828</v>
      </c>
      <c r="HE41" s="326">
        <v>104066</v>
      </c>
      <c r="HF41" s="330">
        <v>314894</v>
      </c>
      <c r="HG41" s="331">
        <v>0</v>
      </c>
      <c r="HH41" s="326">
        <v>2830351</v>
      </c>
      <c r="HI41" s="326">
        <v>2521247</v>
      </c>
      <c r="HJ41" s="326">
        <v>2613755</v>
      </c>
      <c r="HK41" s="326">
        <v>858258</v>
      </c>
      <c r="HL41" s="326">
        <v>804098</v>
      </c>
      <c r="HM41" s="327">
        <v>9627709</v>
      </c>
      <c r="HN41" s="328">
        <v>9942603</v>
      </c>
      <c r="HO41" s="332">
        <v>236095</v>
      </c>
      <c r="HP41" s="326">
        <v>643974</v>
      </c>
      <c r="HQ41" s="327">
        <v>880069</v>
      </c>
      <c r="HR41" s="325">
        <v>0</v>
      </c>
      <c r="HS41" s="326">
        <v>3684650</v>
      </c>
      <c r="HT41" s="326">
        <v>3700415</v>
      </c>
      <c r="HU41" s="326">
        <v>2409052</v>
      </c>
      <c r="HV41" s="326">
        <v>1484557</v>
      </c>
      <c r="HW41" s="326">
        <v>1525698</v>
      </c>
      <c r="HX41" s="330">
        <v>12804372</v>
      </c>
      <c r="HY41" s="329">
        <v>13684441</v>
      </c>
      <c r="HZ41" s="334">
        <v>0</v>
      </c>
      <c r="IA41" s="335">
        <v>85349</v>
      </c>
      <c r="IB41" s="336">
        <v>85349</v>
      </c>
      <c r="IC41" s="337">
        <v>0</v>
      </c>
      <c r="ID41" s="335">
        <v>6530356</v>
      </c>
      <c r="IE41" s="338">
        <v>8741738</v>
      </c>
      <c r="IF41" s="336">
        <v>10217141</v>
      </c>
      <c r="IG41" s="335">
        <v>6283745</v>
      </c>
      <c r="IH41" s="336">
        <v>5691296</v>
      </c>
      <c r="II41" s="339">
        <v>37464276</v>
      </c>
      <c r="IJ41" s="340">
        <v>37549625</v>
      </c>
      <c r="IK41" s="341">
        <v>0</v>
      </c>
      <c r="IL41" s="342">
        <v>0</v>
      </c>
      <c r="IM41" s="343">
        <v>0</v>
      </c>
      <c r="IN41" s="403">
        <v>0</v>
      </c>
      <c r="IO41" s="344">
        <v>0</v>
      </c>
      <c r="IP41" s="344">
        <v>108954</v>
      </c>
      <c r="IQ41" s="344">
        <v>0</v>
      </c>
      <c r="IR41" s="344">
        <v>0</v>
      </c>
      <c r="IS41" s="344">
        <v>0</v>
      </c>
      <c r="IT41" s="345">
        <v>108954</v>
      </c>
      <c r="IU41" s="346">
        <v>108954</v>
      </c>
      <c r="IV41" s="347">
        <v>0</v>
      </c>
      <c r="IW41" s="344">
        <v>0</v>
      </c>
      <c r="IX41" s="348">
        <v>0</v>
      </c>
      <c r="IY41" s="412">
        <v>0</v>
      </c>
      <c r="IZ41" s="344">
        <v>0</v>
      </c>
      <c r="JA41" s="344">
        <v>0</v>
      </c>
      <c r="JB41" s="344">
        <v>0</v>
      </c>
      <c r="JC41" s="344">
        <v>0</v>
      </c>
      <c r="JD41" s="344">
        <v>0</v>
      </c>
      <c r="JE41" s="348">
        <v>0</v>
      </c>
      <c r="JF41" s="349">
        <v>0</v>
      </c>
      <c r="JG41" s="347">
        <v>0</v>
      </c>
      <c r="JH41" s="344">
        <v>0</v>
      </c>
      <c r="JI41" s="345">
        <v>0</v>
      </c>
      <c r="JJ41" s="350">
        <v>0</v>
      </c>
      <c r="JK41" s="344">
        <v>3244562</v>
      </c>
      <c r="JL41" s="344">
        <v>2000381</v>
      </c>
      <c r="JM41" s="344">
        <v>4843628</v>
      </c>
      <c r="JN41" s="344">
        <v>2266839</v>
      </c>
      <c r="JO41" s="344">
        <v>3150423</v>
      </c>
      <c r="JP41" s="348">
        <v>15505833</v>
      </c>
      <c r="JQ41" s="346">
        <v>15505833</v>
      </c>
      <c r="JR41" s="347">
        <v>0</v>
      </c>
      <c r="JS41" s="344">
        <v>0</v>
      </c>
      <c r="JT41" s="345">
        <v>0</v>
      </c>
      <c r="JU41" s="350">
        <v>0</v>
      </c>
      <c r="JV41" s="344">
        <v>0</v>
      </c>
      <c r="JW41" s="344">
        <v>0</v>
      </c>
      <c r="JX41" s="344">
        <v>0</v>
      </c>
      <c r="JY41" s="344">
        <v>0</v>
      </c>
      <c r="JZ41" s="344">
        <v>0</v>
      </c>
      <c r="KA41" s="348">
        <v>0</v>
      </c>
      <c r="KB41" s="346">
        <v>0</v>
      </c>
      <c r="KC41" s="351">
        <v>0</v>
      </c>
      <c r="KD41" s="352">
        <v>85349</v>
      </c>
      <c r="KE41" s="348">
        <v>85349</v>
      </c>
      <c r="KF41" s="350">
        <v>0</v>
      </c>
      <c r="KG41" s="344">
        <v>1963513</v>
      </c>
      <c r="KH41" s="344">
        <v>2170200</v>
      </c>
      <c r="KI41" s="344">
        <v>1721705</v>
      </c>
      <c r="KJ41" s="344">
        <v>850305</v>
      </c>
      <c r="KK41" s="344">
        <v>1207383</v>
      </c>
      <c r="KL41" s="348">
        <v>7913106</v>
      </c>
      <c r="KM41" s="353">
        <v>7998455</v>
      </c>
      <c r="KN41" s="341">
        <v>0</v>
      </c>
      <c r="KO41" s="342">
        <v>0</v>
      </c>
      <c r="KP41" s="343">
        <v>0</v>
      </c>
      <c r="KQ41" s="412">
        <v>0</v>
      </c>
      <c r="KR41" s="344">
        <v>1322281</v>
      </c>
      <c r="KS41" s="344">
        <v>4462203</v>
      </c>
      <c r="KT41" s="344">
        <v>3651808</v>
      </c>
      <c r="KU41" s="344">
        <v>2851074</v>
      </c>
      <c r="KV41" s="344">
        <v>1333490</v>
      </c>
      <c r="KW41" s="348">
        <v>13620856</v>
      </c>
      <c r="KX41" s="346">
        <v>13620856</v>
      </c>
      <c r="KY41" s="347">
        <v>0</v>
      </c>
      <c r="KZ41" s="344">
        <v>0</v>
      </c>
      <c r="LA41" s="348">
        <v>0</v>
      </c>
      <c r="LB41" s="412">
        <v>0</v>
      </c>
      <c r="LC41" s="344">
        <v>0</v>
      </c>
      <c r="LD41" s="344">
        <v>0</v>
      </c>
      <c r="LE41" s="344">
        <v>0</v>
      </c>
      <c r="LF41" s="344">
        <v>0</v>
      </c>
      <c r="LG41" s="344">
        <v>0</v>
      </c>
      <c r="LH41" s="348">
        <v>0</v>
      </c>
      <c r="LI41" s="349">
        <v>0</v>
      </c>
      <c r="LJ41" s="347">
        <v>0</v>
      </c>
      <c r="LK41" s="344">
        <v>0</v>
      </c>
      <c r="LL41" s="348">
        <v>0</v>
      </c>
      <c r="LM41" s="412">
        <v>0</v>
      </c>
      <c r="LN41" s="344">
        <v>0</v>
      </c>
      <c r="LO41" s="344">
        <v>0</v>
      </c>
      <c r="LP41" s="344">
        <v>0</v>
      </c>
      <c r="LQ41" s="344">
        <v>0</v>
      </c>
      <c r="LR41" s="344">
        <v>0</v>
      </c>
      <c r="LS41" s="348">
        <v>0</v>
      </c>
      <c r="LT41" s="346">
        <v>0</v>
      </c>
      <c r="LU41" s="347">
        <v>0</v>
      </c>
      <c r="LV41" s="344">
        <v>0</v>
      </c>
      <c r="LW41" s="348">
        <v>0</v>
      </c>
      <c r="LX41" s="412">
        <v>0</v>
      </c>
      <c r="LY41" s="344">
        <v>0</v>
      </c>
      <c r="LZ41" s="344">
        <v>0</v>
      </c>
      <c r="MA41" s="344">
        <v>0</v>
      </c>
      <c r="MB41" s="344">
        <v>315527</v>
      </c>
      <c r="MC41" s="344">
        <v>0</v>
      </c>
      <c r="MD41" s="348">
        <v>315527</v>
      </c>
      <c r="ME41" s="349">
        <v>315527</v>
      </c>
      <c r="MF41" s="347">
        <v>0</v>
      </c>
      <c r="MG41" s="344">
        <v>0</v>
      </c>
      <c r="MH41" s="348">
        <v>0</v>
      </c>
      <c r="MI41" s="412">
        <v>0</v>
      </c>
      <c r="MJ41" s="344">
        <v>4213052</v>
      </c>
      <c r="MK41" s="344">
        <v>6901555</v>
      </c>
      <c r="ML41" s="344">
        <v>27852047</v>
      </c>
      <c r="MM41" s="344">
        <v>40503959</v>
      </c>
      <c r="MN41" s="344">
        <v>28150114</v>
      </c>
      <c r="MO41" s="348">
        <v>107620727</v>
      </c>
      <c r="MP41" s="353">
        <v>107620727</v>
      </c>
      <c r="MQ41" s="347">
        <v>0</v>
      </c>
      <c r="MR41" s="344">
        <v>0</v>
      </c>
      <c r="MS41" s="348">
        <v>0</v>
      </c>
      <c r="MT41" s="412">
        <v>0</v>
      </c>
      <c r="MU41" s="344">
        <v>0</v>
      </c>
      <c r="MV41" s="344">
        <v>718951</v>
      </c>
      <c r="MW41" s="344">
        <v>16130228</v>
      </c>
      <c r="MX41" s="344">
        <v>23313414</v>
      </c>
      <c r="MY41" s="344">
        <v>18936092</v>
      </c>
      <c r="MZ41" s="348">
        <v>59098685</v>
      </c>
      <c r="NA41" s="353">
        <v>59098685</v>
      </c>
      <c r="NB41" s="347">
        <v>0</v>
      </c>
      <c r="NC41" s="344">
        <v>0</v>
      </c>
      <c r="ND41" s="348">
        <v>0</v>
      </c>
      <c r="NE41" s="412">
        <v>0</v>
      </c>
      <c r="NF41" s="344">
        <v>4213052</v>
      </c>
      <c r="NG41" s="344">
        <v>6182604</v>
      </c>
      <c r="NH41" s="344">
        <v>11721819</v>
      </c>
      <c r="NI41" s="344">
        <v>14814084</v>
      </c>
      <c r="NJ41" s="344">
        <v>7024058</v>
      </c>
      <c r="NK41" s="348">
        <v>43955617</v>
      </c>
      <c r="NL41" s="346">
        <v>43955617</v>
      </c>
      <c r="NM41" s="347">
        <v>0</v>
      </c>
      <c r="NN41" s="344">
        <v>0</v>
      </c>
      <c r="NO41" s="348">
        <v>0</v>
      </c>
      <c r="NP41" s="412">
        <v>0</v>
      </c>
      <c r="NQ41" s="344">
        <v>0</v>
      </c>
      <c r="NR41" s="344">
        <v>0</v>
      </c>
      <c r="NS41" s="344">
        <v>0</v>
      </c>
      <c r="NT41" s="344">
        <v>332874</v>
      </c>
      <c r="NU41" s="344">
        <v>938010</v>
      </c>
      <c r="NV41" s="348">
        <v>1270884</v>
      </c>
      <c r="NW41" s="349">
        <v>1270884</v>
      </c>
      <c r="NX41" s="347">
        <v>0</v>
      </c>
      <c r="NY41" s="344">
        <v>0</v>
      </c>
      <c r="NZ41" s="348">
        <v>0</v>
      </c>
      <c r="OA41" s="412">
        <v>0</v>
      </c>
      <c r="OB41" s="344">
        <v>0</v>
      </c>
      <c r="OC41" s="344">
        <v>0</v>
      </c>
      <c r="OD41" s="344">
        <v>0</v>
      </c>
      <c r="OE41" s="344">
        <v>2043587</v>
      </c>
      <c r="OF41" s="344">
        <v>1251954</v>
      </c>
      <c r="OG41" s="348">
        <v>3295541</v>
      </c>
      <c r="OH41" s="349">
        <v>3295541</v>
      </c>
      <c r="OI41" s="347">
        <v>1594216</v>
      </c>
      <c r="OJ41" s="344">
        <v>3210607</v>
      </c>
      <c r="OK41" s="345">
        <v>4804823</v>
      </c>
      <c r="OL41" s="350">
        <v>0</v>
      </c>
      <c r="OM41" s="344">
        <v>32187155</v>
      </c>
      <c r="ON41" s="344">
        <v>48428421</v>
      </c>
      <c r="OO41" s="344">
        <v>61552501</v>
      </c>
      <c r="OP41" s="344">
        <v>63961738</v>
      </c>
      <c r="OQ41" s="344">
        <v>56208751</v>
      </c>
      <c r="OR41" s="348">
        <v>262338566</v>
      </c>
      <c r="OS41" s="353">
        <v>267143389</v>
      </c>
    </row>
    <row r="42" spans="2:409" s="70" customFormat="1" ht="21" customHeight="1" thickBot="1" x14ac:dyDescent="0.25">
      <c r="B42" s="410" t="s">
        <v>37</v>
      </c>
      <c r="C42" s="370">
        <v>339317</v>
      </c>
      <c r="D42" s="371">
        <v>58523</v>
      </c>
      <c r="E42" s="372">
        <v>397840</v>
      </c>
      <c r="F42" s="373">
        <v>0</v>
      </c>
      <c r="G42" s="371">
        <v>1301969</v>
      </c>
      <c r="H42" s="371">
        <v>1974127</v>
      </c>
      <c r="I42" s="371">
        <v>1838410</v>
      </c>
      <c r="J42" s="371">
        <v>1819185</v>
      </c>
      <c r="K42" s="371">
        <v>1214943</v>
      </c>
      <c r="L42" s="373">
        <v>8148634</v>
      </c>
      <c r="M42" s="374">
        <v>8546474</v>
      </c>
      <c r="N42" s="370">
        <v>126039</v>
      </c>
      <c r="O42" s="371">
        <v>0</v>
      </c>
      <c r="P42" s="372">
        <v>126039</v>
      </c>
      <c r="Q42" s="370">
        <v>0</v>
      </c>
      <c r="R42" s="371">
        <v>296398</v>
      </c>
      <c r="S42" s="371">
        <v>391046</v>
      </c>
      <c r="T42" s="371">
        <v>460479</v>
      </c>
      <c r="U42" s="371">
        <v>622600</v>
      </c>
      <c r="V42" s="371">
        <v>654974</v>
      </c>
      <c r="W42" s="372">
        <v>2425497</v>
      </c>
      <c r="X42" s="374">
        <v>2551536</v>
      </c>
      <c r="Y42" s="370">
        <v>0</v>
      </c>
      <c r="Z42" s="371">
        <v>0</v>
      </c>
      <c r="AA42" s="372">
        <v>0</v>
      </c>
      <c r="AB42" s="370">
        <v>0</v>
      </c>
      <c r="AC42" s="371">
        <v>125096</v>
      </c>
      <c r="AD42" s="371">
        <v>200064</v>
      </c>
      <c r="AE42" s="371">
        <v>282506</v>
      </c>
      <c r="AF42" s="371">
        <v>203235</v>
      </c>
      <c r="AG42" s="371">
        <v>296399</v>
      </c>
      <c r="AH42" s="372">
        <v>1107300</v>
      </c>
      <c r="AI42" s="374">
        <v>1107300</v>
      </c>
      <c r="AJ42" s="370">
        <v>0</v>
      </c>
      <c r="AK42" s="371">
        <v>0</v>
      </c>
      <c r="AL42" s="372">
        <v>0</v>
      </c>
      <c r="AM42" s="370">
        <v>0</v>
      </c>
      <c r="AN42" s="371">
        <v>0</v>
      </c>
      <c r="AO42" s="371">
        <v>0</v>
      </c>
      <c r="AP42" s="371">
        <v>0</v>
      </c>
      <c r="AQ42" s="371">
        <v>0</v>
      </c>
      <c r="AR42" s="371">
        <v>0</v>
      </c>
      <c r="AS42" s="372">
        <v>0</v>
      </c>
      <c r="AT42" s="374">
        <v>0</v>
      </c>
      <c r="AU42" s="370">
        <v>86907</v>
      </c>
      <c r="AV42" s="371">
        <v>0</v>
      </c>
      <c r="AW42" s="372">
        <v>86907</v>
      </c>
      <c r="AX42" s="370">
        <v>0</v>
      </c>
      <c r="AY42" s="371">
        <v>96640</v>
      </c>
      <c r="AZ42" s="371">
        <v>152795</v>
      </c>
      <c r="BA42" s="371">
        <v>101635</v>
      </c>
      <c r="BB42" s="371">
        <v>231258</v>
      </c>
      <c r="BC42" s="371">
        <v>233794</v>
      </c>
      <c r="BD42" s="372">
        <v>816122</v>
      </c>
      <c r="BE42" s="374">
        <v>903029</v>
      </c>
      <c r="BF42" s="370">
        <v>0</v>
      </c>
      <c r="BG42" s="371">
        <v>0</v>
      </c>
      <c r="BH42" s="375">
        <v>0</v>
      </c>
      <c r="BI42" s="376">
        <v>0</v>
      </c>
      <c r="BJ42" s="371">
        <v>26719</v>
      </c>
      <c r="BK42" s="371">
        <v>28170</v>
      </c>
      <c r="BL42" s="371">
        <v>0</v>
      </c>
      <c r="BM42" s="371">
        <v>50704</v>
      </c>
      <c r="BN42" s="371">
        <v>26719</v>
      </c>
      <c r="BO42" s="372">
        <v>132312</v>
      </c>
      <c r="BP42" s="374">
        <v>132312</v>
      </c>
      <c r="BQ42" s="370">
        <v>39132</v>
      </c>
      <c r="BR42" s="371">
        <v>0</v>
      </c>
      <c r="BS42" s="372">
        <v>39132</v>
      </c>
      <c r="BT42" s="370">
        <v>0</v>
      </c>
      <c r="BU42" s="371">
        <v>47943</v>
      </c>
      <c r="BV42" s="371">
        <v>10017</v>
      </c>
      <c r="BW42" s="371">
        <v>76338</v>
      </c>
      <c r="BX42" s="371">
        <v>137403</v>
      </c>
      <c r="BY42" s="371">
        <v>98062</v>
      </c>
      <c r="BZ42" s="372">
        <v>369763</v>
      </c>
      <c r="CA42" s="374">
        <v>408895</v>
      </c>
      <c r="CB42" s="370">
        <v>40658</v>
      </c>
      <c r="CC42" s="371">
        <v>45878</v>
      </c>
      <c r="CD42" s="372">
        <v>86536</v>
      </c>
      <c r="CE42" s="370">
        <v>0</v>
      </c>
      <c r="CF42" s="371">
        <v>503903</v>
      </c>
      <c r="CG42" s="371">
        <v>838966</v>
      </c>
      <c r="CH42" s="371">
        <v>593504</v>
      </c>
      <c r="CI42" s="371">
        <v>705691</v>
      </c>
      <c r="CJ42" s="371">
        <v>274613</v>
      </c>
      <c r="CK42" s="372">
        <v>2916677</v>
      </c>
      <c r="CL42" s="374">
        <v>3003213</v>
      </c>
      <c r="CM42" s="370">
        <v>0</v>
      </c>
      <c r="CN42" s="371">
        <v>0</v>
      </c>
      <c r="CO42" s="372">
        <v>0</v>
      </c>
      <c r="CP42" s="376">
        <v>0</v>
      </c>
      <c r="CQ42" s="371">
        <v>368337</v>
      </c>
      <c r="CR42" s="371">
        <v>377941</v>
      </c>
      <c r="CS42" s="371">
        <v>512012</v>
      </c>
      <c r="CT42" s="371">
        <v>401793</v>
      </c>
      <c r="CU42" s="371">
        <v>94679</v>
      </c>
      <c r="CV42" s="372">
        <v>1754762</v>
      </c>
      <c r="CW42" s="374">
        <v>1754762</v>
      </c>
      <c r="CX42" s="370">
        <v>40658</v>
      </c>
      <c r="CY42" s="371">
        <v>45878</v>
      </c>
      <c r="CZ42" s="372">
        <v>86536</v>
      </c>
      <c r="DA42" s="370">
        <v>0</v>
      </c>
      <c r="DB42" s="371">
        <v>135566</v>
      </c>
      <c r="DC42" s="371">
        <v>461025</v>
      </c>
      <c r="DD42" s="371">
        <v>81492</v>
      </c>
      <c r="DE42" s="371">
        <v>303898</v>
      </c>
      <c r="DF42" s="371">
        <v>179934</v>
      </c>
      <c r="DG42" s="372">
        <v>1161915</v>
      </c>
      <c r="DH42" s="374">
        <v>1248451</v>
      </c>
      <c r="DI42" s="370">
        <v>0</v>
      </c>
      <c r="DJ42" s="371">
        <v>0</v>
      </c>
      <c r="DK42" s="375">
        <v>0</v>
      </c>
      <c r="DL42" s="376">
        <v>0</v>
      </c>
      <c r="DM42" s="371">
        <v>0</v>
      </c>
      <c r="DN42" s="371">
        <v>90163</v>
      </c>
      <c r="DO42" s="371">
        <v>258796</v>
      </c>
      <c r="DP42" s="371">
        <v>83168</v>
      </c>
      <c r="DQ42" s="371">
        <v>67132</v>
      </c>
      <c r="DR42" s="372">
        <v>499259</v>
      </c>
      <c r="DS42" s="374">
        <v>499259</v>
      </c>
      <c r="DT42" s="370">
        <v>0</v>
      </c>
      <c r="DU42" s="371">
        <v>0</v>
      </c>
      <c r="DV42" s="372">
        <v>0</v>
      </c>
      <c r="DW42" s="370">
        <v>0</v>
      </c>
      <c r="DX42" s="371">
        <v>0</v>
      </c>
      <c r="DY42" s="371">
        <v>90163</v>
      </c>
      <c r="DZ42" s="371">
        <v>258796</v>
      </c>
      <c r="EA42" s="371">
        <v>45206</v>
      </c>
      <c r="EB42" s="371">
        <v>0</v>
      </c>
      <c r="EC42" s="372">
        <v>394165</v>
      </c>
      <c r="ED42" s="374">
        <v>394165</v>
      </c>
      <c r="EE42" s="370">
        <v>0</v>
      </c>
      <c r="EF42" s="375">
        <v>0</v>
      </c>
      <c r="EG42" s="372">
        <v>0</v>
      </c>
      <c r="EH42" s="370">
        <v>0</v>
      </c>
      <c r="EI42" s="371">
        <v>0</v>
      </c>
      <c r="EJ42" s="371">
        <v>0</v>
      </c>
      <c r="EK42" s="371">
        <v>0</v>
      </c>
      <c r="EL42" s="371">
        <v>37962</v>
      </c>
      <c r="EM42" s="371">
        <v>67132</v>
      </c>
      <c r="EN42" s="375">
        <v>105094</v>
      </c>
      <c r="EO42" s="374">
        <v>105094</v>
      </c>
      <c r="EP42" s="370">
        <v>0</v>
      </c>
      <c r="EQ42" s="371">
        <v>0</v>
      </c>
      <c r="ER42" s="375">
        <v>0</v>
      </c>
      <c r="ES42" s="376">
        <v>0</v>
      </c>
      <c r="ET42" s="371">
        <v>0</v>
      </c>
      <c r="EU42" s="371">
        <v>0</v>
      </c>
      <c r="EV42" s="371">
        <v>0</v>
      </c>
      <c r="EW42" s="371">
        <v>0</v>
      </c>
      <c r="EX42" s="371">
        <v>0</v>
      </c>
      <c r="EY42" s="372">
        <v>0</v>
      </c>
      <c r="EZ42" s="374">
        <v>0</v>
      </c>
      <c r="FA42" s="370">
        <v>0</v>
      </c>
      <c r="FB42" s="371">
        <v>0</v>
      </c>
      <c r="FC42" s="375">
        <v>0</v>
      </c>
      <c r="FD42" s="376">
        <v>0</v>
      </c>
      <c r="FE42" s="371">
        <v>0</v>
      </c>
      <c r="FF42" s="371">
        <v>0</v>
      </c>
      <c r="FG42" s="371">
        <v>0</v>
      </c>
      <c r="FH42" s="371">
        <v>0</v>
      </c>
      <c r="FI42" s="371">
        <v>0</v>
      </c>
      <c r="FJ42" s="372">
        <v>0</v>
      </c>
      <c r="FK42" s="374">
        <v>0</v>
      </c>
      <c r="FL42" s="370">
        <v>81360</v>
      </c>
      <c r="FM42" s="371">
        <v>8082</v>
      </c>
      <c r="FN42" s="372">
        <v>89442</v>
      </c>
      <c r="FO42" s="370">
        <v>0</v>
      </c>
      <c r="FP42" s="371">
        <v>154272</v>
      </c>
      <c r="FQ42" s="371">
        <v>335277</v>
      </c>
      <c r="FR42" s="371">
        <v>235286</v>
      </c>
      <c r="FS42" s="371">
        <v>205250</v>
      </c>
      <c r="FT42" s="371">
        <v>107965</v>
      </c>
      <c r="FU42" s="372">
        <v>1038050</v>
      </c>
      <c r="FV42" s="374">
        <v>1127492</v>
      </c>
      <c r="FW42" s="377">
        <v>81360</v>
      </c>
      <c r="FX42" s="371">
        <v>8082</v>
      </c>
      <c r="FY42" s="375">
        <v>89442</v>
      </c>
      <c r="FZ42" s="376">
        <v>0</v>
      </c>
      <c r="GA42" s="371">
        <v>154272</v>
      </c>
      <c r="GB42" s="371">
        <v>335277</v>
      </c>
      <c r="GC42" s="371">
        <v>235286</v>
      </c>
      <c r="GD42" s="371">
        <v>205250</v>
      </c>
      <c r="GE42" s="371">
        <v>107965</v>
      </c>
      <c r="GF42" s="372">
        <v>1038050</v>
      </c>
      <c r="GG42" s="378">
        <v>1127492</v>
      </c>
      <c r="GH42" s="377">
        <v>0</v>
      </c>
      <c r="GI42" s="371">
        <v>0</v>
      </c>
      <c r="GJ42" s="375">
        <v>0</v>
      </c>
      <c r="GK42" s="376">
        <v>0</v>
      </c>
      <c r="GL42" s="371">
        <v>0</v>
      </c>
      <c r="GM42" s="371">
        <v>0</v>
      </c>
      <c r="GN42" s="371">
        <v>0</v>
      </c>
      <c r="GO42" s="371">
        <v>0</v>
      </c>
      <c r="GP42" s="371">
        <v>0</v>
      </c>
      <c r="GQ42" s="372">
        <v>0</v>
      </c>
      <c r="GR42" s="374">
        <v>0</v>
      </c>
      <c r="GS42" s="370">
        <v>0</v>
      </c>
      <c r="GT42" s="371">
        <v>0</v>
      </c>
      <c r="GU42" s="372">
        <v>0</v>
      </c>
      <c r="GV42" s="370">
        <v>0</v>
      </c>
      <c r="GW42" s="371">
        <v>0</v>
      </c>
      <c r="GX42" s="371">
        <v>0</v>
      </c>
      <c r="GY42" s="371">
        <v>0</v>
      </c>
      <c r="GZ42" s="371">
        <v>0</v>
      </c>
      <c r="HA42" s="371">
        <v>0</v>
      </c>
      <c r="HB42" s="375">
        <v>0</v>
      </c>
      <c r="HC42" s="374">
        <v>0</v>
      </c>
      <c r="HD42" s="370">
        <v>0</v>
      </c>
      <c r="HE42" s="371">
        <v>0</v>
      </c>
      <c r="HF42" s="375">
        <v>0</v>
      </c>
      <c r="HG42" s="376">
        <v>0</v>
      </c>
      <c r="HH42" s="371">
        <v>0</v>
      </c>
      <c r="HI42" s="371">
        <v>0</v>
      </c>
      <c r="HJ42" s="371">
        <v>0</v>
      </c>
      <c r="HK42" s="371">
        <v>0</v>
      </c>
      <c r="HL42" s="371">
        <v>0</v>
      </c>
      <c r="HM42" s="372">
        <v>0</v>
      </c>
      <c r="HN42" s="373">
        <v>0</v>
      </c>
      <c r="HO42" s="377">
        <v>91260</v>
      </c>
      <c r="HP42" s="371">
        <v>4563</v>
      </c>
      <c r="HQ42" s="372">
        <v>95823</v>
      </c>
      <c r="HR42" s="370">
        <v>0</v>
      </c>
      <c r="HS42" s="371">
        <v>347396</v>
      </c>
      <c r="HT42" s="371">
        <v>318675</v>
      </c>
      <c r="HU42" s="371">
        <v>290345</v>
      </c>
      <c r="HV42" s="371">
        <v>202476</v>
      </c>
      <c r="HW42" s="371">
        <v>110259</v>
      </c>
      <c r="HX42" s="375">
        <v>1269151</v>
      </c>
      <c r="HY42" s="374">
        <v>1364974</v>
      </c>
      <c r="HZ42" s="379">
        <v>0</v>
      </c>
      <c r="IA42" s="380">
        <v>0</v>
      </c>
      <c r="IB42" s="381">
        <v>0</v>
      </c>
      <c r="IC42" s="382">
        <v>0</v>
      </c>
      <c r="ID42" s="383">
        <v>1654702</v>
      </c>
      <c r="IE42" s="384">
        <v>620911</v>
      </c>
      <c r="IF42" s="385">
        <v>1707320</v>
      </c>
      <c r="IG42" s="383">
        <v>1419138</v>
      </c>
      <c r="IH42" s="385">
        <v>884729</v>
      </c>
      <c r="II42" s="386">
        <v>6286800</v>
      </c>
      <c r="IJ42" s="387">
        <v>6286800</v>
      </c>
      <c r="IK42" s="388">
        <v>0</v>
      </c>
      <c r="IL42" s="389">
        <v>0</v>
      </c>
      <c r="IM42" s="390">
        <v>0</v>
      </c>
      <c r="IN42" s="404">
        <v>0</v>
      </c>
      <c r="IO42" s="391">
        <v>0</v>
      </c>
      <c r="IP42" s="391">
        <v>0</v>
      </c>
      <c r="IQ42" s="391">
        <v>0</v>
      </c>
      <c r="IR42" s="391">
        <v>223127</v>
      </c>
      <c r="IS42" s="391">
        <v>0</v>
      </c>
      <c r="IT42" s="392">
        <v>223127</v>
      </c>
      <c r="IU42" s="393">
        <v>223127</v>
      </c>
      <c r="IV42" s="394">
        <v>0</v>
      </c>
      <c r="IW42" s="391">
        <v>0</v>
      </c>
      <c r="IX42" s="395">
        <v>0</v>
      </c>
      <c r="IY42" s="413">
        <v>0</v>
      </c>
      <c r="IZ42" s="391">
        <v>0</v>
      </c>
      <c r="JA42" s="391">
        <v>0</v>
      </c>
      <c r="JB42" s="391">
        <v>0</v>
      </c>
      <c r="JC42" s="391">
        <v>0</v>
      </c>
      <c r="JD42" s="391">
        <v>0</v>
      </c>
      <c r="JE42" s="395">
        <v>0</v>
      </c>
      <c r="JF42" s="396">
        <v>0</v>
      </c>
      <c r="JG42" s="394">
        <v>0</v>
      </c>
      <c r="JH42" s="391">
        <v>0</v>
      </c>
      <c r="JI42" s="392">
        <v>0</v>
      </c>
      <c r="JJ42" s="397">
        <v>0</v>
      </c>
      <c r="JK42" s="391">
        <v>825271</v>
      </c>
      <c r="JL42" s="391">
        <v>620911</v>
      </c>
      <c r="JM42" s="391">
        <v>859371</v>
      </c>
      <c r="JN42" s="391">
        <v>0</v>
      </c>
      <c r="JO42" s="391">
        <v>297783</v>
      </c>
      <c r="JP42" s="395">
        <v>2603336</v>
      </c>
      <c r="JQ42" s="393">
        <v>2603336</v>
      </c>
      <c r="JR42" s="394">
        <v>0</v>
      </c>
      <c r="JS42" s="391">
        <v>0</v>
      </c>
      <c r="JT42" s="392">
        <v>0</v>
      </c>
      <c r="JU42" s="397">
        <v>0</v>
      </c>
      <c r="JV42" s="391">
        <v>37577</v>
      </c>
      <c r="JW42" s="391">
        <v>0</v>
      </c>
      <c r="JX42" s="391">
        <v>0</v>
      </c>
      <c r="JY42" s="391">
        <v>44631</v>
      </c>
      <c r="JZ42" s="391">
        <v>0</v>
      </c>
      <c r="KA42" s="395">
        <v>82208</v>
      </c>
      <c r="KB42" s="393">
        <v>82208</v>
      </c>
      <c r="KC42" s="398">
        <v>0</v>
      </c>
      <c r="KD42" s="399">
        <v>0</v>
      </c>
      <c r="KE42" s="395">
        <v>0</v>
      </c>
      <c r="KF42" s="397">
        <v>0</v>
      </c>
      <c r="KG42" s="391">
        <v>0</v>
      </c>
      <c r="KH42" s="391">
        <v>0</v>
      </c>
      <c r="KI42" s="391">
        <v>0</v>
      </c>
      <c r="KJ42" s="391">
        <v>0</v>
      </c>
      <c r="KK42" s="391">
        <v>0</v>
      </c>
      <c r="KL42" s="395">
        <v>0</v>
      </c>
      <c r="KM42" s="400">
        <v>0</v>
      </c>
      <c r="KN42" s="388">
        <v>0</v>
      </c>
      <c r="KO42" s="389">
        <v>0</v>
      </c>
      <c r="KP42" s="390">
        <v>0</v>
      </c>
      <c r="KQ42" s="413">
        <v>0</v>
      </c>
      <c r="KR42" s="391">
        <v>791854</v>
      </c>
      <c r="KS42" s="391">
        <v>0</v>
      </c>
      <c r="KT42" s="391">
        <v>847949</v>
      </c>
      <c r="KU42" s="391">
        <v>1151380</v>
      </c>
      <c r="KV42" s="391">
        <v>586946</v>
      </c>
      <c r="KW42" s="395">
        <v>3378129</v>
      </c>
      <c r="KX42" s="393">
        <v>3378129</v>
      </c>
      <c r="KY42" s="394">
        <v>0</v>
      </c>
      <c r="KZ42" s="391">
        <v>0</v>
      </c>
      <c r="LA42" s="395">
        <v>0</v>
      </c>
      <c r="LB42" s="413">
        <v>0</v>
      </c>
      <c r="LC42" s="391">
        <v>0</v>
      </c>
      <c r="LD42" s="391">
        <v>0</v>
      </c>
      <c r="LE42" s="391">
        <v>0</v>
      </c>
      <c r="LF42" s="391">
        <v>0</v>
      </c>
      <c r="LG42" s="391">
        <v>0</v>
      </c>
      <c r="LH42" s="395">
        <v>0</v>
      </c>
      <c r="LI42" s="396">
        <v>0</v>
      </c>
      <c r="LJ42" s="394">
        <v>0</v>
      </c>
      <c r="LK42" s="391">
        <v>0</v>
      </c>
      <c r="LL42" s="395">
        <v>0</v>
      </c>
      <c r="LM42" s="413">
        <v>0</v>
      </c>
      <c r="LN42" s="391">
        <v>0</v>
      </c>
      <c r="LO42" s="391">
        <v>0</v>
      </c>
      <c r="LP42" s="391">
        <v>0</v>
      </c>
      <c r="LQ42" s="391">
        <v>0</v>
      </c>
      <c r="LR42" s="391">
        <v>0</v>
      </c>
      <c r="LS42" s="395">
        <v>0</v>
      </c>
      <c r="LT42" s="393">
        <v>0</v>
      </c>
      <c r="LU42" s="394">
        <v>0</v>
      </c>
      <c r="LV42" s="391">
        <v>0</v>
      </c>
      <c r="LW42" s="395">
        <v>0</v>
      </c>
      <c r="LX42" s="413">
        <v>0</v>
      </c>
      <c r="LY42" s="391">
        <v>0</v>
      </c>
      <c r="LZ42" s="391">
        <v>0</v>
      </c>
      <c r="MA42" s="391">
        <v>0</v>
      </c>
      <c r="MB42" s="391">
        <v>0</v>
      </c>
      <c r="MC42" s="391">
        <v>0</v>
      </c>
      <c r="MD42" s="395">
        <v>0</v>
      </c>
      <c r="ME42" s="396">
        <v>0</v>
      </c>
      <c r="MF42" s="394">
        <v>0</v>
      </c>
      <c r="MG42" s="391">
        <v>0</v>
      </c>
      <c r="MH42" s="395">
        <v>0</v>
      </c>
      <c r="MI42" s="413">
        <v>0</v>
      </c>
      <c r="MJ42" s="391">
        <v>251559</v>
      </c>
      <c r="MK42" s="391">
        <v>-378992</v>
      </c>
      <c r="ML42" s="391">
        <v>3975262</v>
      </c>
      <c r="MM42" s="391">
        <v>3373792</v>
      </c>
      <c r="MN42" s="391">
        <v>3526779</v>
      </c>
      <c r="MO42" s="395">
        <v>10748400</v>
      </c>
      <c r="MP42" s="400">
        <v>10748400</v>
      </c>
      <c r="MQ42" s="394">
        <v>0</v>
      </c>
      <c r="MR42" s="391">
        <v>0</v>
      </c>
      <c r="MS42" s="395">
        <v>0</v>
      </c>
      <c r="MT42" s="413">
        <v>0</v>
      </c>
      <c r="MU42" s="391">
        <v>0</v>
      </c>
      <c r="MV42" s="391">
        <v>0</v>
      </c>
      <c r="MW42" s="391">
        <v>1593690</v>
      </c>
      <c r="MX42" s="391">
        <v>2089343</v>
      </c>
      <c r="MY42" s="391">
        <v>2456738</v>
      </c>
      <c r="MZ42" s="395">
        <v>6139771</v>
      </c>
      <c r="NA42" s="400">
        <v>6139771</v>
      </c>
      <c r="NB42" s="394">
        <v>0</v>
      </c>
      <c r="NC42" s="391">
        <v>0</v>
      </c>
      <c r="ND42" s="395">
        <v>0</v>
      </c>
      <c r="NE42" s="413">
        <v>0</v>
      </c>
      <c r="NF42" s="391">
        <v>251559</v>
      </c>
      <c r="NG42" s="391">
        <v>-378992</v>
      </c>
      <c r="NH42" s="391">
        <v>2381572</v>
      </c>
      <c r="NI42" s="391">
        <v>1284449</v>
      </c>
      <c r="NJ42" s="391">
        <v>670181</v>
      </c>
      <c r="NK42" s="395">
        <v>4208769</v>
      </c>
      <c r="NL42" s="393">
        <v>4208769</v>
      </c>
      <c r="NM42" s="394">
        <v>0</v>
      </c>
      <c r="NN42" s="391">
        <v>0</v>
      </c>
      <c r="NO42" s="395">
        <v>0</v>
      </c>
      <c r="NP42" s="413">
        <v>0</v>
      </c>
      <c r="NQ42" s="391">
        <v>0</v>
      </c>
      <c r="NR42" s="391">
        <v>0</v>
      </c>
      <c r="NS42" s="391">
        <v>0</v>
      </c>
      <c r="NT42" s="391">
        <v>0</v>
      </c>
      <c r="NU42" s="391">
        <v>0</v>
      </c>
      <c r="NV42" s="395">
        <v>0</v>
      </c>
      <c r="NW42" s="396">
        <v>0</v>
      </c>
      <c r="NX42" s="394">
        <v>0</v>
      </c>
      <c r="NY42" s="391">
        <v>0</v>
      </c>
      <c r="NZ42" s="395">
        <v>0</v>
      </c>
      <c r="OA42" s="413">
        <v>0</v>
      </c>
      <c r="OB42" s="391">
        <v>0</v>
      </c>
      <c r="OC42" s="391">
        <v>0</v>
      </c>
      <c r="OD42" s="391">
        <v>0</v>
      </c>
      <c r="OE42" s="391">
        <v>0</v>
      </c>
      <c r="OF42" s="391">
        <v>399860</v>
      </c>
      <c r="OG42" s="395">
        <v>399860</v>
      </c>
      <c r="OH42" s="396">
        <v>399860</v>
      </c>
      <c r="OI42" s="394">
        <v>339317</v>
      </c>
      <c r="OJ42" s="391">
        <v>58523</v>
      </c>
      <c r="OK42" s="392">
        <v>397840</v>
      </c>
      <c r="OL42" s="397">
        <v>0</v>
      </c>
      <c r="OM42" s="391">
        <v>3208230</v>
      </c>
      <c r="ON42" s="391">
        <v>2216046</v>
      </c>
      <c r="OO42" s="391">
        <v>7520992</v>
      </c>
      <c r="OP42" s="391">
        <v>6612115</v>
      </c>
      <c r="OQ42" s="391">
        <v>5626451</v>
      </c>
      <c r="OR42" s="395">
        <v>25183834</v>
      </c>
      <c r="OS42" s="400">
        <v>25581674</v>
      </c>
    </row>
    <row r="43" spans="2:409" x14ac:dyDescent="0.2">
      <c r="B43" s="7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5</v>
      </c>
      <c r="G1" s="535">
        <f>IF(F1&lt;3,F1-2+12,F1-2)</f>
        <v>3</v>
      </c>
      <c r="H1" s="535"/>
      <c r="IB1" s="42"/>
      <c r="IC1" s="22"/>
      <c r="ID1" s="546"/>
      <c r="IE1" s="546"/>
    </row>
    <row r="2" spans="1:409" ht="24" customHeight="1" x14ac:dyDescent="0.2">
      <c r="B2" s="10" t="s">
        <v>144</v>
      </c>
      <c r="E2" s="19"/>
      <c r="F2" s="20"/>
      <c r="G2" s="419"/>
      <c r="H2" s="419"/>
      <c r="IB2" s="21"/>
      <c r="IC2" s="22"/>
      <c r="ID2" s="419"/>
      <c r="IE2" s="419"/>
    </row>
    <row r="3" spans="1:409" ht="24" customHeight="1" thickBot="1" x14ac:dyDescent="0.25">
      <c r="B3" s="10" t="s">
        <v>134</v>
      </c>
    </row>
    <row r="4" spans="1:409" ht="21" customHeight="1" thickBot="1" x14ac:dyDescent="0.25">
      <c r="B4" s="551" t="s">
        <v>42</v>
      </c>
      <c r="C4" s="554" t="s">
        <v>63</v>
      </c>
      <c r="D4" s="554"/>
      <c r="E4" s="554"/>
      <c r="F4" s="554"/>
      <c r="G4" s="554"/>
      <c r="H4" s="554"/>
      <c r="I4" s="554"/>
      <c r="J4" s="554"/>
      <c r="K4" s="554"/>
      <c r="L4" s="554"/>
      <c r="M4" s="554"/>
      <c r="N4" s="512"/>
      <c r="O4" s="512"/>
      <c r="P4" s="512"/>
      <c r="Q4" s="512"/>
      <c r="R4" s="512"/>
      <c r="S4" s="512"/>
      <c r="T4" s="512"/>
      <c r="U4" s="512"/>
      <c r="V4" s="512"/>
      <c r="W4" s="512"/>
      <c r="X4" s="512"/>
      <c r="Y4" s="512"/>
      <c r="Z4" s="512"/>
      <c r="AA4" s="512"/>
      <c r="AB4" s="512"/>
      <c r="AC4" s="512"/>
      <c r="AD4" s="512"/>
      <c r="AE4" s="512"/>
      <c r="AF4" s="512"/>
      <c r="AG4" s="512"/>
      <c r="AH4" s="512"/>
      <c r="AI4" s="512"/>
      <c r="AJ4" s="512"/>
      <c r="AK4" s="512"/>
      <c r="AL4" s="512"/>
      <c r="AM4" s="512"/>
      <c r="AN4" s="512"/>
      <c r="AO4" s="512"/>
      <c r="AP4" s="512"/>
      <c r="AQ4" s="512"/>
      <c r="AR4" s="512"/>
      <c r="AS4" s="512"/>
      <c r="AT4" s="512"/>
      <c r="AU4" s="512"/>
      <c r="AV4" s="512"/>
      <c r="AW4" s="512"/>
      <c r="AX4" s="512"/>
      <c r="AY4" s="512"/>
      <c r="AZ4" s="512"/>
      <c r="BA4" s="512"/>
      <c r="BB4" s="512"/>
      <c r="BC4" s="512"/>
      <c r="BD4" s="512"/>
      <c r="BE4" s="512"/>
      <c r="BF4" s="512"/>
      <c r="BG4" s="512"/>
      <c r="BH4" s="512"/>
      <c r="BI4" s="512"/>
      <c r="BJ4" s="512"/>
      <c r="BK4" s="512"/>
      <c r="BL4" s="512"/>
      <c r="BM4" s="512"/>
      <c r="BN4" s="512"/>
      <c r="BO4" s="512"/>
      <c r="BP4" s="512"/>
      <c r="BQ4" s="512"/>
      <c r="BR4" s="512"/>
      <c r="BS4" s="512"/>
      <c r="BT4" s="512"/>
      <c r="BU4" s="512"/>
      <c r="BV4" s="512"/>
      <c r="BW4" s="512"/>
      <c r="BX4" s="512"/>
      <c r="BY4" s="512"/>
      <c r="BZ4" s="512"/>
      <c r="CA4" s="512"/>
      <c r="CB4" s="512"/>
      <c r="CC4" s="512"/>
      <c r="CD4" s="512"/>
      <c r="CE4" s="512"/>
      <c r="CF4" s="512"/>
      <c r="CG4" s="512"/>
      <c r="CH4" s="512"/>
      <c r="CI4" s="512"/>
      <c r="CJ4" s="512"/>
      <c r="CK4" s="512"/>
      <c r="CL4" s="512"/>
      <c r="CM4" s="512"/>
      <c r="CN4" s="512"/>
      <c r="CO4" s="512"/>
      <c r="CP4" s="512"/>
      <c r="CQ4" s="512"/>
      <c r="CR4" s="512"/>
      <c r="CS4" s="512"/>
      <c r="CT4" s="512"/>
      <c r="CU4" s="512"/>
      <c r="CV4" s="512"/>
      <c r="CW4" s="512"/>
      <c r="CX4" s="512"/>
      <c r="CY4" s="512"/>
      <c r="CZ4" s="512"/>
      <c r="DA4" s="512"/>
      <c r="DB4" s="512"/>
      <c r="DC4" s="512"/>
      <c r="DD4" s="512"/>
      <c r="DE4" s="512"/>
      <c r="DF4" s="512"/>
      <c r="DG4" s="512"/>
      <c r="DH4" s="512"/>
      <c r="DI4" s="512"/>
      <c r="DJ4" s="512"/>
      <c r="DK4" s="512"/>
      <c r="DL4" s="512"/>
      <c r="DM4" s="512"/>
      <c r="DN4" s="512"/>
      <c r="DO4" s="512"/>
      <c r="DP4" s="512"/>
      <c r="DQ4" s="512"/>
      <c r="DR4" s="512"/>
      <c r="DS4" s="512"/>
      <c r="DT4" s="512"/>
      <c r="DU4" s="512"/>
      <c r="DV4" s="512"/>
      <c r="DW4" s="512"/>
      <c r="DX4" s="512"/>
      <c r="DY4" s="512"/>
      <c r="DZ4" s="512"/>
      <c r="EA4" s="512"/>
      <c r="EB4" s="512"/>
      <c r="EC4" s="512"/>
      <c r="ED4" s="512"/>
      <c r="EE4" s="512"/>
      <c r="EF4" s="512"/>
      <c r="EG4" s="512"/>
      <c r="EH4" s="512"/>
      <c r="EI4" s="512"/>
      <c r="EJ4" s="512"/>
      <c r="EK4" s="512"/>
      <c r="EL4" s="512"/>
      <c r="EM4" s="512"/>
      <c r="EN4" s="512"/>
      <c r="EO4" s="512"/>
      <c r="EP4" s="512"/>
      <c r="EQ4" s="512"/>
      <c r="ER4" s="512"/>
      <c r="ES4" s="512"/>
      <c r="ET4" s="512"/>
      <c r="EU4" s="512"/>
      <c r="EV4" s="512"/>
      <c r="EW4" s="512"/>
      <c r="EX4" s="512"/>
      <c r="EY4" s="512"/>
      <c r="EZ4" s="512"/>
      <c r="FA4" s="512"/>
      <c r="FB4" s="512"/>
      <c r="FC4" s="512"/>
      <c r="FD4" s="512"/>
      <c r="FE4" s="512"/>
      <c r="FF4" s="512"/>
      <c r="FG4" s="512"/>
      <c r="FH4" s="512"/>
      <c r="FI4" s="512"/>
      <c r="FJ4" s="512"/>
      <c r="FK4" s="512"/>
      <c r="FL4" s="512"/>
      <c r="FM4" s="512"/>
      <c r="FN4" s="512"/>
      <c r="FO4" s="512"/>
      <c r="FP4" s="512"/>
      <c r="FQ4" s="512"/>
      <c r="FR4" s="512"/>
      <c r="FS4" s="512"/>
      <c r="FT4" s="512"/>
      <c r="FU4" s="512"/>
      <c r="FV4" s="512"/>
      <c r="FW4" s="512"/>
      <c r="FX4" s="512"/>
      <c r="FY4" s="512"/>
      <c r="FZ4" s="512"/>
      <c r="GA4" s="512"/>
      <c r="GB4" s="512"/>
      <c r="GC4" s="512"/>
      <c r="GD4" s="512"/>
      <c r="GE4" s="512"/>
      <c r="GF4" s="512"/>
      <c r="GG4" s="512"/>
      <c r="GH4" s="512"/>
      <c r="GI4" s="512"/>
      <c r="GJ4" s="512"/>
      <c r="GK4" s="512"/>
      <c r="GL4" s="512"/>
      <c r="GM4" s="512"/>
      <c r="GN4" s="512"/>
      <c r="GO4" s="512"/>
      <c r="GP4" s="512"/>
      <c r="GQ4" s="512"/>
      <c r="GR4" s="512"/>
      <c r="GS4" s="512"/>
      <c r="GT4" s="512"/>
      <c r="GU4" s="512"/>
      <c r="GV4" s="512"/>
      <c r="GW4" s="512"/>
      <c r="GX4" s="512"/>
      <c r="GY4" s="512"/>
      <c r="GZ4" s="512"/>
      <c r="HA4" s="512"/>
      <c r="HB4" s="512"/>
      <c r="HC4" s="512"/>
      <c r="HD4" s="512"/>
      <c r="HE4" s="512"/>
      <c r="HF4" s="512"/>
      <c r="HG4" s="512"/>
      <c r="HH4" s="512"/>
      <c r="HI4" s="512"/>
      <c r="HJ4" s="512"/>
      <c r="HK4" s="512"/>
      <c r="HL4" s="512"/>
      <c r="HM4" s="512"/>
      <c r="HN4" s="512"/>
      <c r="HO4" s="512"/>
      <c r="HP4" s="512"/>
      <c r="HQ4" s="512"/>
      <c r="HR4" s="512"/>
      <c r="HS4" s="512"/>
      <c r="HT4" s="512"/>
      <c r="HU4" s="512"/>
      <c r="HV4" s="512"/>
      <c r="HW4" s="512"/>
      <c r="HX4" s="512"/>
      <c r="HY4" s="513"/>
      <c r="HZ4" s="443" t="s">
        <v>85</v>
      </c>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4"/>
      <c r="JR4" s="444"/>
      <c r="JS4" s="444"/>
      <c r="JT4" s="444"/>
      <c r="JU4" s="444"/>
      <c r="JV4" s="444"/>
      <c r="JW4" s="444"/>
      <c r="JX4" s="444"/>
      <c r="JY4" s="444"/>
      <c r="JZ4" s="444"/>
      <c r="KA4" s="444"/>
      <c r="KB4" s="444"/>
      <c r="KC4" s="444"/>
      <c r="KD4" s="444"/>
      <c r="KE4" s="444"/>
      <c r="KF4" s="444"/>
      <c r="KG4" s="444"/>
      <c r="KH4" s="444"/>
      <c r="KI4" s="444"/>
      <c r="KJ4" s="444"/>
      <c r="KK4" s="444"/>
      <c r="KL4" s="444"/>
      <c r="KM4" s="444"/>
      <c r="KN4" s="444"/>
      <c r="KO4" s="444"/>
      <c r="KP4" s="444"/>
      <c r="KQ4" s="444"/>
      <c r="KR4" s="444"/>
      <c r="KS4" s="444"/>
      <c r="KT4" s="444"/>
      <c r="KU4" s="444"/>
      <c r="KV4" s="444"/>
      <c r="KW4" s="444"/>
      <c r="KX4" s="444"/>
      <c r="KY4" s="444"/>
      <c r="KZ4" s="444"/>
      <c r="LA4" s="444"/>
      <c r="LB4" s="444"/>
      <c r="LC4" s="444"/>
      <c r="LD4" s="444"/>
      <c r="LE4" s="444"/>
      <c r="LF4" s="444"/>
      <c r="LG4" s="444"/>
      <c r="LH4" s="444"/>
      <c r="LI4" s="444"/>
      <c r="LJ4" s="444"/>
      <c r="LK4" s="444"/>
      <c r="LL4" s="444"/>
      <c r="LM4" s="444"/>
      <c r="LN4" s="444"/>
      <c r="LO4" s="444"/>
      <c r="LP4" s="444"/>
      <c r="LQ4" s="444"/>
      <c r="LR4" s="444"/>
      <c r="LS4" s="444"/>
      <c r="LT4" s="444"/>
      <c r="LU4" s="444"/>
      <c r="LV4" s="444"/>
      <c r="LW4" s="444"/>
      <c r="LX4" s="444"/>
      <c r="LY4" s="444"/>
      <c r="LZ4" s="444"/>
      <c r="MA4" s="444"/>
      <c r="MB4" s="444"/>
      <c r="MC4" s="444"/>
      <c r="MD4" s="444"/>
      <c r="ME4" s="445"/>
      <c r="MF4" s="443" t="s">
        <v>86</v>
      </c>
      <c r="MG4" s="444"/>
      <c r="MH4" s="444"/>
      <c r="MI4" s="444"/>
      <c r="MJ4" s="444"/>
      <c r="MK4" s="444"/>
      <c r="ML4" s="444"/>
      <c r="MM4" s="444"/>
      <c r="MN4" s="444"/>
      <c r="MO4" s="444"/>
      <c r="MP4" s="444"/>
      <c r="MQ4" s="444"/>
      <c r="MR4" s="444"/>
      <c r="MS4" s="444"/>
      <c r="MT4" s="444"/>
      <c r="MU4" s="444"/>
      <c r="MV4" s="444"/>
      <c r="MW4" s="444"/>
      <c r="MX4" s="444"/>
      <c r="MY4" s="444"/>
      <c r="MZ4" s="444"/>
      <c r="NA4" s="444"/>
      <c r="NB4" s="444"/>
      <c r="NC4" s="444"/>
      <c r="ND4" s="444"/>
      <c r="NE4" s="444"/>
      <c r="NF4" s="444"/>
      <c r="NG4" s="444"/>
      <c r="NH4" s="444"/>
      <c r="NI4" s="444"/>
      <c r="NJ4" s="444"/>
      <c r="NK4" s="444"/>
      <c r="NL4" s="444"/>
      <c r="NM4" s="444"/>
      <c r="NN4" s="444"/>
      <c r="NO4" s="444"/>
      <c r="NP4" s="444"/>
      <c r="NQ4" s="444"/>
      <c r="NR4" s="444"/>
      <c r="NS4" s="444"/>
      <c r="NT4" s="444"/>
      <c r="NU4" s="444"/>
      <c r="NV4" s="444"/>
      <c r="NW4" s="444"/>
      <c r="NX4" s="444"/>
      <c r="NY4" s="444"/>
      <c r="NZ4" s="444"/>
      <c r="OA4" s="444"/>
      <c r="OB4" s="444"/>
      <c r="OC4" s="444"/>
      <c r="OD4" s="444"/>
      <c r="OE4" s="444"/>
      <c r="OF4" s="444"/>
      <c r="OG4" s="444"/>
      <c r="OH4" s="445"/>
      <c r="OI4" s="429" t="s">
        <v>60</v>
      </c>
      <c r="OJ4" s="430"/>
      <c r="OK4" s="430"/>
      <c r="OL4" s="430"/>
      <c r="OM4" s="430"/>
      <c r="ON4" s="430"/>
      <c r="OO4" s="430"/>
      <c r="OP4" s="430"/>
      <c r="OQ4" s="430"/>
      <c r="OR4" s="430"/>
      <c r="OS4" s="431"/>
    </row>
    <row r="5" spans="1:409" ht="21" customHeight="1" thickBot="1" x14ac:dyDescent="0.25">
      <c r="B5" s="552"/>
      <c r="C5" s="555"/>
      <c r="D5" s="555"/>
      <c r="E5" s="555"/>
      <c r="F5" s="555"/>
      <c r="G5" s="555"/>
      <c r="H5" s="555"/>
      <c r="I5" s="555"/>
      <c r="J5" s="555"/>
      <c r="K5" s="555"/>
      <c r="L5" s="555"/>
      <c r="M5" s="555"/>
      <c r="N5" s="557" t="s">
        <v>64</v>
      </c>
      <c r="O5" s="558"/>
      <c r="P5" s="558"/>
      <c r="Q5" s="558"/>
      <c r="R5" s="558"/>
      <c r="S5" s="558"/>
      <c r="T5" s="558"/>
      <c r="U5" s="558"/>
      <c r="V5" s="558"/>
      <c r="W5" s="558"/>
      <c r="X5" s="558"/>
      <c r="Y5" s="558"/>
      <c r="Z5" s="558"/>
      <c r="AA5" s="558"/>
      <c r="AB5" s="558"/>
      <c r="AC5" s="558"/>
      <c r="AD5" s="558"/>
      <c r="AE5" s="558"/>
      <c r="AF5" s="558"/>
      <c r="AG5" s="558"/>
      <c r="AH5" s="558"/>
      <c r="AI5" s="558"/>
      <c r="AJ5" s="558"/>
      <c r="AK5" s="558"/>
      <c r="AL5" s="558"/>
      <c r="AM5" s="558"/>
      <c r="AN5" s="558"/>
      <c r="AO5" s="558"/>
      <c r="AP5" s="558"/>
      <c r="AQ5" s="558"/>
      <c r="AR5" s="558"/>
      <c r="AS5" s="558"/>
      <c r="AT5" s="558"/>
      <c r="AU5" s="558"/>
      <c r="AV5" s="558"/>
      <c r="AW5" s="558"/>
      <c r="AX5" s="558"/>
      <c r="AY5" s="558"/>
      <c r="AZ5" s="558"/>
      <c r="BA5" s="558"/>
      <c r="BB5" s="558"/>
      <c r="BC5" s="558"/>
      <c r="BD5" s="558"/>
      <c r="BE5" s="558"/>
      <c r="BF5" s="558"/>
      <c r="BG5" s="558"/>
      <c r="BH5" s="558"/>
      <c r="BI5" s="558"/>
      <c r="BJ5" s="558"/>
      <c r="BK5" s="558"/>
      <c r="BL5" s="558"/>
      <c r="BM5" s="558"/>
      <c r="BN5" s="558"/>
      <c r="BO5" s="558"/>
      <c r="BP5" s="558"/>
      <c r="BQ5" s="558"/>
      <c r="BR5" s="558"/>
      <c r="BS5" s="558"/>
      <c r="BT5" s="558"/>
      <c r="BU5" s="558"/>
      <c r="BV5" s="558"/>
      <c r="BW5" s="558"/>
      <c r="BX5" s="558"/>
      <c r="BY5" s="558"/>
      <c r="BZ5" s="558"/>
      <c r="CA5" s="559"/>
      <c r="CB5" s="557" t="s">
        <v>65</v>
      </c>
      <c r="CC5" s="558"/>
      <c r="CD5" s="558"/>
      <c r="CE5" s="558"/>
      <c r="CF5" s="558"/>
      <c r="CG5" s="558"/>
      <c r="CH5" s="558"/>
      <c r="CI5" s="558"/>
      <c r="CJ5" s="558"/>
      <c r="CK5" s="558"/>
      <c r="CL5" s="558"/>
      <c r="CM5" s="558"/>
      <c r="CN5" s="558"/>
      <c r="CO5" s="558"/>
      <c r="CP5" s="558"/>
      <c r="CQ5" s="558"/>
      <c r="CR5" s="558"/>
      <c r="CS5" s="558"/>
      <c r="CT5" s="558"/>
      <c r="CU5" s="558"/>
      <c r="CV5" s="558"/>
      <c r="CW5" s="558"/>
      <c r="CX5" s="558"/>
      <c r="CY5" s="558"/>
      <c r="CZ5" s="558"/>
      <c r="DA5" s="558"/>
      <c r="DB5" s="558"/>
      <c r="DC5" s="558"/>
      <c r="DD5" s="558"/>
      <c r="DE5" s="558"/>
      <c r="DF5" s="558"/>
      <c r="DG5" s="558"/>
      <c r="DH5" s="559"/>
      <c r="DI5" s="443" t="s">
        <v>66</v>
      </c>
      <c r="DJ5" s="444"/>
      <c r="DK5" s="444"/>
      <c r="DL5" s="444"/>
      <c r="DM5" s="444"/>
      <c r="DN5" s="444"/>
      <c r="DO5" s="444"/>
      <c r="DP5" s="444"/>
      <c r="DQ5" s="444"/>
      <c r="DR5" s="444"/>
      <c r="DS5" s="444"/>
      <c r="DT5" s="444"/>
      <c r="DU5" s="444"/>
      <c r="DV5" s="444"/>
      <c r="DW5" s="444"/>
      <c r="DX5" s="444"/>
      <c r="DY5" s="444"/>
      <c r="DZ5" s="444"/>
      <c r="EA5" s="444"/>
      <c r="EB5" s="444"/>
      <c r="EC5" s="444"/>
      <c r="ED5" s="444"/>
      <c r="EE5" s="444"/>
      <c r="EF5" s="444"/>
      <c r="EG5" s="444"/>
      <c r="EH5" s="444"/>
      <c r="EI5" s="444"/>
      <c r="EJ5" s="444"/>
      <c r="EK5" s="444"/>
      <c r="EL5" s="444"/>
      <c r="EM5" s="444"/>
      <c r="EN5" s="444"/>
      <c r="EO5" s="444"/>
      <c r="EP5" s="444"/>
      <c r="EQ5" s="444"/>
      <c r="ER5" s="444"/>
      <c r="ES5" s="444"/>
      <c r="ET5" s="444"/>
      <c r="EU5" s="444"/>
      <c r="EV5" s="444"/>
      <c r="EW5" s="444"/>
      <c r="EX5" s="444"/>
      <c r="EY5" s="444"/>
      <c r="EZ5" s="444"/>
      <c r="FA5" s="444"/>
      <c r="FB5" s="444"/>
      <c r="FC5" s="444"/>
      <c r="FD5" s="444"/>
      <c r="FE5" s="444"/>
      <c r="FF5" s="444"/>
      <c r="FG5" s="444"/>
      <c r="FH5" s="444"/>
      <c r="FI5" s="444"/>
      <c r="FJ5" s="444"/>
      <c r="FK5" s="445"/>
      <c r="FL5" s="557" t="s">
        <v>67</v>
      </c>
      <c r="FM5" s="558"/>
      <c r="FN5" s="558"/>
      <c r="FO5" s="558"/>
      <c r="FP5" s="558"/>
      <c r="FQ5" s="558"/>
      <c r="FR5" s="558"/>
      <c r="FS5" s="558"/>
      <c r="FT5" s="558"/>
      <c r="FU5" s="558"/>
      <c r="FV5" s="558"/>
      <c r="FW5" s="558"/>
      <c r="FX5" s="558"/>
      <c r="FY5" s="558"/>
      <c r="FZ5" s="558"/>
      <c r="GA5" s="558"/>
      <c r="GB5" s="558"/>
      <c r="GC5" s="558"/>
      <c r="GD5" s="558"/>
      <c r="GE5" s="558"/>
      <c r="GF5" s="558"/>
      <c r="GG5" s="558"/>
      <c r="GH5" s="558"/>
      <c r="GI5" s="558"/>
      <c r="GJ5" s="558"/>
      <c r="GK5" s="558"/>
      <c r="GL5" s="558"/>
      <c r="GM5" s="558"/>
      <c r="GN5" s="558"/>
      <c r="GO5" s="558"/>
      <c r="GP5" s="558"/>
      <c r="GQ5" s="558"/>
      <c r="GR5" s="558"/>
      <c r="GS5" s="558"/>
      <c r="GT5" s="558"/>
      <c r="GU5" s="558"/>
      <c r="GV5" s="558"/>
      <c r="GW5" s="558"/>
      <c r="GX5" s="558"/>
      <c r="GY5" s="558"/>
      <c r="GZ5" s="558"/>
      <c r="HA5" s="558"/>
      <c r="HB5" s="558"/>
      <c r="HC5" s="559"/>
      <c r="HD5" s="543" t="s">
        <v>68</v>
      </c>
      <c r="HE5" s="544"/>
      <c r="HF5" s="544"/>
      <c r="HG5" s="544"/>
      <c r="HH5" s="544"/>
      <c r="HI5" s="544"/>
      <c r="HJ5" s="544"/>
      <c r="HK5" s="544"/>
      <c r="HL5" s="544"/>
      <c r="HM5" s="544"/>
      <c r="HN5" s="545"/>
      <c r="HO5" s="543" t="s">
        <v>69</v>
      </c>
      <c r="HP5" s="544"/>
      <c r="HQ5" s="544"/>
      <c r="HR5" s="544"/>
      <c r="HS5" s="544"/>
      <c r="HT5" s="544"/>
      <c r="HU5" s="544"/>
      <c r="HV5" s="544"/>
      <c r="HW5" s="544"/>
      <c r="HX5" s="544"/>
      <c r="HY5" s="545"/>
      <c r="HZ5" s="576"/>
      <c r="IA5" s="577"/>
      <c r="IB5" s="577"/>
      <c r="IC5" s="577"/>
      <c r="ID5" s="577"/>
      <c r="IE5" s="577"/>
      <c r="IF5" s="577"/>
      <c r="IG5" s="577"/>
      <c r="IH5" s="577"/>
      <c r="II5" s="577"/>
      <c r="IJ5" s="578"/>
      <c r="IK5" s="429" t="s">
        <v>94</v>
      </c>
      <c r="IL5" s="430"/>
      <c r="IM5" s="430"/>
      <c r="IN5" s="430"/>
      <c r="IO5" s="430"/>
      <c r="IP5" s="430"/>
      <c r="IQ5" s="430"/>
      <c r="IR5" s="430"/>
      <c r="IS5" s="430"/>
      <c r="IT5" s="430"/>
      <c r="IU5" s="431"/>
      <c r="IV5" s="429" t="s">
        <v>88</v>
      </c>
      <c r="IW5" s="430"/>
      <c r="IX5" s="430"/>
      <c r="IY5" s="430"/>
      <c r="IZ5" s="430"/>
      <c r="JA5" s="430"/>
      <c r="JB5" s="430"/>
      <c r="JC5" s="430"/>
      <c r="JD5" s="430"/>
      <c r="JE5" s="430"/>
      <c r="JF5" s="431"/>
      <c r="JG5" s="429" t="s">
        <v>141</v>
      </c>
      <c r="JH5" s="430"/>
      <c r="JI5" s="430"/>
      <c r="JJ5" s="430"/>
      <c r="JK5" s="430"/>
      <c r="JL5" s="430"/>
      <c r="JM5" s="430"/>
      <c r="JN5" s="430"/>
      <c r="JO5" s="430"/>
      <c r="JP5" s="430"/>
      <c r="JQ5" s="431"/>
      <c r="JR5" s="429" t="s">
        <v>90</v>
      </c>
      <c r="JS5" s="430"/>
      <c r="JT5" s="430"/>
      <c r="JU5" s="430"/>
      <c r="JV5" s="430"/>
      <c r="JW5" s="430"/>
      <c r="JX5" s="430"/>
      <c r="JY5" s="430"/>
      <c r="JZ5" s="430"/>
      <c r="KA5" s="430"/>
      <c r="KB5" s="431"/>
      <c r="KC5" s="429" t="s">
        <v>89</v>
      </c>
      <c r="KD5" s="430"/>
      <c r="KE5" s="430"/>
      <c r="KF5" s="430"/>
      <c r="KG5" s="430"/>
      <c r="KH5" s="430"/>
      <c r="KI5" s="430"/>
      <c r="KJ5" s="430"/>
      <c r="KK5" s="430"/>
      <c r="KL5" s="430"/>
      <c r="KM5" s="431"/>
      <c r="KN5" s="429" t="s">
        <v>91</v>
      </c>
      <c r="KO5" s="430"/>
      <c r="KP5" s="430"/>
      <c r="KQ5" s="430"/>
      <c r="KR5" s="430"/>
      <c r="KS5" s="430"/>
      <c r="KT5" s="430"/>
      <c r="KU5" s="430"/>
      <c r="KV5" s="430"/>
      <c r="KW5" s="430"/>
      <c r="KX5" s="431"/>
      <c r="KY5" s="429" t="s">
        <v>92</v>
      </c>
      <c r="KZ5" s="430"/>
      <c r="LA5" s="430"/>
      <c r="LB5" s="430"/>
      <c r="LC5" s="430"/>
      <c r="LD5" s="430"/>
      <c r="LE5" s="430"/>
      <c r="LF5" s="430"/>
      <c r="LG5" s="430"/>
      <c r="LH5" s="430"/>
      <c r="LI5" s="431"/>
      <c r="LJ5" s="579" t="s">
        <v>93</v>
      </c>
      <c r="LK5" s="580"/>
      <c r="LL5" s="580"/>
      <c r="LM5" s="580"/>
      <c r="LN5" s="580"/>
      <c r="LO5" s="580"/>
      <c r="LP5" s="580"/>
      <c r="LQ5" s="580"/>
      <c r="LR5" s="580"/>
      <c r="LS5" s="580"/>
      <c r="LT5" s="581"/>
      <c r="LU5" s="579" t="s">
        <v>142</v>
      </c>
      <c r="LV5" s="580"/>
      <c r="LW5" s="580"/>
      <c r="LX5" s="580"/>
      <c r="LY5" s="580"/>
      <c r="LZ5" s="580"/>
      <c r="MA5" s="580"/>
      <c r="MB5" s="580"/>
      <c r="MC5" s="580"/>
      <c r="MD5" s="580"/>
      <c r="ME5" s="581"/>
      <c r="MF5" s="576"/>
      <c r="MG5" s="577"/>
      <c r="MH5" s="577"/>
      <c r="MI5" s="577"/>
      <c r="MJ5" s="577"/>
      <c r="MK5" s="577"/>
      <c r="ML5" s="577"/>
      <c r="MM5" s="577"/>
      <c r="MN5" s="577"/>
      <c r="MO5" s="577"/>
      <c r="MP5" s="578"/>
      <c r="MQ5" s="429" t="s">
        <v>57</v>
      </c>
      <c r="MR5" s="430"/>
      <c r="MS5" s="430"/>
      <c r="MT5" s="430"/>
      <c r="MU5" s="430"/>
      <c r="MV5" s="430"/>
      <c r="MW5" s="430"/>
      <c r="MX5" s="430"/>
      <c r="MY5" s="430"/>
      <c r="MZ5" s="430"/>
      <c r="NA5" s="431"/>
      <c r="NB5" s="429" t="s">
        <v>58</v>
      </c>
      <c r="NC5" s="430"/>
      <c r="ND5" s="430"/>
      <c r="NE5" s="430"/>
      <c r="NF5" s="430"/>
      <c r="NG5" s="430"/>
      <c r="NH5" s="430"/>
      <c r="NI5" s="430"/>
      <c r="NJ5" s="430"/>
      <c r="NK5" s="430"/>
      <c r="NL5" s="431"/>
      <c r="NM5" s="429" t="s">
        <v>59</v>
      </c>
      <c r="NN5" s="430"/>
      <c r="NO5" s="430"/>
      <c r="NP5" s="430"/>
      <c r="NQ5" s="430"/>
      <c r="NR5" s="430"/>
      <c r="NS5" s="430"/>
      <c r="NT5" s="430"/>
      <c r="NU5" s="430"/>
      <c r="NV5" s="430"/>
      <c r="NW5" s="431"/>
      <c r="NX5" s="429" t="s">
        <v>148</v>
      </c>
      <c r="NY5" s="430"/>
      <c r="NZ5" s="430"/>
      <c r="OA5" s="430"/>
      <c r="OB5" s="430"/>
      <c r="OC5" s="430"/>
      <c r="OD5" s="430"/>
      <c r="OE5" s="430"/>
      <c r="OF5" s="430"/>
      <c r="OG5" s="430"/>
      <c r="OH5" s="431"/>
      <c r="OI5" s="447"/>
      <c r="OJ5" s="574"/>
      <c r="OK5" s="574"/>
      <c r="OL5" s="574"/>
      <c r="OM5" s="574"/>
      <c r="ON5" s="574"/>
      <c r="OO5" s="574"/>
      <c r="OP5" s="574"/>
      <c r="OQ5" s="574"/>
      <c r="OR5" s="574"/>
      <c r="OS5" s="575"/>
    </row>
    <row r="6" spans="1:409" ht="21" customHeight="1" thickBot="1" x14ac:dyDescent="0.25">
      <c r="B6" s="552"/>
      <c r="C6" s="556"/>
      <c r="D6" s="556"/>
      <c r="E6" s="556"/>
      <c r="F6" s="556"/>
      <c r="G6" s="556"/>
      <c r="H6" s="556"/>
      <c r="I6" s="556"/>
      <c r="J6" s="556"/>
      <c r="K6" s="556"/>
      <c r="L6" s="556"/>
      <c r="M6" s="556"/>
      <c r="N6" s="435"/>
      <c r="O6" s="436"/>
      <c r="P6" s="436"/>
      <c r="Q6" s="436"/>
      <c r="R6" s="436"/>
      <c r="S6" s="436"/>
      <c r="T6" s="436"/>
      <c r="U6" s="436"/>
      <c r="V6" s="436"/>
      <c r="W6" s="436"/>
      <c r="X6" s="437"/>
      <c r="Y6" s="438" t="s">
        <v>70</v>
      </c>
      <c r="Z6" s="439"/>
      <c r="AA6" s="439"/>
      <c r="AB6" s="439"/>
      <c r="AC6" s="439"/>
      <c r="AD6" s="439"/>
      <c r="AE6" s="439"/>
      <c r="AF6" s="439"/>
      <c r="AG6" s="439"/>
      <c r="AH6" s="439"/>
      <c r="AI6" s="440"/>
      <c r="AJ6" s="540" t="s">
        <v>71</v>
      </c>
      <c r="AK6" s="541"/>
      <c r="AL6" s="541"/>
      <c r="AM6" s="541"/>
      <c r="AN6" s="541"/>
      <c r="AO6" s="541"/>
      <c r="AP6" s="541"/>
      <c r="AQ6" s="541"/>
      <c r="AR6" s="541"/>
      <c r="AS6" s="541"/>
      <c r="AT6" s="542"/>
      <c r="AU6" s="540" t="s">
        <v>72</v>
      </c>
      <c r="AV6" s="541"/>
      <c r="AW6" s="541"/>
      <c r="AX6" s="541"/>
      <c r="AY6" s="541"/>
      <c r="AZ6" s="541"/>
      <c r="BA6" s="541"/>
      <c r="BB6" s="541"/>
      <c r="BC6" s="541"/>
      <c r="BD6" s="541"/>
      <c r="BE6" s="542"/>
      <c r="BF6" s="540" t="s">
        <v>73</v>
      </c>
      <c r="BG6" s="541"/>
      <c r="BH6" s="541"/>
      <c r="BI6" s="541"/>
      <c r="BJ6" s="541"/>
      <c r="BK6" s="541"/>
      <c r="BL6" s="541"/>
      <c r="BM6" s="541"/>
      <c r="BN6" s="541"/>
      <c r="BO6" s="541"/>
      <c r="BP6" s="542"/>
      <c r="BQ6" s="540" t="s">
        <v>74</v>
      </c>
      <c r="BR6" s="541"/>
      <c r="BS6" s="541"/>
      <c r="BT6" s="541"/>
      <c r="BU6" s="541"/>
      <c r="BV6" s="541"/>
      <c r="BW6" s="541"/>
      <c r="BX6" s="541"/>
      <c r="BY6" s="541"/>
      <c r="BZ6" s="541"/>
      <c r="CA6" s="542"/>
      <c r="CB6" s="537"/>
      <c r="CC6" s="538"/>
      <c r="CD6" s="538"/>
      <c r="CE6" s="538"/>
      <c r="CF6" s="538"/>
      <c r="CG6" s="538"/>
      <c r="CH6" s="538"/>
      <c r="CI6" s="538"/>
      <c r="CJ6" s="538"/>
      <c r="CK6" s="538"/>
      <c r="CL6" s="539"/>
      <c r="CM6" s="540" t="s">
        <v>75</v>
      </c>
      <c r="CN6" s="541"/>
      <c r="CO6" s="541"/>
      <c r="CP6" s="541"/>
      <c r="CQ6" s="541"/>
      <c r="CR6" s="541"/>
      <c r="CS6" s="541"/>
      <c r="CT6" s="541"/>
      <c r="CU6" s="541"/>
      <c r="CV6" s="541"/>
      <c r="CW6" s="542"/>
      <c r="CX6" s="540" t="s">
        <v>76</v>
      </c>
      <c r="CY6" s="541"/>
      <c r="CZ6" s="541"/>
      <c r="DA6" s="541"/>
      <c r="DB6" s="541"/>
      <c r="DC6" s="541"/>
      <c r="DD6" s="541"/>
      <c r="DE6" s="541"/>
      <c r="DF6" s="541"/>
      <c r="DG6" s="541"/>
      <c r="DH6" s="542"/>
      <c r="DI6" s="537"/>
      <c r="DJ6" s="538"/>
      <c r="DK6" s="538"/>
      <c r="DL6" s="538"/>
      <c r="DM6" s="538"/>
      <c r="DN6" s="538"/>
      <c r="DO6" s="538"/>
      <c r="DP6" s="538"/>
      <c r="DQ6" s="538"/>
      <c r="DR6" s="538"/>
      <c r="DS6" s="538"/>
      <c r="DT6" s="540" t="s">
        <v>77</v>
      </c>
      <c r="DU6" s="541"/>
      <c r="DV6" s="541"/>
      <c r="DW6" s="541"/>
      <c r="DX6" s="541"/>
      <c r="DY6" s="541"/>
      <c r="DZ6" s="541"/>
      <c r="EA6" s="541"/>
      <c r="EB6" s="541"/>
      <c r="EC6" s="541"/>
      <c r="ED6" s="542"/>
      <c r="EE6" s="540" t="s">
        <v>78</v>
      </c>
      <c r="EF6" s="541"/>
      <c r="EG6" s="541"/>
      <c r="EH6" s="541"/>
      <c r="EI6" s="541"/>
      <c r="EJ6" s="541"/>
      <c r="EK6" s="541"/>
      <c r="EL6" s="541"/>
      <c r="EM6" s="541"/>
      <c r="EN6" s="541"/>
      <c r="EO6" s="542"/>
      <c r="EP6" s="540" t="s">
        <v>79</v>
      </c>
      <c r="EQ6" s="541"/>
      <c r="ER6" s="541"/>
      <c r="ES6" s="541"/>
      <c r="ET6" s="541"/>
      <c r="EU6" s="541"/>
      <c r="EV6" s="541"/>
      <c r="EW6" s="541"/>
      <c r="EX6" s="541"/>
      <c r="EY6" s="541"/>
      <c r="EZ6" s="542"/>
      <c r="FA6" s="540" t="s">
        <v>149</v>
      </c>
      <c r="FB6" s="541"/>
      <c r="FC6" s="541"/>
      <c r="FD6" s="541"/>
      <c r="FE6" s="541"/>
      <c r="FF6" s="541"/>
      <c r="FG6" s="541"/>
      <c r="FH6" s="541"/>
      <c r="FI6" s="541"/>
      <c r="FJ6" s="541"/>
      <c r="FK6" s="542"/>
      <c r="FL6" s="537"/>
      <c r="FM6" s="538"/>
      <c r="FN6" s="538"/>
      <c r="FO6" s="538"/>
      <c r="FP6" s="538"/>
      <c r="FQ6" s="538"/>
      <c r="FR6" s="538"/>
      <c r="FS6" s="538"/>
      <c r="FT6" s="538"/>
      <c r="FU6" s="538"/>
      <c r="FV6" s="538"/>
      <c r="FW6" s="540" t="s">
        <v>80</v>
      </c>
      <c r="FX6" s="541"/>
      <c r="FY6" s="541"/>
      <c r="FZ6" s="541"/>
      <c r="GA6" s="541"/>
      <c r="GB6" s="541"/>
      <c r="GC6" s="541"/>
      <c r="GD6" s="541"/>
      <c r="GE6" s="541"/>
      <c r="GF6" s="541"/>
      <c r="GG6" s="542"/>
      <c r="GH6" s="438" t="s">
        <v>81</v>
      </c>
      <c r="GI6" s="439"/>
      <c r="GJ6" s="439"/>
      <c r="GK6" s="439"/>
      <c r="GL6" s="439"/>
      <c r="GM6" s="439"/>
      <c r="GN6" s="439"/>
      <c r="GO6" s="439"/>
      <c r="GP6" s="439"/>
      <c r="GQ6" s="439"/>
      <c r="GR6" s="440"/>
      <c r="GS6" s="438" t="s">
        <v>82</v>
      </c>
      <c r="GT6" s="439"/>
      <c r="GU6" s="439"/>
      <c r="GV6" s="439"/>
      <c r="GW6" s="439"/>
      <c r="GX6" s="439"/>
      <c r="GY6" s="439"/>
      <c r="GZ6" s="439"/>
      <c r="HA6" s="439"/>
      <c r="HB6" s="439"/>
      <c r="HC6" s="440"/>
      <c r="HD6" s="560"/>
      <c r="HE6" s="561"/>
      <c r="HF6" s="561"/>
      <c r="HG6" s="561"/>
      <c r="HH6" s="561"/>
      <c r="HI6" s="561"/>
      <c r="HJ6" s="561"/>
      <c r="HK6" s="561"/>
      <c r="HL6" s="561"/>
      <c r="HM6" s="561"/>
      <c r="HN6" s="562"/>
      <c r="HO6" s="560"/>
      <c r="HP6" s="561"/>
      <c r="HQ6" s="561"/>
      <c r="HR6" s="561"/>
      <c r="HS6" s="561"/>
      <c r="HT6" s="561"/>
      <c r="HU6" s="561"/>
      <c r="HV6" s="561"/>
      <c r="HW6" s="561"/>
      <c r="HX6" s="561"/>
      <c r="HY6" s="562"/>
      <c r="HZ6" s="537"/>
      <c r="IA6" s="538"/>
      <c r="IB6" s="538"/>
      <c r="IC6" s="538"/>
      <c r="ID6" s="538"/>
      <c r="IE6" s="538"/>
      <c r="IF6" s="538"/>
      <c r="IG6" s="538"/>
      <c r="IH6" s="538"/>
      <c r="II6" s="538"/>
      <c r="IJ6" s="539"/>
      <c r="IK6" s="435"/>
      <c r="IL6" s="436"/>
      <c r="IM6" s="436"/>
      <c r="IN6" s="436"/>
      <c r="IO6" s="436"/>
      <c r="IP6" s="436"/>
      <c r="IQ6" s="436"/>
      <c r="IR6" s="436"/>
      <c r="IS6" s="436"/>
      <c r="IT6" s="436"/>
      <c r="IU6" s="437"/>
      <c r="IV6" s="435"/>
      <c r="IW6" s="436"/>
      <c r="IX6" s="436"/>
      <c r="IY6" s="436"/>
      <c r="IZ6" s="436"/>
      <c r="JA6" s="436"/>
      <c r="JB6" s="436"/>
      <c r="JC6" s="436"/>
      <c r="JD6" s="436"/>
      <c r="JE6" s="436"/>
      <c r="JF6" s="437"/>
      <c r="JG6" s="435"/>
      <c r="JH6" s="436"/>
      <c r="JI6" s="436"/>
      <c r="JJ6" s="436"/>
      <c r="JK6" s="436"/>
      <c r="JL6" s="436"/>
      <c r="JM6" s="436"/>
      <c r="JN6" s="436"/>
      <c r="JO6" s="436"/>
      <c r="JP6" s="436"/>
      <c r="JQ6" s="437"/>
      <c r="JR6" s="435"/>
      <c r="JS6" s="436"/>
      <c r="JT6" s="436"/>
      <c r="JU6" s="436"/>
      <c r="JV6" s="436"/>
      <c r="JW6" s="436"/>
      <c r="JX6" s="436"/>
      <c r="JY6" s="436"/>
      <c r="JZ6" s="436"/>
      <c r="KA6" s="436"/>
      <c r="KB6" s="437"/>
      <c r="KC6" s="435"/>
      <c r="KD6" s="436"/>
      <c r="KE6" s="436"/>
      <c r="KF6" s="436"/>
      <c r="KG6" s="436"/>
      <c r="KH6" s="436"/>
      <c r="KI6" s="436"/>
      <c r="KJ6" s="436"/>
      <c r="KK6" s="436"/>
      <c r="KL6" s="436"/>
      <c r="KM6" s="437"/>
      <c r="KN6" s="435"/>
      <c r="KO6" s="436"/>
      <c r="KP6" s="436"/>
      <c r="KQ6" s="436"/>
      <c r="KR6" s="436"/>
      <c r="KS6" s="436"/>
      <c r="KT6" s="436"/>
      <c r="KU6" s="436"/>
      <c r="KV6" s="436"/>
      <c r="KW6" s="436"/>
      <c r="KX6" s="437"/>
      <c r="KY6" s="435"/>
      <c r="KZ6" s="436"/>
      <c r="LA6" s="436"/>
      <c r="LB6" s="436"/>
      <c r="LC6" s="436"/>
      <c r="LD6" s="436"/>
      <c r="LE6" s="436"/>
      <c r="LF6" s="436"/>
      <c r="LG6" s="436"/>
      <c r="LH6" s="436"/>
      <c r="LI6" s="437"/>
      <c r="LJ6" s="537"/>
      <c r="LK6" s="538"/>
      <c r="LL6" s="538"/>
      <c r="LM6" s="538"/>
      <c r="LN6" s="538"/>
      <c r="LO6" s="538"/>
      <c r="LP6" s="538"/>
      <c r="LQ6" s="538"/>
      <c r="LR6" s="538"/>
      <c r="LS6" s="538"/>
      <c r="LT6" s="539"/>
      <c r="LU6" s="537"/>
      <c r="LV6" s="538"/>
      <c r="LW6" s="538"/>
      <c r="LX6" s="538"/>
      <c r="LY6" s="538"/>
      <c r="LZ6" s="538"/>
      <c r="MA6" s="538"/>
      <c r="MB6" s="538"/>
      <c r="MC6" s="538"/>
      <c r="MD6" s="538"/>
      <c r="ME6" s="539"/>
      <c r="MF6" s="537"/>
      <c r="MG6" s="538"/>
      <c r="MH6" s="538"/>
      <c r="MI6" s="538"/>
      <c r="MJ6" s="538"/>
      <c r="MK6" s="538"/>
      <c r="ML6" s="538"/>
      <c r="MM6" s="538"/>
      <c r="MN6" s="538"/>
      <c r="MO6" s="538"/>
      <c r="MP6" s="539"/>
      <c r="MQ6" s="435"/>
      <c r="MR6" s="436"/>
      <c r="MS6" s="436"/>
      <c r="MT6" s="436"/>
      <c r="MU6" s="436"/>
      <c r="MV6" s="436"/>
      <c r="MW6" s="436"/>
      <c r="MX6" s="436"/>
      <c r="MY6" s="436"/>
      <c r="MZ6" s="436"/>
      <c r="NA6" s="437"/>
      <c r="NB6" s="435"/>
      <c r="NC6" s="436"/>
      <c r="ND6" s="436"/>
      <c r="NE6" s="436"/>
      <c r="NF6" s="436"/>
      <c r="NG6" s="436"/>
      <c r="NH6" s="436"/>
      <c r="NI6" s="436"/>
      <c r="NJ6" s="436"/>
      <c r="NK6" s="436"/>
      <c r="NL6" s="437"/>
      <c r="NM6" s="435"/>
      <c r="NN6" s="436"/>
      <c r="NO6" s="436"/>
      <c r="NP6" s="436"/>
      <c r="NQ6" s="436"/>
      <c r="NR6" s="436"/>
      <c r="NS6" s="436"/>
      <c r="NT6" s="436"/>
      <c r="NU6" s="436"/>
      <c r="NV6" s="436"/>
      <c r="NW6" s="437"/>
      <c r="NX6" s="435"/>
      <c r="NY6" s="436"/>
      <c r="NZ6" s="436"/>
      <c r="OA6" s="436"/>
      <c r="OB6" s="436"/>
      <c r="OC6" s="436"/>
      <c r="OD6" s="436"/>
      <c r="OE6" s="436"/>
      <c r="OF6" s="436"/>
      <c r="OG6" s="436"/>
      <c r="OH6" s="437"/>
      <c r="OI6" s="435"/>
      <c r="OJ6" s="436"/>
      <c r="OK6" s="436"/>
      <c r="OL6" s="436"/>
      <c r="OM6" s="436"/>
      <c r="ON6" s="436"/>
      <c r="OO6" s="436"/>
      <c r="OP6" s="436"/>
      <c r="OQ6" s="436"/>
      <c r="OR6" s="436"/>
      <c r="OS6" s="437"/>
    </row>
    <row r="7" spans="1:409" ht="21" customHeight="1" x14ac:dyDescent="0.2">
      <c r="B7" s="552"/>
      <c r="C7" s="520" t="s">
        <v>61</v>
      </c>
      <c r="D7" s="520"/>
      <c r="E7" s="520"/>
      <c r="F7" s="519" t="s">
        <v>62</v>
      </c>
      <c r="G7" s="520"/>
      <c r="H7" s="520"/>
      <c r="I7" s="520"/>
      <c r="J7" s="520"/>
      <c r="K7" s="520"/>
      <c r="L7" s="520"/>
      <c r="M7" s="519" t="s">
        <v>52</v>
      </c>
      <c r="N7" s="564" t="s">
        <v>61</v>
      </c>
      <c r="O7" s="520"/>
      <c r="P7" s="520"/>
      <c r="Q7" s="519" t="s">
        <v>62</v>
      </c>
      <c r="R7" s="520"/>
      <c r="S7" s="520"/>
      <c r="T7" s="520"/>
      <c r="U7" s="520"/>
      <c r="V7" s="520"/>
      <c r="W7" s="521"/>
      <c r="X7" s="549" t="s">
        <v>52</v>
      </c>
      <c r="Y7" s="435" t="s">
        <v>61</v>
      </c>
      <c r="Z7" s="436"/>
      <c r="AA7" s="528"/>
      <c r="AB7" s="527" t="s">
        <v>62</v>
      </c>
      <c r="AC7" s="436"/>
      <c r="AD7" s="436"/>
      <c r="AE7" s="436"/>
      <c r="AF7" s="436"/>
      <c r="AG7" s="436"/>
      <c r="AH7" s="528"/>
      <c r="AI7" s="437" t="s">
        <v>52</v>
      </c>
      <c r="AJ7" s="524" t="s">
        <v>61</v>
      </c>
      <c r="AK7" s="525"/>
      <c r="AL7" s="526"/>
      <c r="AM7" s="547" t="s">
        <v>62</v>
      </c>
      <c r="AN7" s="525"/>
      <c r="AO7" s="525"/>
      <c r="AP7" s="525"/>
      <c r="AQ7" s="525"/>
      <c r="AR7" s="525"/>
      <c r="AS7" s="548"/>
      <c r="AT7" s="437" t="s">
        <v>52</v>
      </c>
      <c r="AU7" s="524" t="s">
        <v>61</v>
      </c>
      <c r="AV7" s="525"/>
      <c r="AW7" s="526"/>
      <c r="AX7" s="547" t="s">
        <v>62</v>
      </c>
      <c r="AY7" s="525"/>
      <c r="AZ7" s="525"/>
      <c r="BA7" s="525"/>
      <c r="BB7" s="525"/>
      <c r="BC7" s="525"/>
      <c r="BD7" s="548"/>
      <c r="BE7" s="437" t="s">
        <v>52</v>
      </c>
      <c r="BF7" s="524" t="s">
        <v>61</v>
      </c>
      <c r="BG7" s="525"/>
      <c r="BH7" s="526"/>
      <c r="BI7" s="547" t="s">
        <v>62</v>
      </c>
      <c r="BJ7" s="525"/>
      <c r="BK7" s="525"/>
      <c r="BL7" s="525"/>
      <c r="BM7" s="525"/>
      <c r="BN7" s="525"/>
      <c r="BO7" s="548"/>
      <c r="BP7" s="437" t="s">
        <v>52</v>
      </c>
      <c r="BQ7" s="524" t="s">
        <v>61</v>
      </c>
      <c r="BR7" s="525"/>
      <c r="BS7" s="526"/>
      <c r="BT7" s="547" t="s">
        <v>62</v>
      </c>
      <c r="BU7" s="525"/>
      <c r="BV7" s="525"/>
      <c r="BW7" s="525"/>
      <c r="BX7" s="525"/>
      <c r="BY7" s="525"/>
      <c r="BZ7" s="548"/>
      <c r="CA7" s="437" t="s">
        <v>52</v>
      </c>
      <c r="CB7" s="516" t="s">
        <v>61</v>
      </c>
      <c r="CC7" s="517"/>
      <c r="CD7" s="518"/>
      <c r="CE7" s="565" t="s">
        <v>62</v>
      </c>
      <c r="CF7" s="517"/>
      <c r="CG7" s="517"/>
      <c r="CH7" s="517"/>
      <c r="CI7" s="517"/>
      <c r="CJ7" s="517"/>
      <c r="CK7" s="566"/>
      <c r="CL7" s="549" t="s">
        <v>52</v>
      </c>
      <c r="CM7" s="524" t="s">
        <v>61</v>
      </c>
      <c r="CN7" s="525"/>
      <c r="CO7" s="548"/>
      <c r="CP7" s="547" t="s">
        <v>62</v>
      </c>
      <c r="CQ7" s="525"/>
      <c r="CR7" s="525"/>
      <c r="CS7" s="525"/>
      <c r="CT7" s="525"/>
      <c r="CU7" s="525"/>
      <c r="CV7" s="548"/>
      <c r="CW7" s="571" t="s">
        <v>52</v>
      </c>
      <c r="CX7" s="524" t="s">
        <v>61</v>
      </c>
      <c r="CY7" s="525"/>
      <c r="CZ7" s="548"/>
      <c r="DA7" s="547" t="s">
        <v>62</v>
      </c>
      <c r="DB7" s="525"/>
      <c r="DC7" s="525"/>
      <c r="DD7" s="525"/>
      <c r="DE7" s="525"/>
      <c r="DF7" s="525"/>
      <c r="DG7" s="548"/>
      <c r="DH7" s="571" t="s">
        <v>52</v>
      </c>
      <c r="DI7" s="516" t="s">
        <v>61</v>
      </c>
      <c r="DJ7" s="517"/>
      <c r="DK7" s="566"/>
      <c r="DL7" s="565" t="s">
        <v>62</v>
      </c>
      <c r="DM7" s="517"/>
      <c r="DN7" s="517"/>
      <c r="DO7" s="517"/>
      <c r="DP7" s="517"/>
      <c r="DQ7" s="517"/>
      <c r="DR7" s="566"/>
      <c r="DS7" s="549" t="s">
        <v>52</v>
      </c>
      <c r="DT7" s="524" t="s">
        <v>61</v>
      </c>
      <c r="DU7" s="525"/>
      <c r="DV7" s="526"/>
      <c r="DW7" s="547" t="s">
        <v>62</v>
      </c>
      <c r="DX7" s="525"/>
      <c r="DY7" s="525"/>
      <c r="DZ7" s="525"/>
      <c r="EA7" s="525"/>
      <c r="EB7" s="525"/>
      <c r="EC7" s="548"/>
      <c r="ED7" s="437" t="s">
        <v>52</v>
      </c>
      <c r="EE7" s="524" t="s">
        <v>61</v>
      </c>
      <c r="EF7" s="525"/>
      <c r="EG7" s="526"/>
      <c r="EH7" s="547" t="s">
        <v>62</v>
      </c>
      <c r="EI7" s="525"/>
      <c r="EJ7" s="525"/>
      <c r="EK7" s="525"/>
      <c r="EL7" s="525"/>
      <c r="EM7" s="525"/>
      <c r="EN7" s="548"/>
      <c r="EO7" s="437" t="s">
        <v>52</v>
      </c>
      <c r="EP7" s="524" t="s">
        <v>61</v>
      </c>
      <c r="EQ7" s="525"/>
      <c r="ER7" s="526"/>
      <c r="ES7" s="547" t="s">
        <v>62</v>
      </c>
      <c r="ET7" s="525"/>
      <c r="EU7" s="525"/>
      <c r="EV7" s="525"/>
      <c r="EW7" s="525"/>
      <c r="EX7" s="525"/>
      <c r="EY7" s="548"/>
      <c r="EZ7" s="437" t="s">
        <v>52</v>
      </c>
      <c r="FA7" s="524" t="s">
        <v>61</v>
      </c>
      <c r="FB7" s="525"/>
      <c r="FC7" s="526"/>
      <c r="FD7" s="547" t="s">
        <v>62</v>
      </c>
      <c r="FE7" s="525"/>
      <c r="FF7" s="525"/>
      <c r="FG7" s="525"/>
      <c r="FH7" s="525"/>
      <c r="FI7" s="525"/>
      <c r="FJ7" s="548"/>
      <c r="FK7" s="437" t="s">
        <v>52</v>
      </c>
      <c r="FL7" s="516" t="s">
        <v>61</v>
      </c>
      <c r="FM7" s="517"/>
      <c r="FN7" s="518"/>
      <c r="FO7" s="565" t="s">
        <v>62</v>
      </c>
      <c r="FP7" s="517"/>
      <c r="FQ7" s="517"/>
      <c r="FR7" s="517"/>
      <c r="FS7" s="517"/>
      <c r="FT7" s="517"/>
      <c r="FU7" s="566"/>
      <c r="FV7" s="520" t="s">
        <v>52</v>
      </c>
      <c r="FW7" s="524" t="s">
        <v>61</v>
      </c>
      <c r="FX7" s="525"/>
      <c r="FY7" s="526"/>
      <c r="FZ7" s="547" t="s">
        <v>62</v>
      </c>
      <c r="GA7" s="525"/>
      <c r="GB7" s="525"/>
      <c r="GC7" s="525"/>
      <c r="GD7" s="525"/>
      <c r="GE7" s="525"/>
      <c r="GF7" s="548"/>
      <c r="GG7" s="437" t="s">
        <v>52</v>
      </c>
      <c r="GH7" s="435" t="s">
        <v>61</v>
      </c>
      <c r="GI7" s="436"/>
      <c r="GJ7" s="436"/>
      <c r="GK7" s="527" t="s">
        <v>62</v>
      </c>
      <c r="GL7" s="436"/>
      <c r="GM7" s="436"/>
      <c r="GN7" s="436"/>
      <c r="GO7" s="436"/>
      <c r="GP7" s="436"/>
      <c r="GQ7" s="528"/>
      <c r="GR7" s="568" t="s">
        <v>52</v>
      </c>
      <c r="GS7" s="435" t="s">
        <v>61</v>
      </c>
      <c r="GT7" s="436"/>
      <c r="GU7" s="528"/>
      <c r="GV7" s="527" t="s">
        <v>62</v>
      </c>
      <c r="GW7" s="436"/>
      <c r="GX7" s="436"/>
      <c r="GY7" s="436"/>
      <c r="GZ7" s="436"/>
      <c r="HA7" s="436"/>
      <c r="HB7" s="528"/>
      <c r="HC7" s="568" t="s">
        <v>52</v>
      </c>
      <c r="HD7" s="524" t="s">
        <v>61</v>
      </c>
      <c r="HE7" s="525"/>
      <c r="HF7" s="526"/>
      <c r="HG7" s="547" t="s">
        <v>62</v>
      </c>
      <c r="HH7" s="525"/>
      <c r="HI7" s="525"/>
      <c r="HJ7" s="525"/>
      <c r="HK7" s="525"/>
      <c r="HL7" s="525"/>
      <c r="HM7" s="548"/>
      <c r="HN7" s="437" t="s">
        <v>52</v>
      </c>
      <c r="HO7" s="524" t="s">
        <v>61</v>
      </c>
      <c r="HP7" s="525"/>
      <c r="HQ7" s="526"/>
      <c r="HR7" s="547" t="s">
        <v>62</v>
      </c>
      <c r="HS7" s="525"/>
      <c r="HT7" s="525"/>
      <c r="HU7" s="525"/>
      <c r="HV7" s="525"/>
      <c r="HW7" s="525"/>
      <c r="HX7" s="548"/>
      <c r="HY7" s="437" t="s">
        <v>52</v>
      </c>
      <c r="HZ7" s="516" t="s">
        <v>61</v>
      </c>
      <c r="IA7" s="517"/>
      <c r="IB7" s="518"/>
      <c r="IC7" s="565" t="s">
        <v>62</v>
      </c>
      <c r="ID7" s="517"/>
      <c r="IE7" s="517"/>
      <c r="IF7" s="517"/>
      <c r="IG7" s="517"/>
      <c r="IH7" s="517"/>
      <c r="II7" s="566"/>
      <c r="IJ7" s="520" t="s">
        <v>52</v>
      </c>
      <c r="IK7" s="524" t="s">
        <v>61</v>
      </c>
      <c r="IL7" s="525"/>
      <c r="IM7" s="526"/>
      <c r="IN7" s="547" t="s">
        <v>62</v>
      </c>
      <c r="IO7" s="525"/>
      <c r="IP7" s="525"/>
      <c r="IQ7" s="525"/>
      <c r="IR7" s="525"/>
      <c r="IS7" s="525"/>
      <c r="IT7" s="548"/>
      <c r="IU7" s="437" t="s">
        <v>52</v>
      </c>
      <c r="IV7" s="524" t="s">
        <v>61</v>
      </c>
      <c r="IW7" s="525"/>
      <c r="IX7" s="548"/>
      <c r="IY7" s="547" t="s">
        <v>62</v>
      </c>
      <c r="IZ7" s="525"/>
      <c r="JA7" s="525"/>
      <c r="JB7" s="525"/>
      <c r="JC7" s="525"/>
      <c r="JD7" s="525"/>
      <c r="JE7" s="548"/>
      <c r="JF7" s="437" t="s">
        <v>52</v>
      </c>
      <c r="JG7" s="524" t="s">
        <v>61</v>
      </c>
      <c r="JH7" s="525"/>
      <c r="JI7" s="526"/>
      <c r="JJ7" s="547" t="s">
        <v>62</v>
      </c>
      <c r="JK7" s="525"/>
      <c r="JL7" s="525"/>
      <c r="JM7" s="525"/>
      <c r="JN7" s="525"/>
      <c r="JO7" s="525"/>
      <c r="JP7" s="548"/>
      <c r="JQ7" s="571" t="s">
        <v>52</v>
      </c>
      <c r="JR7" s="524" t="s">
        <v>61</v>
      </c>
      <c r="JS7" s="525"/>
      <c r="JT7" s="526"/>
      <c r="JU7" s="547" t="s">
        <v>62</v>
      </c>
      <c r="JV7" s="525"/>
      <c r="JW7" s="525"/>
      <c r="JX7" s="525"/>
      <c r="JY7" s="525"/>
      <c r="JZ7" s="525"/>
      <c r="KA7" s="548"/>
      <c r="KB7" s="571" t="s">
        <v>52</v>
      </c>
      <c r="KC7" s="524" t="s">
        <v>61</v>
      </c>
      <c r="KD7" s="525"/>
      <c r="KE7" s="526"/>
      <c r="KF7" s="547" t="s">
        <v>62</v>
      </c>
      <c r="KG7" s="525"/>
      <c r="KH7" s="525"/>
      <c r="KI7" s="525"/>
      <c r="KJ7" s="525"/>
      <c r="KK7" s="525"/>
      <c r="KL7" s="548"/>
      <c r="KM7" s="571" t="s">
        <v>52</v>
      </c>
      <c r="KN7" s="524" t="s">
        <v>61</v>
      </c>
      <c r="KO7" s="525"/>
      <c r="KP7" s="526"/>
      <c r="KQ7" s="547" t="s">
        <v>62</v>
      </c>
      <c r="KR7" s="525"/>
      <c r="KS7" s="525"/>
      <c r="KT7" s="525"/>
      <c r="KU7" s="525"/>
      <c r="KV7" s="525"/>
      <c r="KW7" s="548"/>
      <c r="KX7" s="571" t="s">
        <v>52</v>
      </c>
      <c r="KY7" s="524" t="s">
        <v>61</v>
      </c>
      <c r="KZ7" s="525"/>
      <c r="LA7" s="526"/>
      <c r="LB7" s="547" t="s">
        <v>62</v>
      </c>
      <c r="LC7" s="525"/>
      <c r="LD7" s="525"/>
      <c r="LE7" s="525"/>
      <c r="LF7" s="525"/>
      <c r="LG7" s="525"/>
      <c r="LH7" s="548"/>
      <c r="LI7" s="571" t="s">
        <v>52</v>
      </c>
      <c r="LJ7" s="524" t="s">
        <v>61</v>
      </c>
      <c r="LK7" s="525"/>
      <c r="LL7" s="526"/>
      <c r="LM7" s="547" t="s">
        <v>62</v>
      </c>
      <c r="LN7" s="525"/>
      <c r="LO7" s="525"/>
      <c r="LP7" s="525"/>
      <c r="LQ7" s="525"/>
      <c r="LR7" s="525"/>
      <c r="LS7" s="548"/>
      <c r="LT7" s="571" t="s">
        <v>52</v>
      </c>
      <c r="LU7" s="524" t="s">
        <v>61</v>
      </c>
      <c r="LV7" s="525"/>
      <c r="LW7" s="526"/>
      <c r="LX7" s="547" t="s">
        <v>62</v>
      </c>
      <c r="LY7" s="525"/>
      <c r="LZ7" s="525"/>
      <c r="MA7" s="525"/>
      <c r="MB7" s="525"/>
      <c r="MC7" s="525"/>
      <c r="MD7" s="548"/>
      <c r="ME7" s="571" t="s">
        <v>52</v>
      </c>
      <c r="MF7" s="516" t="s">
        <v>61</v>
      </c>
      <c r="MG7" s="517"/>
      <c r="MH7" s="518"/>
      <c r="MI7" s="565" t="s">
        <v>62</v>
      </c>
      <c r="MJ7" s="517"/>
      <c r="MK7" s="517"/>
      <c r="ML7" s="517"/>
      <c r="MM7" s="517"/>
      <c r="MN7" s="517"/>
      <c r="MO7" s="566"/>
      <c r="MP7" s="549" t="s">
        <v>52</v>
      </c>
      <c r="MQ7" s="524" t="s">
        <v>61</v>
      </c>
      <c r="MR7" s="525"/>
      <c r="MS7" s="526"/>
      <c r="MT7" s="547" t="s">
        <v>62</v>
      </c>
      <c r="MU7" s="525"/>
      <c r="MV7" s="525"/>
      <c r="MW7" s="525"/>
      <c r="MX7" s="525"/>
      <c r="MY7" s="525"/>
      <c r="MZ7" s="548"/>
      <c r="NA7" s="571" t="s">
        <v>52</v>
      </c>
      <c r="NB7" s="524" t="s">
        <v>61</v>
      </c>
      <c r="NC7" s="525"/>
      <c r="ND7" s="526"/>
      <c r="NE7" s="547" t="s">
        <v>62</v>
      </c>
      <c r="NF7" s="525"/>
      <c r="NG7" s="525"/>
      <c r="NH7" s="525"/>
      <c r="NI7" s="525"/>
      <c r="NJ7" s="525"/>
      <c r="NK7" s="548"/>
      <c r="NL7" s="571" t="s">
        <v>52</v>
      </c>
      <c r="NM7" s="524" t="s">
        <v>61</v>
      </c>
      <c r="NN7" s="525"/>
      <c r="NO7" s="526"/>
      <c r="NP7" s="547" t="s">
        <v>62</v>
      </c>
      <c r="NQ7" s="525"/>
      <c r="NR7" s="525"/>
      <c r="NS7" s="525"/>
      <c r="NT7" s="525"/>
      <c r="NU7" s="525"/>
      <c r="NV7" s="548"/>
      <c r="NW7" s="571" t="s">
        <v>52</v>
      </c>
      <c r="NX7" s="524" t="s">
        <v>61</v>
      </c>
      <c r="NY7" s="525"/>
      <c r="NZ7" s="526"/>
      <c r="OA7" s="547" t="s">
        <v>62</v>
      </c>
      <c r="OB7" s="525"/>
      <c r="OC7" s="525"/>
      <c r="OD7" s="525"/>
      <c r="OE7" s="525"/>
      <c r="OF7" s="525"/>
      <c r="OG7" s="548"/>
      <c r="OH7" s="571" t="s">
        <v>52</v>
      </c>
      <c r="OI7" s="516" t="s">
        <v>61</v>
      </c>
      <c r="OJ7" s="517"/>
      <c r="OK7" s="518"/>
      <c r="OL7" s="565" t="s">
        <v>62</v>
      </c>
      <c r="OM7" s="517"/>
      <c r="ON7" s="517"/>
      <c r="OO7" s="517"/>
      <c r="OP7" s="517"/>
      <c r="OQ7" s="517"/>
      <c r="OR7" s="566"/>
      <c r="OS7" s="549" t="s">
        <v>52</v>
      </c>
    </row>
    <row r="8" spans="1:409" ht="30" customHeight="1" thickBot="1" x14ac:dyDescent="0.25">
      <c r="B8" s="553"/>
      <c r="C8" s="248" t="s">
        <v>43</v>
      </c>
      <c r="D8" s="422" t="s">
        <v>44</v>
      </c>
      <c r="E8" s="249" t="s">
        <v>45</v>
      </c>
      <c r="F8" s="76" t="s">
        <v>83</v>
      </c>
      <c r="G8" s="422" t="s">
        <v>47</v>
      </c>
      <c r="H8" s="422" t="s">
        <v>48</v>
      </c>
      <c r="I8" s="422" t="s">
        <v>49</v>
      </c>
      <c r="J8" s="422" t="s">
        <v>50</v>
      </c>
      <c r="K8" s="422" t="s">
        <v>51</v>
      </c>
      <c r="L8" s="75" t="s">
        <v>45</v>
      </c>
      <c r="M8" s="563"/>
      <c r="N8" s="421" t="s">
        <v>43</v>
      </c>
      <c r="O8" s="422" t="s">
        <v>44</v>
      </c>
      <c r="P8" s="75" t="s">
        <v>45</v>
      </c>
      <c r="Q8" s="76" t="s">
        <v>83</v>
      </c>
      <c r="R8" s="422" t="s">
        <v>47</v>
      </c>
      <c r="S8" s="422" t="s">
        <v>48</v>
      </c>
      <c r="T8" s="422" t="s">
        <v>49</v>
      </c>
      <c r="U8" s="422" t="s">
        <v>50</v>
      </c>
      <c r="V8" s="422" t="s">
        <v>51</v>
      </c>
      <c r="W8" s="75" t="s">
        <v>45</v>
      </c>
      <c r="X8" s="550"/>
      <c r="Y8" s="421" t="s">
        <v>43</v>
      </c>
      <c r="Z8" s="422" t="s">
        <v>44</v>
      </c>
      <c r="AA8" s="75" t="s">
        <v>45</v>
      </c>
      <c r="AB8" s="76" t="s">
        <v>83</v>
      </c>
      <c r="AC8" s="422" t="s">
        <v>47</v>
      </c>
      <c r="AD8" s="422" t="s">
        <v>48</v>
      </c>
      <c r="AE8" s="422" t="s">
        <v>49</v>
      </c>
      <c r="AF8" s="422" t="s">
        <v>50</v>
      </c>
      <c r="AG8" s="422" t="s">
        <v>51</v>
      </c>
      <c r="AH8" s="75" t="s">
        <v>45</v>
      </c>
      <c r="AI8" s="536"/>
      <c r="AJ8" s="421" t="s">
        <v>43</v>
      </c>
      <c r="AK8" s="422" t="s">
        <v>44</v>
      </c>
      <c r="AL8" s="249" t="s">
        <v>45</v>
      </c>
      <c r="AM8" s="76" t="s">
        <v>83</v>
      </c>
      <c r="AN8" s="422" t="s">
        <v>47</v>
      </c>
      <c r="AO8" s="422" t="s">
        <v>48</v>
      </c>
      <c r="AP8" s="422" t="s">
        <v>49</v>
      </c>
      <c r="AQ8" s="422" t="s">
        <v>50</v>
      </c>
      <c r="AR8" s="422" t="s">
        <v>51</v>
      </c>
      <c r="AS8" s="75" t="s">
        <v>45</v>
      </c>
      <c r="AT8" s="536"/>
      <c r="AU8" s="421" t="s">
        <v>43</v>
      </c>
      <c r="AV8" s="422" t="s">
        <v>44</v>
      </c>
      <c r="AW8" s="249" t="s">
        <v>45</v>
      </c>
      <c r="AX8" s="76" t="s">
        <v>83</v>
      </c>
      <c r="AY8" s="422" t="s">
        <v>47</v>
      </c>
      <c r="AZ8" s="422" t="s">
        <v>48</v>
      </c>
      <c r="BA8" s="422" t="s">
        <v>49</v>
      </c>
      <c r="BB8" s="422" t="s">
        <v>50</v>
      </c>
      <c r="BC8" s="422" t="s">
        <v>51</v>
      </c>
      <c r="BD8" s="75" t="s">
        <v>45</v>
      </c>
      <c r="BE8" s="536"/>
      <c r="BF8" s="250" t="s">
        <v>43</v>
      </c>
      <c r="BG8" s="422" t="s">
        <v>44</v>
      </c>
      <c r="BH8" s="249" t="s">
        <v>45</v>
      </c>
      <c r="BI8" s="76" t="s">
        <v>83</v>
      </c>
      <c r="BJ8" s="422" t="s">
        <v>47</v>
      </c>
      <c r="BK8" s="422" t="s">
        <v>48</v>
      </c>
      <c r="BL8" s="422" t="s">
        <v>49</v>
      </c>
      <c r="BM8" s="422" t="s">
        <v>50</v>
      </c>
      <c r="BN8" s="422" t="s">
        <v>51</v>
      </c>
      <c r="BO8" s="75" t="s">
        <v>45</v>
      </c>
      <c r="BP8" s="536"/>
      <c r="BQ8" s="421" t="s">
        <v>43</v>
      </c>
      <c r="BR8" s="422" t="s">
        <v>44</v>
      </c>
      <c r="BS8" s="249" t="s">
        <v>45</v>
      </c>
      <c r="BT8" s="76" t="s">
        <v>83</v>
      </c>
      <c r="BU8" s="422" t="s">
        <v>47</v>
      </c>
      <c r="BV8" s="422" t="s">
        <v>48</v>
      </c>
      <c r="BW8" s="422" t="s">
        <v>49</v>
      </c>
      <c r="BX8" s="422" t="s">
        <v>50</v>
      </c>
      <c r="BY8" s="422" t="s">
        <v>51</v>
      </c>
      <c r="BZ8" s="75" t="s">
        <v>45</v>
      </c>
      <c r="CA8" s="536"/>
      <c r="CB8" s="421" t="s">
        <v>43</v>
      </c>
      <c r="CC8" s="422" t="s">
        <v>44</v>
      </c>
      <c r="CD8" s="249" t="s">
        <v>45</v>
      </c>
      <c r="CE8" s="76" t="s">
        <v>83</v>
      </c>
      <c r="CF8" s="422" t="s">
        <v>47</v>
      </c>
      <c r="CG8" s="422" t="s">
        <v>48</v>
      </c>
      <c r="CH8" s="422" t="s">
        <v>49</v>
      </c>
      <c r="CI8" s="422" t="s">
        <v>50</v>
      </c>
      <c r="CJ8" s="422" t="s">
        <v>51</v>
      </c>
      <c r="CK8" s="75" t="s">
        <v>45</v>
      </c>
      <c r="CL8" s="550"/>
      <c r="CM8" s="421" t="s">
        <v>43</v>
      </c>
      <c r="CN8" s="422" t="s">
        <v>44</v>
      </c>
      <c r="CO8" s="75" t="s">
        <v>45</v>
      </c>
      <c r="CP8" s="76" t="s">
        <v>83</v>
      </c>
      <c r="CQ8" s="422" t="s">
        <v>47</v>
      </c>
      <c r="CR8" s="422" t="s">
        <v>48</v>
      </c>
      <c r="CS8" s="422" t="s">
        <v>49</v>
      </c>
      <c r="CT8" s="422" t="s">
        <v>50</v>
      </c>
      <c r="CU8" s="422" t="s">
        <v>51</v>
      </c>
      <c r="CV8" s="75" t="s">
        <v>45</v>
      </c>
      <c r="CW8" s="550"/>
      <c r="CX8" s="421" t="s">
        <v>43</v>
      </c>
      <c r="CY8" s="422" t="s">
        <v>44</v>
      </c>
      <c r="CZ8" s="75" t="s">
        <v>45</v>
      </c>
      <c r="DA8" s="76" t="s">
        <v>83</v>
      </c>
      <c r="DB8" s="422" t="s">
        <v>47</v>
      </c>
      <c r="DC8" s="422" t="s">
        <v>48</v>
      </c>
      <c r="DD8" s="422" t="s">
        <v>49</v>
      </c>
      <c r="DE8" s="422" t="s">
        <v>50</v>
      </c>
      <c r="DF8" s="422" t="s">
        <v>51</v>
      </c>
      <c r="DG8" s="75" t="s">
        <v>45</v>
      </c>
      <c r="DH8" s="550"/>
      <c r="DI8" s="421" t="s">
        <v>43</v>
      </c>
      <c r="DJ8" s="422" t="s">
        <v>44</v>
      </c>
      <c r="DK8" s="75" t="s">
        <v>45</v>
      </c>
      <c r="DL8" s="76" t="s">
        <v>83</v>
      </c>
      <c r="DM8" s="422" t="s">
        <v>47</v>
      </c>
      <c r="DN8" s="422" t="s">
        <v>48</v>
      </c>
      <c r="DO8" s="422" t="s">
        <v>49</v>
      </c>
      <c r="DP8" s="422" t="s">
        <v>50</v>
      </c>
      <c r="DQ8" s="422" t="s">
        <v>51</v>
      </c>
      <c r="DR8" s="75" t="s">
        <v>45</v>
      </c>
      <c r="DS8" s="550"/>
      <c r="DT8" s="421" t="s">
        <v>43</v>
      </c>
      <c r="DU8" s="422" t="s">
        <v>44</v>
      </c>
      <c r="DV8" s="249" t="s">
        <v>45</v>
      </c>
      <c r="DW8" s="76" t="s">
        <v>83</v>
      </c>
      <c r="DX8" s="422" t="s">
        <v>47</v>
      </c>
      <c r="DY8" s="422" t="s">
        <v>48</v>
      </c>
      <c r="DZ8" s="422" t="s">
        <v>49</v>
      </c>
      <c r="EA8" s="422" t="s">
        <v>50</v>
      </c>
      <c r="EB8" s="422" t="s">
        <v>51</v>
      </c>
      <c r="EC8" s="75" t="s">
        <v>45</v>
      </c>
      <c r="ED8" s="536"/>
      <c r="EE8" s="421" t="s">
        <v>43</v>
      </c>
      <c r="EF8" s="422" t="s">
        <v>44</v>
      </c>
      <c r="EG8" s="249" t="s">
        <v>45</v>
      </c>
      <c r="EH8" s="76" t="s">
        <v>83</v>
      </c>
      <c r="EI8" s="422" t="s">
        <v>47</v>
      </c>
      <c r="EJ8" s="422" t="s">
        <v>48</v>
      </c>
      <c r="EK8" s="422" t="s">
        <v>49</v>
      </c>
      <c r="EL8" s="422" t="s">
        <v>50</v>
      </c>
      <c r="EM8" s="422" t="s">
        <v>51</v>
      </c>
      <c r="EN8" s="75" t="s">
        <v>45</v>
      </c>
      <c r="EO8" s="536"/>
      <c r="EP8" s="421" t="s">
        <v>43</v>
      </c>
      <c r="EQ8" s="422" t="s">
        <v>44</v>
      </c>
      <c r="ER8" s="249" t="s">
        <v>45</v>
      </c>
      <c r="ES8" s="76" t="s">
        <v>83</v>
      </c>
      <c r="ET8" s="422" t="s">
        <v>47</v>
      </c>
      <c r="EU8" s="422" t="s">
        <v>48</v>
      </c>
      <c r="EV8" s="422" t="s">
        <v>49</v>
      </c>
      <c r="EW8" s="422" t="s">
        <v>50</v>
      </c>
      <c r="EX8" s="422" t="s">
        <v>51</v>
      </c>
      <c r="EY8" s="75" t="s">
        <v>45</v>
      </c>
      <c r="EZ8" s="536"/>
      <c r="FA8" s="421" t="s">
        <v>43</v>
      </c>
      <c r="FB8" s="422" t="s">
        <v>44</v>
      </c>
      <c r="FC8" s="249" t="s">
        <v>45</v>
      </c>
      <c r="FD8" s="76" t="s">
        <v>83</v>
      </c>
      <c r="FE8" s="422" t="s">
        <v>47</v>
      </c>
      <c r="FF8" s="422" t="s">
        <v>48</v>
      </c>
      <c r="FG8" s="422" t="s">
        <v>49</v>
      </c>
      <c r="FH8" s="422" t="s">
        <v>50</v>
      </c>
      <c r="FI8" s="422" t="s">
        <v>51</v>
      </c>
      <c r="FJ8" s="75" t="s">
        <v>45</v>
      </c>
      <c r="FK8" s="536"/>
      <c r="FL8" s="421" t="s">
        <v>43</v>
      </c>
      <c r="FM8" s="422" t="s">
        <v>44</v>
      </c>
      <c r="FN8" s="249" t="s">
        <v>45</v>
      </c>
      <c r="FO8" s="76" t="s">
        <v>83</v>
      </c>
      <c r="FP8" s="422" t="s">
        <v>47</v>
      </c>
      <c r="FQ8" s="422" t="s">
        <v>48</v>
      </c>
      <c r="FR8" s="422" t="s">
        <v>49</v>
      </c>
      <c r="FS8" s="422" t="s">
        <v>50</v>
      </c>
      <c r="FT8" s="422" t="s">
        <v>51</v>
      </c>
      <c r="FU8" s="75" t="s">
        <v>45</v>
      </c>
      <c r="FV8" s="570"/>
      <c r="FW8" s="421" t="s">
        <v>43</v>
      </c>
      <c r="FX8" s="422" t="s">
        <v>44</v>
      </c>
      <c r="FY8" s="249" t="s">
        <v>45</v>
      </c>
      <c r="FZ8" s="76" t="s">
        <v>83</v>
      </c>
      <c r="GA8" s="422" t="s">
        <v>47</v>
      </c>
      <c r="GB8" s="422" t="s">
        <v>48</v>
      </c>
      <c r="GC8" s="422" t="s">
        <v>49</v>
      </c>
      <c r="GD8" s="422" t="s">
        <v>50</v>
      </c>
      <c r="GE8" s="422" t="s">
        <v>51</v>
      </c>
      <c r="GF8" s="75" t="s">
        <v>45</v>
      </c>
      <c r="GG8" s="536"/>
      <c r="GH8" s="421" t="s">
        <v>43</v>
      </c>
      <c r="GI8" s="422" t="s">
        <v>44</v>
      </c>
      <c r="GJ8" s="249" t="s">
        <v>45</v>
      </c>
      <c r="GK8" s="76" t="s">
        <v>83</v>
      </c>
      <c r="GL8" s="422" t="s">
        <v>47</v>
      </c>
      <c r="GM8" s="422" t="s">
        <v>48</v>
      </c>
      <c r="GN8" s="422" t="s">
        <v>49</v>
      </c>
      <c r="GO8" s="422" t="s">
        <v>50</v>
      </c>
      <c r="GP8" s="422" t="s">
        <v>51</v>
      </c>
      <c r="GQ8" s="75" t="s">
        <v>45</v>
      </c>
      <c r="GR8" s="569"/>
      <c r="GS8" s="421" t="s">
        <v>43</v>
      </c>
      <c r="GT8" s="422" t="s">
        <v>44</v>
      </c>
      <c r="GU8" s="249" t="s">
        <v>45</v>
      </c>
      <c r="GV8" s="76" t="s">
        <v>83</v>
      </c>
      <c r="GW8" s="422" t="s">
        <v>47</v>
      </c>
      <c r="GX8" s="422" t="s">
        <v>48</v>
      </c>
      <c r="GY8" s="422" t="s">
        <v>49</v>
      </c>
      <c r="GZ8" s="422" t="s">
        <v>50</v>
      </c>
      <c r="HA8" s="422" t="s">
        <v>51</v>
      </c>
      <c r="HB8" s="75" t="s">
        <v>45</v>
      </c>
      <c r="HC8" s="569"/>
      <c r="HD8" s="421" t="s">
        <v>43</v>
      </c>
      <c r="HE8" s="422" t="s">
        <v>44</v>
      </c>
      <c r="HF8" s="249" t="s">
        <v>45</v>
      </c>
      <c r="HG8" s="76" t="s">
        <v>83</v>
      </c>
      <c r="HH8" s="422" t="s">
        <v>47</v>
      </c>
      <c r="HI8" s="422" t="s">
        <v>48</v>
      </c>
      <c r="HJ8" s="422" t="s">
        <v>49</v>
      </c>
      <c r="HK8" s="422" t="s">
        <v>50</v>
      </c>
      <c r="HL8" s="422" t="s">
        <v>51</v>
      </c>
      <c r="HM8" s="75" t="s">
        <v>45</v>
      </c>
      <c r="HN8" s="536"/>
      <c r="HO8" s="421" t="s">
        <v>43</v>
      </c>
      <c r="HP8" s="422" t="s">
        <v>44</v>
      </c>
      <c r="HQ8" s="249" t="s">
        <v>45</v>
      </c>
      <c r="HR8" s="76" t="s">
        <v>83</v>
      </c>
      <c r="HS8" s="422" t="s">
        <v>47</v>
      </c>
      <c r="HT8" s="422" t="s">
        <v>48</v>
      </c>
      <c r="HU8" s="422" t="s">
        <v>49</v>
      </c>
      <c r="HV8" s="422" t="s">
        <v>50</v>
      </c>
      <c r="HW8" s="422" t="s">
        <v>51</v>
      </c>
      <c r="HX8" s="75" t="s">
        <v>45</v>
      </c>
      <c r="HY8" s="536"/>
      <c r="HZ8" s="421" t="s">
        <v>43</v>
      </c>
      <c r="IA8" s="422" t="s">
        <v>44</v>
      </c>
      <c r="IB8" s="249" t="s">
        <v>45</v>
      </c>
      <c r="IC8" s="76" t="s">
        <v>83</v>
      </c>
      <c r="ID8" s="422" t="s">
        <v>47</v>
      </c>
      <c r="IE8" s="422" t="s">
        <v>48</v>
      </c>
      <c r="IF8" s="422" t="s">
        <v>49</v>
      </c>
      <c r="IG8" s="422" t="s">
        <v>50</v>
      </c>
      <c r="IH8" s="422" t="s">
        <v>51</v>
      </c>
      <c r="II8" s="75" t="s">
        <v>45</v>
      </c>
      <c r="IJ8" s="570"/>
      <c r="IK8" s="421" t="s">
        <v>43</v>
      </c>
      <c r="IL8" s="422" t="s">
        <v>44</v>
      </c>
      <c r="IM8" s="249" t="s">
        <v>45</v>
      </c>
      <c r="IN8" s="76" t="s">
        <v>83</v>
      </c>
      <c r="IO8" s="251" t="s">
        <v>47</v>
      </c>
      <c r="IP8" s="251" t="s">
        <v>48</v>
      </c>
      <c r="IQ8" s="251" t="s">
        <v>49</v>
      </c>
      <c r="IR8" s="251" t="s">
        <v>50</v>
      </c>
      <c r="IS8" s="251" t="s">
        <v>51</v>
      </c>
      <c r="IT8" s="252" t="s">
        <v>45</v>
      </c>
      <c r="IU8" s="573"/>
      <c r="IV8" s="250" t="s">
        <v>43</v>
      </c>
      <c r="IW8" s="251" t="s">
        <v>44</v>
      </c>
      <c r="IX8" s="252" t="s">
        <v>45</v>
      </c>
      <c r="IY8" s="231" t="s">
        <v>83</v>
      </c>
      <c r="IZ8" s="251" t="s">
        <v>47</v>
      </c>
      <c r="JA8" s="251" t="s">
        <v>48</v>
      </c>
      <c r="JB8" s="251" t="s">
        <v>49</v>
      </c>
      <c r="JC8" s="251" t="s">
        <v>50</v>
      </c>
      <c r="JD8" s="251" t="s">
        <v>51</v>
      </c>
      <c r="JE8" s="252" t="s">
        <v>45</v>
      </c>
      <c r="JF8" s="573"/>
      <c r="JG8" s="250" t="s">
        <v>43</v>
      </c>
      <c r="JH8" s="251" t="s">
        <v>44</v>
      </c>
      <c r="JI8" s="253" t="s">
        <v>45</v>
      </c>
      <c r="JJ8" s="231" t="s">
        <v>83</v>
      </c>
      <c r="JK8" s="251" t="s">
        <v>47</v>
      </c>
      <c r="JL8" s="251" t="s">
        <v>48</v>
      </c>
      <c r="JM8" s="251" t="s">
        <v>49</v>
      </c>
      <c r="JN8" s="251" t="s">
        <v>50</v>
      </c>
      <c r="JO8" s="251" t="s">
        <v>51</v>
      </c>
      <c r="JP8" s="252" t="s">
        <v>45</v>
      </c>
      <c r="JQ8" s="572"/>
      <c r="JR8" s="250" t="s">
        <v>43</v>
      </c>
      <c r="JS8" s="251" t="s">
        <v>44</v>
      </c>
      <c r="JT8" s="253" t="s">
        <v>45</v>
      </c>
      <c r="JU8" s="231" t="s">
        <v>83</v>
      </c>
      <c r="JV8" s="251" t="s">
        <v>47</v>
      </c>
      <c r="JW8" s="251" t="s">
        <v>48</v>
      </c>
      <c r="JX8" s="251" t="s">
        <v>49</v>
      </c>
      <c r="JY8" s="251" t="s">
        <v>50</v>
      </c>
      <c r="JZ8" s="251" t="s">
        <v>51</v>
      </c>
      <c r="KA8" s="252" t="s">
        <v>45</v>
      </c>
      <c r="KB8" s="572"/>
      <c r="KC8" s="250" t="s">
        <v>43</v>
      </c>
      <c r="KD8" s="251" t="s">
        <v>44</v>
      </c>
      <c r="KE8" s="253" t="s">
        <v>45</v>
      </c>
      <c r="KF8" s="231" t="s">
        <v>83</v>
      </c>
      <c r="KG8" s="251" t="s">
        <v>47</v>
      </c>
      <c r="KH8" s="251" t="s">
        <v>48</v>
      </c>
      <c r="KI8" s="251" t="s">
        <v>49</v>
      </c>
      <c r="KJ8" s="251" t="s">
        <v>50</v>
      </c>
      <c r="KK8" s="251" t="s">
        <v>51</v>
      </c>
      <c r="KL8" s="252" t="s">
        <v>45</v>
      </c>
      <c r="KM8" s="572"/>
      <c r="KN8" s="250" t="s">
        <v>43</v>
      </c>
      <c r="KO8" s="251" t="s">
        <v>44</v>
      </c>
      <c r="KP8" s="253" t="s">
        <v>45</v>
      </c>
      <c r="KQ8" s="76" t="s">
        <v>83</v>
      </c>
      <c r="KR8" s="251" t="s">
        <v>47</v>
      </c>
      <c r="KS8" s="251" t="s">
        <v>48</v>
      </c>
      <c r="KT8" s="251" t="s">
        <v>49</v>
      </c>
      <c r="KU8" s="251" t="s">
        <v>50</v>
      </c>
      <c r="KV8" s="251" t="s">
        <v>51</v>
      </c>
      <c r="KW8" s="252" t="s">
        <v>45</v>
      </c>
      <c r="KX8" s="572"/>
      <c r="KY8" s="250" t="s">
        <v>43</v>
      </c>
      <c r="KZ8" s="251" t="s">
        <v>44</v>
      </c>
      <c r="LA8" s="253" t="s">
        <v>45</v>
      </c>
      <c r="LB8" s="76" t="s">
        <v>83</v>
      </c>
      <c r="LC8" s="251" t="s">
        <v>47</v>
      </c>
      <c r="LD8" s="251" t="s">
        <v>48</v>
      </c>
      <c r="LE8" s="251" t="s">
        <v>49</v>
      </c>
      <c r="LF8" s="251" t="s">
        <v>50</v>
      </c>
      <c r="LG8" s="251" t="s">
        <v>51</v>
      </c>
      <c r="LH8" s="252" t="s">
        <v>45</v>
      </c>
      <c r="LI8" s="572"/>
      <c r="LJ8" s="250" t="s">
        <v>43</v>
      </c>
      <c r="LK8" s="251" t="s">
        <v>44</v>
      </c>
      <c r="LL8" s="253" t="s">
        <v>45</v>
      </c>
      <c r="LM8" s="76" t="s">
        <v>83</v>
      </c>
      <c r="LN8" s="251" t="s">
        <v>47</v>
      </c>
      <c r="LO8" s="251" t="s">
        <v>48</v>
      </c>
      <c r="LP8" s="251" t="s">
        <v>49</v>
      </c>
      <c r="LQ8" s="251" t="s">
        <v>50</v>
      </c>
      <c r="LR8" s="251" t="s">
        <v>51</v>
      </c>
      <c r="LS8" s="252" t="s">
        <v>45</v>
      </c>
      <c r="LT8" s="572"/>
      <c r="LU8" s="250" t="s">
        <v>43</v>
      </c>
      <c r="LV8" s="251" t="s">
        <v>44</v>
      </c>
      <c r="LW8" s="253" t="s">
        <v>45</v>
      </c>
      <c r="LX8" s="76" t="s">
        <v>83</v>
      </c>
      <c r="LY8" s="251" t="s">
        <v>47</v>
      </c>
      <c r="LZ8" s="251" t="s">
        <v>48</v>
      </c>
      <c r="MA8" s="251" t="s">
        <v>49</v>
      </c>
      <c r="MB8" s="251" t="s">
        <v>50</v>
      </c>
      <c r="MC8" s="251" t="s">
        <v>51</v>
      </c>
      <c r="MD8" s="252" t="s">
        <v>45</v>
      </c>
      <c r="ME8" s="572"/>
      <c r="MF8" s="250" t="s">
        <v>43</v>
      </c>
      <c r="MG8" s="251" t="s">
        <v>44</v>
      </c>
      <c r="MH8" s="253" t="s">
        <v>45</v>
      </c>
      <c r="MI8" s="76" t="s">
        <v>83</v>
      </c>
      <c r="MJ8" s="251" t="s">
        <v>47</v>
      </c>
      <c r="MK8" s="251" t="s">
        <v>48</v>
      </c>
      <c r="ML8" s="251" t="s">
        <v>49</v>
      </c>
      <c r="MM8" s="251" t="s">
        <v>50</v>
      </c>
      <c r="MN8" s="251" t="s">
        <v>51</v>
      </c>
      <c r="MO8" s="252" t="s">
        <v>45</v>
      </c>
      <c r="MP8" s="572"/>
      <c r="MQ8" s="250" t="s">
        <v>43</v>
      </c>
      <c r="MR8" s="251" t="s">
        <v>44</v>
      </c>
      <c r="MS8" s="253" t="s">
        <v>45</v>
      </c>
      <c r="MT8" s="76" t="s">
        <v>83</v>
      </c>
      <c r="MU8" s="251" t="s">
        <v>47</v>
      </c>
      <c r="MV8" s="251" t="s">
        <v>48</v>
      </c>
      <c r="MW8" s="251" t="s">
        <v>49</v>
      </c>
      <c r="MX8" s="251" t="s">
        <v>50</v>
      </c>
      <c r="MY8" s="251" t="s">
        <v>51</v>
      </c>
      <c r="MZ8" s="252" t="s">
        <v>45</v>
      </c>
      <c r="NA8" s="572"/>
      <c r="NB8" s="250" t="s">
        <v>43</v>
      </c>
      <c r="NC8" s="251" t="s">
        <v>44</v>
      </c>
      <c r="ND8" s="253" t="s">
        <v>45</v>
      </c>
      <c r="NE8" s="76" t="s">
        <v>83</v>
      </c>
      <c r="NF8" s="251" t="s">
        <v>47</v>
      </c>
      <c r="NG8" s="251" t="s">
        <v>48</v>
      </c>
      <c r="NH8" s="251" t="s">
        <v>49</v>
      </c>
      <c r="NI8" s="251" t="s">
        <v>50</v>
      </c>
      <c r="NJ8" s="251" t="s">
        <v>51</v>
      </c>
      <c r="NK8" s="252" t="s">
        <v>45</v>
      </c>
      <c r="NL8" s="572"/>
      <c r="NM8" s="250" t="s">
        <v>43</v>
      </c>
      <c r="NN8" s="251" t="s">
        <v>44</v>
      </c>
      <c r="NO8" s="253" t="s">
        <v>45</v>
      </c>
      <c r="NP8" s="76" t="s">
        <v>83</v>
      </c>
      <c r="NQ8" s="251" t="s">
        <v>47</v>
      </c>
      <c r="NR8" s="251" t="s">
        <v>48</v>
      </c>
      <c r="NS8" s="251" t="s">
        <v>49</v>
      </c>
      <c r="NT8" s="251" t="s">
        <v>50</v>
      </c>
      <c r="NU8" s="251" t="s">
        <v>51</v>
      </c>
      <c r="NV8" s="252" t="s">
        <v>45</v>
      </c>
      <c r="NW8" s="572"/>
      <c r="NX8" s="250" t="s">
        <v>43</v>
      </c>
      <c r="NY8" s="251" t="s">
        <v>44</v>
      </c>
      <c r="NZ8" s="253" t="s">
        <v>45</v>
      </c>
      <c r="OA8" s="76" t="s">
        <v>83</v>
      </c>
      <c r="OB8" s="251" t="s">
        <v>47</v>
      </c>
      <c r="OC8" s="251" t="s">
        <v>48</v>
      </c>
      <c r="OD8" s="251" t="s">
        <v>49</v>
      </c>
      <c r="OE8" s="251" t="s">
        <v>50</v>
      </c>
      <c r="OF8" s="251" t="s">
        <v>51</v>
      </c>
      <c r="OG8" s="252" t="s">
        <v>45</v>
      </c>
      <c r="OH8" s="572"/>
      <c r="OI8" s="250" t="s">
        <v>43</v>
      </c>
      <c r="OJ8" s="251" t="s">
        <v>44</v>
      </c>
      <c r="OK8" s="253" t="s">
        <v>45</v>
      </c>
      <c r="OL8" s="231" t="s">
        <v>83</v>
      </c>
      <c r="OM8" s="251" t="s">
        <v>47</v>
      </c>
      <c r="ON8" s="251" t="s">
        <v>48</v>
      </c>
      <c r="OO8" s="251" t="s">
        <v>49</v>
      </c>
      <c r="OP8" s="251" t="s">
        <v>50</v>
      </c>
      <c r="OQ8" s="251" t="s">
        <v>51</v>
      </c>
      <c r="OR8" s="252" t="s">
        <v>45</v>
      </c>
      <c r="OS8" s="572"/>
    </row>
    <row r="9" spans="1:409" s="406" customFormat="1" ht="21" customHeight="1" x14ac:dyDescent="0.2">
      <c r="A9" s="70"/>
      <c r="B9" s="407" t="s">
        <v>4</v>
      </c>
      <c r="C9" s="254">
        <v>28192986</v>
      </c>
      <c r="D9" s="255">
        <v>48917448</v>
      </c>
      <c r="E9" s="256">
        <v>77110434</v>
      </c>
      <c r="F9" s="257">
        <v>0</v>
      </c>
      <c r="G9" s="255">
        <v>297834634</v>
      </c>
      <c r="H9" s="255">
        <v>397547807</v>
      </c>
      <c r="I9" s="255">
        <v>338377094</v>
      </c>
      <c r="J9" s="255">
        <v>310386601</v>
      </c>
      <c r="K9" s="255">
        <v>199889718</v>
      </c>
      <c r="L9" s="258">
        <v>1544035854</v>
      </c>
      <c r="M9" s="259">
        <v>1621146288</v>
      </c>
      <c r="N9" s="254">
        <v>7724011</v>
      </c>
      <c r="O9" s="255">
        <v>17196882</v>
      </c>
      <c r="P9" s="260">
        <v>24920893</v>
      </c>
      <c r="Q9" s="254">
        <v>0</v>
      </c>
      <c r="R9" s="255">
        <v>92797940</v>
      </c>
      <c r="S9" s="255">
        <v>135347008</v>
      </c>
      <c r="T9" s="255">
        <v>112730528</v>
      </c>
      <c r="U9" s="255">
        <v>113261139</v>
      </c>
      <c r="V9" s="255">
        <v>103591754</v>
      </c>
      <c r="W9" s="260">
        <v>557728369</v>
      </c>
      <c r="X9" s="259">
        <v>582649262</v>
      </c>
      <c r="Y9" s="254">
        <v>0</v>
      </c>
      <c r="Z9" s="255">
        <v>0</v>
      </c>
      <c r="AA9" s="260">
        <v>0</v>
      </c>
      <c r="AB9" s="261">
        <v>0</v>
      </c>
      <c r="AC9" s="262">
        <v>39089023</v>
      </c>
      <c r="AD9" s="262">
        <v>56174421</v>
      </c>
      <c r="AE9" s="262">
        <v>53458090</v>
      </c>
      <c r="AF9" s="262">
        <v>59995265</v>
      </c>
      <c r="AG9" s="262">
        <v>59095467</v>
      </c>
      <c r="AH9" s="260">
        <v>267812266</v>
      </c>
      <c r="AI9" s="259">
        <v>267812266</v>
      </c>
      <c r="AJ9" s="263">
        <v>0</v>
      </c>
      <c r="AK9" s="262">
        <v>24641</v>
      </c>
      <c r="AL9" s="260">
        <v>24641</v>
      </c>
      <c r="AM9" s="261">
        <v>0</v>
      </c>
      <c r="AN9" s="262">
        <v>260515</v>
      </c>
      <c r="AO9" s="258">
        <v>1514473</v>
      </c>
      <c r="AP9" s="262">
        <v>2731628</v>
      </c>
      <c r="AQ9" s="262">
        <v>6445409</v>
      </c>
      <c r="AR9" s="262">
        <v>11200123</v>
      </c>
      <c r="AS9" s="260">
        <v>22152148</v>
      </c>
      <c r="AT9" s="259">
        <v>22176789</v>
      </c>
      <c r="AU9" s="263">
        <v>3691193</v>
      </c>
      <c r="AV9" s="262">
        <v>11813423</v>
      </c>
      <c r="AW9" s="260">
        <v>15504616</v>
      </c>
      <c r="AX9" s="261">
        <v>0</v>
      </c>
      <c r="AY9" s="262">
        <v>32844708</v>
      </c>
      <c r="AZ9" s="262">
        <v>53189129</v>
      </c>
      <c r="BA9" s="262">
        <v>35186937</v>
      </c>
      <c r="BB9" s="262">
        <v>27438265</v>
      </c>
      <c r="BC9" s="262">
        <v>20600549</v>
      </c>
      <c r="BD9" s="260">
        <v>169259588</v>
      </c>
      <c r="BE9" s="264">
        <v>184764204</v>
      </c>
      <c r="BF9" s="263">
        <v>590714</v>
      </c>
      <c r="BG9" s="258">
        <v>1708802</v>
      </c>
      <c r="BH9" s="265">
        <v>2299516</v>
      </c>
      <c r="BI9" s="261">
        <v>0</v>
      </c>
      <c r="BJ9" s="262">
        <v>3109582</v>
      </c>
      <c r="BK9" s="262">
        <v>3414977</v>
      </c>
      <c r="BL9" s="262">
        <v>2847657</v>
      </c>
      <c r="BM9" s="262">
        <v>2172296</v>
      </c>
      <c r="BN9" s="262">
        <v>1324319</v>
      </c>
      <c r="BO9" s="260">
        <v>12868831</v>
      </c>
      <c r="BP9" s="259">
        <v>15168347</v>
      </c>
      <c r="BQ9" s="263">
        <v>3442104</v>
      </c>
      <c r="BR9" s="262">
        <v>3650016</v>
      </c>
      <c r="BS9" s="260">
        <v>7092120</v>
      </c>
      <c r="BT9" s="261">
        <v>0</v>
      </c>
      <c r="BU9" s="262">
        <v>17494112</v>
      </c>
      <c r="BV9" s="262">
        <v>21054008</v>
      </c>
      <c r="BW9" s="262">
        <v>18506216</v>
      </c>
      <c r="BX9" s="262">
        <v>17209904</v>
      </c>
      <c r="BY9" s="262">
        <v>11371296</v>
      </c>
      <c r="BZ9" s="260">
        <v>85635536</v>
      </c>
      <c r="CA9" s="259">
        <v>92727656</v>
      </c>
      <c r="CB9" s="263">
        <v>3122432</v>
      </c>
      <c r="CC9" s="262">
        <v>7168292</v>
      </c>
      <c r="CD9" s="260">
        <v>10290724</v>
      </c>
      <c r="CE9" s="261">
        <v>0</v>
      </c>
      <c r="CF9" s="262">
        <v>90654198</v>
      </c>
      <c r="CG9" s="262">
        <v>114123260</v>
      </c>
      <c r="CH9" s="266">
        <v>78467788</v>
      </c>
      <c r="CI9" s="262">
        <v>43948267</v>
      </c>
      <c r="CJ9" s="262">
        <v>16240775</v>
      </c>
      <c r="CK9" s="260">
        <v>343434288</v>
      </c>
      <c r="CL9" s="259">
        <v>353725012</v>
      </c>
      <c r="CM9" s="254">
        <v>0</v>
      </c>
      <c r="CN9" s="255">
        <v>0</v>
      </c>
      <c r="CO9" s="260">
        <v>0</v>
      </c>
      <c r="CP9" s="261">
        <v>0</v>
      </c>
      <c r="CQ9" s="262">
        <v>73118003</v>
      </c>
      <c r="CR9" s="262">
        <v>83563595</v>
      </c>
      <c r="CS9" s="262">
        <v>56845678</v>
      </c>
      <c r="CT9" s="262">
        <v>29501101</v>
      </c>
      <c r="CU9" s="262">
        <v>12820384</v>
      </c>
      <c r="CV9" s="267">
        <v>255848761</v>
      </c>
      <c r="CW9" s="259">
        <v>255848761</v>
      </c>
      <c r="CX9" s="263">
        <v>3122432</v>
      </c>
      <c r="CY9" s="262">
        <v>7168292</v>
      </c>
      <c r="CZ9" s="260">
        <v>10290724</v>
      </c>
      <c r="DA9" s="261">
        <v>0</v>
      </c>
      <c r="DB9" s="262">
        <v>17536195</v>
      </c>
      <c r="DC9" s="262">
        <v>30559665</v>
      </c>
      <c r="DD9" s="262">
        <v>21622110</v>
      </c>
      <c r="DE9" s="262">
        <v>14447166</v>
      </c>
      <c r="DF9" s="262">
        <v>3420391</v>
      </c>
      <c r="DG9" s="260">
        <v>87585527</v>
      </c>
      <c r="DH9" s="259">
        <v>97876251</v>
      </c>
      <c r="DI9" s="263">
        <v>169632</v>
      </c>
      <c r="DJ9" s="262">
        <v>774560</v>
      </c>
      <c r="DK9" s="265">
        <v>944192</v>
      </c>
      <c r="DL9" s="261">
        <v>0</v>
      </c>
      <c r="DM9" s="262">
        <v>9090750</v>
      </c>
      <c r="DN9" s="262">
        <v>17084547</v>
      </c>
      <c r="DO9" s="262">
        <v>32053203</v>
      </c>
      <c r="DP9" s="262">
        <v>29637522</v>
      </c>
      <c r="DQ9" s="262">
        <v>10478510</v>
      </c>
      <c r="DR9" s="268">
        <v>98344532</v>
      </c>
      <c r="DS9" s="259">
        <v>99288724</v>
      </c>
      <c r="DT9" s="263">
        <v>169632</v>
      </c>
      <c r="DU9" s="262">
        <v>533162</v>
      </c>
      <c r="DV9" s="260">
        <v>702794</v>
      </c>
      <c r="DW9" s="261">
        <v>0</v>
      </c>
      <c r="DX9" s="262">
        <v>8050192</v>
      </c>
      <c r="DY9" s="262">
        <v>14746931</v>
      </c>
      <c r="DZ9" s="262">
        <v>27067168</v>
      </c>
      <c r="EA9" s="262">
        <v>26283005</v>
      </c>
      <c r="EB9" s="262">
        <v>9518522</v>
      </c>
      <c r="EC9" s="260">
        <v>85665818</v>
      </c>
      <c r="ED9" s="259">
        <v>86368612</v>
      </c>
      <c r="EE9" s="263">
        <v>0</v>
      </c>
      <c r="EF9" s="258">
        <v>241398</v>
      </c>
      <c r="EG9" s="260">
        <v>241398</v>
      </c>
      <c r="EH9" s="264">
        <v>0</v>
      </c>
      <c r="EI9" s="262">
        <v>1040558</v>
      </c>
      <c r="EJ9" s="262">
        <v>2337616</v>
      </c>
      <c r="EK9" s="262">
        <v>4986035</v>
      </c>
      <c r="EL9" s="262">
        <v>3354517</v>
      </c>
      <c r="EM9" s="266">
        <v>959988</v>
      </c>
      <c r="EN9" s="258">
        <v>12678714</v>
      </c>
      <c r="EO9" s="259">
        <v>12920112</v>
      </c>
      <c r="EP9" s="263">
        <v>0</v>
      </c>
      <c r="EQ9" s="262">
        <v>0</v>
      </c>
      <c r="ER9" s="258">
        <v>0</v>
      </c>
      <c r="ES9" s="261">
        <v>0</v>
      </c>
      <c r="ET9" s="262">
        <v>0</v>
      </c>
      <c r="EU9" s="262">
        <v>0</v>
      </c>
      <c r="EV9" s="262">
        <v>0</v>
      </c>
      <c r="EW9" s="262">
        <v>0</v>
      </c>
      <c r="EX9" s="262">
        <v>0</v>
      </c>
      <c r="EY9" s="267">
        <v>0</v>
      </c>
      <c r="EZ9" s="259">
        <v>0</v>
      </c>
      <c r="FA9" s="263">
        <v>0</v>
      </c>
      <c r="FB9" s="262">
        <v>0</v>
      </c>
      <c r="FC9" s="258">
        <v>0</v>
      </c>
      <c r="FD9" s="261">
        <v>0</v>
      </c>
      <c r="FE9" s="262">
        <v>0</v>
      </c>
      <c r="FF9" s="262">
        <v>0</v>
      </c>
      <c r="FG9" s="262">
        <v>0</v>
      </c>
      <c r="FH9" s="262">
        <v>0</v>
      </c>
      <c r="FI9" s="262">
        <v>0</v>
      </c>
      <c r="FJ9" s="267">
        <v>0</v>
      </c>
      <c r="FK9" s="259">
        <v>0</v>
      </c>
      <c r="FL9" s="263">
        <v>6898339</v>
      </c>
      <c r="FM9" s="262">
        <v>11616822</v>
      </c>
      <c r="FN9" s="260">
        <v>18515161</v>
      </c>
      <c r="FO9" s="261">
        <v>0</v>
      </c>
      <c r="FP9" s="262">
        <v>16666621</v>
      </c>
      <c r="FQ9" s="262">
        <v>41372213</v>
      </c>
      <c r="FR9" s="262">
        <v>28292148</v>
      </c>
      <c r="FS9" s="262">
        <v>24003897</v>
      </c>
      <c r="FT9" s="262">
        <v>15511470</v>
      </c>
      <c r="FU9" s="260">
        <v>125846349</v>
      </c>
      <c r="FV9" s="259">
        <v>144361510</v>
      </c>
      <c r="FW9" s="263">
        <v>2750344</v>
      </c>
      <c r="FX9" s="262">
        <v>7231368</v>
      </c>
      <c r="FY9" s="258">
        <v>9981712</v>
      </c>
      <c r="FZ9" s="264">
        <v>0</v>
      </c>
      <c r="GA9" s="262">
        <v>10628626</v>
      </c>
      <c r="GB9" s="269">
        <v>35060130</v>
      </c>
      <c r="GC9" s="262">
        <v>25160740</v>
      </c>
      <c r="GD9" s="269">
        <v>21005793</v>
      </c>
      <c r="GE9" s="262">
        <v>13906600</v>
      </c>
      <c r="GF9" s="267">
        <v>105761889</v>
      </c>
      <c r="GG9" s="270">
        <v>115743601</v>
      </c>
      <c r="GH9" s="271">
        <v>401720</v>
      </c>
      <c r="GI9" s="262">
        <v>682145</v>
      </c>
      <c r="GJ9" s="269">
        <v>1083865</v>
      </c>
      <c r="GK9" s="257">
        <v>0</v>
      </c>
      <c r="GL9" s="262">
        <v>1142560</v>
      </c>
      <c r="GM9" s="258">
        <v>2016071</v>
      </c>
      <c r="GN9" s="262">
        <v>1032748</v>
      </c>
      <c r="GO9" s="258">
        <v>1483784</v>
      </c>
      <c r="GP9" s="262">
        <v>532728</v>
      </c>
      <c r="GQ9" s="268">
        <v>6207891</v>
      </c>
      <c r="GR9" s="259">
        <v>7291756</v>
      </c>
      <c r="GS9" s="258">
        <v>3746275</v>
      </c>
      <c r="GT9" s="262">
        <v>3703309</v>
      </c>
      <c r="GU9" s="260">
        <v>7449584</v>
      </c>
      <c r="GV9" s="258">
        <v>0</v>
      </c>
      <c r="GW9" s="262">
        <v>4895435</v>
      </c>
      <c r="GX9" s="258">
        <v>4296012</v>
      </c>
      <c r="GY9" s="262">
        <v>2098660</v>
      </c>
      <c r="GZ9" s="258">
        <v>1514320</v>
      </c>
      <c r="HA9" s="262">
        <v>1072142</v>
      </c>
      <c r="HB9" s="258">
        <v>13876569</v>
      </c>
      <c r="HC9" s="259">
        <v>21326153</v>
      </c>
      <c r="HD9" s="258">
        <v>10278572</v>
      </c>
      <c r="HE9" s="262">
        <v>12160892</v>
      </c>
      <c r="HF9" s="258">
        <v>22439464</v>
      </c>
      <c r="HG9" s="264">
        <v>0</v>
      </c>
      <c r="HH9" s="262">
        <v>88625125</v>
      </c>
      <c r="HI9" s="269">
        <v>89620779</v>
      </c>
      <c r="HJ9" s="262">
        <v>86833427</v>
      </c>
      <c r="HK9" s="269">
        <v>99535776</v>
      </c>
      <c r="HL9" s="262">
        <v>54067209</v>
      </c>
      <c r="HM9" s="267">
        <v>418682316</v>
      </c>
      <c r="HN9" s="258">
        <v>441121780</v>
      </c>
      <c r="HO9" s="271">
        <v>0</v>
      </c>
      <c r="HP9" s="262">
        <v>0</v>
      </c>
      <c r="HQ9" s="267">
        <v>0</v>
      </c>
      <c r="HR9" s="269">
        <v>0</v>
      </c>
      <c r="HS9" s="262">
        <v>0</v>
      </c>
      <c r="HT9" s="269">
        <v>0</v>
      </c>
      <c r="HU9" s="262">
        <v>0</v>
      </c>
      <c r="HV9" s="269">
        <v>0</v>
      </c>
      <c r="HW9" s="262">
        <v>0</v>
      </c>
      <c r="HX9" s="269">
        <v>0</v>
      </c>
      <c r="HY9" s="259">
        <v>0</v>
      </c>
      <c r="HZ9" s="272">
        <v>552897</v>
      </c>
      <c r="IA9" s="273">
        <v>1168045</v>
      </c>
      <c r="IB9" s="274">
        <v>1720942</v>
      </c>
      <c r="IC9" s="275">
        <v>0</v>
      </c>
      <c r="ID9" s="273">
        <v>76648531</v>
      </c>
      <c r="IE9" s="276">
        <v>101722732</v>
      </c>
      <c r="IF9" s="277">
        <v>106582816</v>
      </c>
      <c r="IG9" s="273">
        <v>80751813</v>
      </c>
      <c r="IH9" s="277">
        <v>46699496</v>
      </c>
      <c r="II9" s="278">
        <v>412405388</v>
      </c>
      <c r="IJ9" s="279">
        <v>414126330</v>
      </c>
      <c r="IK9" s="280">
        <v>0</v>
      </c>
      <c r="IL9" s="281">
        <v>0</v>
      </c>
      <c r="IM9" s="282">
        <v>0</v>
      </c>
      <c r="IN9" s="405">
        <v>0</v>
      </c>
      <c r="IO9" s="283">
        <v>1046661</v>
      </c>
      <c r="IP9" s="283">
        <v>1941413</v>
      </c>
      <c r="IQ9" s="283">
        <v>3415113</v>
      </c>
      <c r="IR9" s="283">
        <v>5405996</v>
      </c>
      <c r="IS9" s="283">
        <v>3129561</v>
      </c>
      <c r="IT9" s="284">
        <v>14938744</v>
      </c>
      <c r="IU9" s="285">
        <v>14938744</v>
      </c>
      <c r="IV9" s="286">
        <v>0</v>
      </c>
      <c r="IW9" s="283">
        <v>0</v>
      </c>
      <c r="IX9" s="287">
        <v>0</v>
      </c>
      <c r="IY9" s="405">
        <v>0</v>
      </c>
      <c r="IZ9" s="283">
        <v>140578</v>
      </c>
      <c r="JA9" s="283">
        <v>584795</v>
      </c>
      <c r="JB9" s="283">
        <v>639994</v>
      </c>
      <c r="JC9" s="283">
        <v>750447</v>
      </c>
      <c r="JD9" s="283">
        <v>936976</v>
      </c>
      <c r="JE9" s="287">
        <v>3052790</v>
      </c>
      <c r="JF9" s="288">
        <v>3052790</v>
      </c>
      <c r="JG9" s="286">
        <v>0</v>
      </c>
      <c r="JH9" s="283">
        <v>0</v>
      </c>
      <c r="JI9" s="284">
        <v>0</v>
      </c>
      <c r="JJ9" s="289">
        <v>0</v>
      </c>
      <c r="JK9" s="283">
        <v>33289735</v>
      </c>
      <c r="JL9" s="283">
        <v>40983502</v>
      </c>
      <c r="JM9" s="283">
        <v>27512992</v>
      </c>
      <c r="JN9" s="283">
        <v>13672428</v>
      </c>
      <c r="JO9" s="283">
        <v>6519991</v>
      </c>
      <c r="JP9" s="287">
        <v>121978648</v>
      </c>
      <c r="JQ9" s="285">
        <v>121978648</v>
      </c>
      <c r="JR9" s="286">
        <v>22351</v>
      </c>
      <c r="JS9" s="283">
        <v>82556</v>
      </c>
      <c r="JT9" s="284">
        <v>104907</v>
      </c>
      <c r="JU9" s="289">
        <v>0</v>
      </c>
      <c r="JV9" s="283">
        <v>4463640</v>
      </c>
      <c r="JW9" s="283">
        <v>6952821</v>
      </c>
      <c r="JX9" s="283">
        <v>9059518</v>
      </c>
      <c r="JY9" s="283">
        <v>6003543</v>
      </c>
      <c r="JZ9" s="283">
        <v>2286157</v>
      </c>
      <c r="KA9" s="287">
        <v>28765679</v>
      </c>
      <c r="KB9" s="285">
        <v>28870586</v>
      </c>
      <c r="KC9" s="290">
        <v>530546</v>
      </c>
      <c r="KD9" s="291">
        <v>1085489</v>
      </c>
      <c r="KE9" s="287">
        <v>1616035</v>
      </c>
      <c r="KF9" s="289">
        <v>0</v>
      </c>
      <c r="KG9" s="283">
        <v>11032585</v>
      </c>
      <c r="KH9" s="283">
        <v>11950588</v>
      </c>
      <c r="KI9" s="283">
        <v>17947341</v>
      </c>
      <c r="KJ9" s="283">
        <v>10981751</v>
      </c>
      <c r="KK9" s="283">
        <v>5564787</v>
      </c>
      <c r="KL9" s="287">
        <v>57477052</v>
      </c>
      <c r="KM9" s="292">
        <v>59093087</v>
      </c>
      <c r="KN9" s="280">
        <v>0</v>
      </c>
      <c r="KO9" s="281">
        <v>0</v>
      </c>
      <c r="KP9" s="282">
        <v>0</v>
      </c>
      <c r="KQ9" s="405">
        <v>0</v>
      </c>
      <c r="KR9" s="283">
        <v>23077215</v>
      </c>
      <c r="KS9" s="283">
        <v>34439692</v>
      </c>
      <c r="KT9" s="283">
        <v>37390216</v>
      </c>
      <c r="KU9" s="283">
        <v>27652919</v>
      </c>
      <c r="KV9" s="283">
        <v>14496043</v>
      </c>
      <c r="KW9" s="287">
        <v>137056085</v>
      </c>
      <c r="KX9" s="285">
        <v>137056085</v>
      </c>
      <c r="KY9" s="286">
        <v>0</v>
      </c>
      <c r="KZ9" s="283">
        <v>0</v>
      </c>
      <c r="LA9" s="287">
        <v>0</v>
      </c>
      <c r="LB9" s="405">
        <v>0</v>
      </c>
      <c r="LC9" s="283">
        <v>479002</v>
      </c>
      <c r="LD9" s="283">
        <v>1103747</v>
      </c>
      <c r="LE9" s="283">
        <v>890639</v>
      </c>
      <c r="LF9" s="283">
        <v>874168</v>
      </c>
      <c r="LG9" s="283">
        <v>443111</v>
      </c>
      <c r="LH9" s="287">
        <v>3790667</v>
      </c>
      <c r="LI9" s="288">
        <v>3790667</v>
      </c>
      <c r="LJ9" s="286">
        <v>0</v>
      </c>
      <c r="LK9" s="283">
        <v>0</v>
      </c>
      <c r="LL9" s="287">
        <v>0</v>
      </c>
      <c r="LM9" s="405">
        <v>0</v>
      </c>
      <c r="LN9" s="283">
        <v>228592</v>
      </c>
      <c r="LO9" s="283">
        <v>476720</v>
      </c>
      <c r="LP9" s="283">
        <v>4047820</v>
      </c>
      <c r="LQ9" s="283">
        <v>7084521</v>
      </c>
      <c r="LR9" s="283">
        <v>3103282</v>
      </c>
      <c r="LS9" s="287">
        <v>14940935</v>
      </c>
      <c r="LT9" s="285">
        <v>14940935</v>
      </c>
      <c r="LU9" s="286">
        <v>0</v>
      </c>
      <c r="LV9" s="283">
        <v>0</v>
      </c>
      <c r="LW9" s="287">
        <v>0</v>
      </c>
      <c r="LX9" s="405">
        <v>0</v>
      </c>
      <c r="LY9" s="283">
        <v>2890523</v>
      </c>
      <c r="LZ9" s="283">
        <v>3289454</v>
      </c>
      <c r="MA9" s="283">
        <v>5679183</v>
      </c>
      <c r="MB9" s="283">
        <v>8326040</v>
      </c>
      <c r="MC9" s="283">
        <v>10219588</v>
      </c>
      <c r="MD9" s="287">
        <v>30404788</v>
      </c>
      <c r="ME9" s="288">
        <v>30404788</v>
      </c>
      <c r="MF9" s="286">
        <v>0</v>
      </c>
      <c r="MG9" s="283">
        <v>0</v>
      </c>
      <c r="MH9" s="287">
        <v>0</v>
      </c>
      <c r="MI9" s="405">
        <v>0</v>
      </c>
      <c r="MJ9" s="283">
        <v>22853351</v>
      </c>
      <c r="MK9" s="283">
        <v>59744386</v>
      </c>
      <c r="ML9" s="283">
        <v>180470857</v>
      </c>
      <c r="MM9" s="283">
        <v>270951229</v>
      </c>
      <c r="MN9" s="283">
        <v>144033252</v>
      </c>
      <c r="MO9" s="287">
        <v>678053075</v>
      </c>
      <c r="MP9" s="292">
        <v>678053075</v>
      </c>
      <c r="MQ9" s="286">
        <v>0</v>
      </c>
      <c r="MR9" s="283">
        <v>0</v>
      </c>
      <c r="MS9" s="287">
        <v>0</v>
      </c>
      <c r="MT9" s="405">
        <v>0</v>
      </c>
      <c r="MU9" s="283">
        <v>2938012</v>
      </c>
      <c r="MV9" s="283">
        <v>16086232</v>
      </c>
      <c r="MW9" s="283">
        <v>109510536</v>
      </c>
      <c r="MX9" s="283">
        <v>172564538</v>
      </c>
      <c r="MY9" s="283">
        <v>90056718</v>
      </c>
      <c r="MZ9" s="287">
        <v>391156036</v>
      </c>
      <c r="NA9" s="292">
        <v>391156036</v>
      </c>
      <c r="NB9" s="286">
        <v>0</v>
      </c>
      <c r="NC9" s="283">
        <v>0</v>
      </c>
      <c r="ND9" s="287">
        <v>0</v>
      </c>
      <c r="NE9" s="405">
        <v>0</v>
      </c>
      <c r="NF9" s="283">
        <v>19915339</v>
      </c>
      <c r="NG9" s="283">
        <v>43094434</v>
      </c>
      <c r="NH9" s="283">
        <v>70710621</v>
      </c>
      <c r="NI9" s="283">
        <v>92148111</v>
      </c>
      <c r="NJ9" s="283">
        <v>47737673</v>
      </c>
      <c r="NK9" s="287">
        <v>273606178</v>
      </c>
      <c r="NL9" s="285">
        <v>273606178</v>
      </c>
      <c r="NM9" s="286">
        <v>0</v>
      </c>
      <c r="NN9" s="283">
        <v>0</v>
      </c>
      <c r="NO9" s="287">
        <v>0</v>
      </c>
      <c r="NP9" s="405">
        <v>0</v>
      </c>
      <c r="NQ9" s="283">
        <v>0</v>
      </c>
      <c r="NR9" s="283">
        <v>0</v>
      </c>
      <c r="NS9" s="283">
        <v>0</v>
      </c>
      <c r="NT9" s="283">
        <v>1225306</v>
      </c>
      <c r="NU9" s="283">
        <v>1541045</v>
      </c>
      <c r="NV9" s="287">
        <v>2766351</v>
      </c>
      <c r="NW9" s="288">
        <v>2766351</v>
      </c>
      <c r="NX9" s="286">
        <v>0</v>
      </c>
      <c r="NY9" s="283">
        <v>0</v>
      </c>
      <c r="NZ9" s="287">
        <v>0</v>
      </c>
      <c r="OA9" s="405">
        <v>0</v>
      </c>
      <c r="OB9" s="283">
        <v>0</v>
      </c>
      <c r="OC9" s="283">
        <v>563720</v>
      </c>
      <c r="OD9" s="283">
        <v>249700</v>
      </c>
      <c r="OE9" s="283">
        <v>5013274</v>
      </c>
      <c r="OF9" s="283">
        <v>4697816</v>
      </c>
      <c r="OG9" s="287">
        <v>10524510</v>
      </c>
      <c r="OH9" s="288">
        <v>10524510</v>
      </c>
      <c r="OI9" s="286">
        <v>28745883</v>
      </c>
      <c r="OJ9" s="283">
        <v>50085493</v>
      </c>
      <c r="OK9" s="284">
        <v>78831376</v>
      </c>
      <c r="OL9" s="289">
        <v>0</v>
      </c>
      <c r="OM9" s="283">
        <v>397336516</v>
      </c>
      <c r="ON9" s="283">
        <v>559014925</v>
      </c>
      <c r="OO9" s="283">
        <v>625430767</v>
      </c>
      <c r="OP9" s="283">
        <v>662089643</v>
      </c>
      <c r="OQ9" s="283">
        <v>390622466</v>
      </c>
      <c r="OR9" s="287">
        <v>2634494317</v>
      </c>
      <c r="OS9" s="292">
        <v>2713325693</v>
      </c>
    </row>
    <row r="10" spans="1:409" s="406" customFormat="1" ht="21" customHeight="1" x14ac:dyDescent="0.2">
      <c r="A10" s="70"/>
      <c r="B10" s="408" t="s">
        <v>5</v>
      </c>
      <c r="C10" s="294">
        <v>11537923</v>
      </c>
      <c r="D10" s="295">
        <v>27914824</v>
      </c>
      <c r="E10" s="296">
        <v>39452747</v>
      </c>
      <c r="F10" s="297">
        <v>0</v>
      </c>
      <c r="G10" s="295">
        <v>109226394</v>
      </c>
      <c r="H10" s="295">
        <v>186121260</v>
      </c>
      <c r="I10" s="295">
        <v>153914749</v>
      </c>
      <c r="J10" s="295">
        <v>142416643</v>
      </c>
      <c r="K10" s="295">
        <v>84635091</v>
      </c>
      <c r="L10" s="297">
        <v>676314137</v>
      </c>
      <c r="M10" s="298">
        <v>715766884</v>
      </c>
      <c r="N10" s="294">
        <v>3425090</v>
      </c>
      <c r="O10" s="295">
        <v>10375738</v>
      </c>
      <c r="P10" s="296">
        <v>13800828</v>
      </c>
      <c r="Q10" s="294">
        <v>0</v>
      </c>
      <c r="R10" s="295">
        <v>35763196</v>
      </c>
      <c r="S10" s="295">
        <v>68108617</v>
      </c>
      <c r="T10" s="295">
        <v>55584757</v>
      </c>
      <c r="U10" s="295">
        <v>51777425</v>
      </c>
      <c r="V10" s="295">
        <v>42480206</v>
      </c>
      <c r="W10" s="296">
        <v>253714201</v>
      </c>
      <c r="X10" s="298">
        <v>267515029</v>
      </c>
      <c r="Y10" s="294">
        <v>0</v>
      </c>
      <c r="Z10" s="295">
        <v>0</v>
      </c>
      <c r="AA10" s="296">
        <v>0</v>
      </c>
      <c r="AB10" s="294">
        <v>0</v>
      </c>
      <c r="AC10" s="295">
        <v>14990018</v>
      </c>
      <c r="AD10" s="295">
        <v>26468712</v>
      </c>
      <c r="AE10" s="295">
        <v>25333118</v>
      </c>
      <c r="AF10" s="295">
        <v>26249974</v>
      </c>
      <c r="AG10" s="295">
        <v>22143909</v>
      </c>
      <c r="AH10" s="296">
        <v>115185731</v>
      </c>
      <c r="AI10" s="298">
        <v>115185731</v>
      </c>
      <c r="AJ10" s="294">
        <v>0</v>
      </c>
      <c r="AK10" s="295">
        <v>24641</v>
      </c>
      <c r="AL10" s="296">
        <v>24641</v>
      </c>
      <c r="AM10" s="294">
        <v>0</v>
      </c>
      <c r="AN10" s="295">
        <v>135502</v>
      </c>
      <c r="AO10" s="295">
        <v>581249</v>
      </c>
      <c r="AP10" s="295">
        <v>1127701</v>
      </c>
      <c r="AQ10" s="295">
        <v>3213534</v>
      </c>
      <c r="AR10" s="295">
        <v>5238104</v>
      </c>
      <c r="AS10" s="296">
        <v>10296090</v>
      </c>
      <c r="AT10" s="298">
        <v>10320731</v>
      </c>
      <c r="AU10" s="294">
        <v>1752560</v>
      </c>
      <c r="AV10" s="295">
        <v>7260772</v>
      </c>
      <c r="AW10" s="296">
        <v>9013332</v>
      </c>
      <c r="AX10" s="294">
        <v>0</v>
      </c>
      <c r="AY10" s="295">
        <v>13165279</v>
      </c>
      <c r="AZ10" s="295">
        <v>29676151</v>
      </c>
      <c r="BA10" s="295">
        <v>19511228</v>
      </c>
      <c r="BB10" s="295">
        <v>13748813</v>
      </c>
      <c r="BC10" s="295">
        <v>9490904</v>
      </c>
      <c r="BD10" s="296">
        <v>85592375</v>
      </c>
      <c r="BE10" s="298">
        <v>94605707</v>
      </c>
      <c r="BF10" s="294">
        <v>187426</v>
      </c>
      <c r="BG10" s="295">
        <v>933573</v>
      </c>
      <c r="BH10" s="299">
        <v>1120999</v>
      </c>
      <c r="BI10" s="300">
        <v>0</v>
      </c>
      <c r="BJ10" s="295">
        <v>919981</v>
      </c>
      <c r="BK10" s="295">
        <v>1561609</v>
      </c>
      <c r="BL10" s="295">
        <v>1201534</v>
      </c>
      <c r="BM10" s="295">
        <v>939128</v>
      </c>
      <c r="BN10" s="295">
        <v>595593</v>
      </c>
      <c r="BO10" s="296">
        <v>5217845</v>
      </c>
      <c r="BP10" s="298">
        <v>6338844</v>
      </c>
      <c r="BQ10" s="294">
        <v>1485104</v>
      </c>
      <c r="BR10" s="295">
        <v>2156752</v>
      </c>
      <c r="BS10" s="296">
        <v>3641856</v>
      </c>
      <c r="BT10" s="294">
        <v>0</v>
      </c>
      <c r="BU10" s="295">
        <v>6552416</v>
      </c>
      <c r="BV10" s="295">
        <v>9820896</v>
      </c>
      <c r="BW10" s="295">
        <v>8411176</v>
      </c>
      <c r="BX10" s="295">
        <v>7625976</v>
      </c>
      <c r="BY10" s="295">
        <v>5011696</v>
      </c>
      <c r="BZ10" s="296">
        <v>37422160</v>
      </c>
      <c r="CA10" s="298">
        <v>41064016</v>
      </c>
      <c r="CB10" s="294">
        <v>1567167</v>
      </c>
      <c r="CC10" s="295">
        <v>3921759</v>
      </c>
      <c r="CD10" s="296">
        <v>5488926</v>
      </c>
      <c r="CE10" s="294">
        <v>0</v>
      </c>
      <c r="CF10" s="295">
        <v>31540799</v>
      </c>
      <c r="CG10" s="295">
        <v>48892155</v>
      </c>
      <c r="CH10" s="295">
        <v>34399352</v>
      </c>
      <c r="CI10" s="295">
        <v>19621729</v>
      </c>
      <c r="CJ10" s="295">
        <v>7779105</v>
      </c>
      <c r="CK10" s="296">
        <v>142233140</v>
      </c>
      <c r="CL10" s="298">
        <v>147722066</v>
      </c>
      <c r="CM10" s="294">
        <v>0</v>
      </c>
      <c r="CN10" s="295">
        <v>0</v>
      </c>
      <c r="CO10" s="296">
        <v>0</v>
      </c>
      <c r="CP10" s="300">
        <v>0</v>
      </c>
      <c r="CQ10" s="295">
        <v>25654135</v>
      </c>
      <c r="CR10" s="295">
        <v>34181095</v>
      </c>
      <c r="CS10" s="295">
        <v>23347198</v>
      </c>
      <c r="CT10" s="295">
        <v>11769976</v>
      </c>
      <c r="CU10" s="295">
        <v>6372742</v>
      </c>
      <c r="CV10" s="296">
        <v>101325146</v>
      </c>
      <c r="CW10" s="298">
        <v>101325146</v>
      </c>
      <c r="CX10" s="294">
        <v>1567167</v>
      </c>
      <c r="CY10" s="295">
        <v>3921759</v>
      </c>
      <c r="CZ10" s="296">
        <v>5488926</v>
      </c>
      <c r="DA10" s="294">
        <v>0</v>
      </c>
      <c r="DB10" s="295">
        <v>5886664</v>
      </c>
      <c r="DC10" s="295">
        <v>14711060</v>
      </c>
      <c r="DD10" s="295">
        <v>11052154</v>
      </c>
      <c r="DE10" s="295">
        <v>7851753</v>
      </c>
      <c r="DF10" s="295">
        <v>1406363</v>
      </c>
      <c r="DG10" s="296">
        <v>40907994</v>
      </c>
      <c r="DH10" s="298">
        <v>46396920</v>
      </c>
      <c r="DI10" s="294">
        <v>55842</v>
      </c>
      <c r="DJ10" s="295">
        <v>482302</v>
      </c>
      <c r="DK10" s="299">
        <v>538144</v>
      </c>
      <c r="DL10" s="300">
        <v>0</v>
      </c>
      <c r="DM10" s="295">
        <v>3715419</v>
      </c>
      <c r="DN10" s="295">
        <v>6691929</v>
      </c>
      <c r="DO10" s="295">
        <v>14081255</v>
      </c>
      <c r="DP10" s="295">
        <v>14016923</v>
      </c>
      <c r="DQ10" s="295">
        <v>4350417</v>
      </c>
      <c r="DR10" s="296">
        <v>42855943</v>
      </c>
      <c r="DS10" s="298">
        <v>43394087</v>
      </c>
      <c r="DT10" s="294">
        <v>55842</v>
      </c>
      <c r="DU10" s="295">
        <v>263720</v>
      </c>
      <c r="DV10" s="296">
        <v>319562</v>
      </c>
      <c r="DW10" s="294">
        <v>0</v>
      </c>
      <c r="DX10" s="295">
        <v>3113270</v>
      </c>
      <c r="DY10" s="295">
        <v>5160934</v>
      </c>
      <c r="DZ10" s="295">
        <v>10807717</v>
      </c>
      <c r="EA10" s="295">
        <v>11699077</v>
      </c>
      <c r="EB10" s="295">
        <v>3554048</v>
      </c>
      <c r="EC10" s="296">
        <v>34335046</v>
      </c>
      <c r="ED10" s="298">
        <v>34654608</v>
      </c>
      <c r="EE10" s="294">
        <v>0</v>
      </c>
      <c r="EF10" s="299">
        <v>218582</v>
      </c>
      <c r="EG10" s="296">
        <v>218582</v>
      </c>
      <c r="EH10" s="294">
        <v>0</v>
      </c>
      <c r="EI10" s="295">
        <v>602149</v>
      </c>
      <c r="EJ10" s="295">
        <v>1530995</v>
      </c>
      <c r="EK10" s="295">
        <v>3273538</v>
      </c>
      <c r="EL10" s="295">
        <v>2317846</v>
      </c>
      <c r="EM10" s="295">
        <v>796369</v>
      </c>
      <c r="EN10" s="299">
        <v>8520897</v>
      </c>
      <c r="EO10" s="298">
        <v>8739479</v>
      </c>
      <c r="EP10" s="294">
        <v>0</v>
      </c>
      <c r="EQ10" s="295">
        <v>0</v>
      </c>
      <c r="ER10" s="299">
        <v>0</v>
      </c>
      <c r="ES10" s="300">
        <v>0</v>
      </c>
      <c r="ET10" s="295">
        <v>0</v>
      </c>
      <c r="EU10" s="295">
        <v>0</v>
      </c>
      <c r="EV10" s="295">
        <v>0</v>
      </c>
      <c r="EW10" s="295">
        <v>0</v>
      </c>
      <c r="EX10" s="295">
        <v>0</v>
      </c>
      <c r="EY10" s="296">
        <v>0</v>
      </c>
      <c r="EZ10" s="298">
        <v>0</v>
      </c>
      <c r="FA10" s="294">
        <v>0</v>
      </c>
      <c r="FB10" s="295">
        <v>0</v>
      </c>
      <c r="FC10" s="299">
        <v>0</v>
      </c>
      <c r="FD10" s="300">
        <v>0</v>
      </c>
      <c r="FE10" s="295">
        <v>0</v>
      </c>
      <c r="FF10" s="295">
        <v>0</v>
      </c>
      <c r="FG10" s="295">
        <v>0</v>
      </c>
      <c r="FH10" s="295">
        <v>0</v>
      </c>
      <c r="FI10" s="295">
        <v>0</v>
      </c>
      <c r="FJ10" s="296">
        <v>0</v>
      </c>
      <c r="FK10" s="298">
        <v>0</v>
      </c>
      <c r="FL10" s="294">
        <v>2595178</v>
      </c>
      <c r="FM10" s="295">
        <v>6226108</v>
      </c>
      <c r="FN10" s="296">
        <v>8821286</v>
      </c>
      <c r="FO10" s="294">
        <v>0</v>
      </c>
      <c r="FP10" s="295">
        <v>6245039</v>
      </c>
      <c r="FQ10" s="295">
        <v>19352354</v>
      </c>
      <c r="FR10" s="295">
        <v>13066564</v>
      </c>
      <c r="FS10" s="295">
        <v>10945604</v>
      </c>
      <c r="FT10" s="295">
        <v>6545298</v>
      </c>
      <c r="FU10" s="296">
        <v>56154859</v>
      </c>
      <c r="FV10" s="298">
        <v>64976145</v>
      </c>
      <c r="FW10" s="301">
        <v>872712</v>
      </c>
      <c r="FX10" s="295">
        <v>3281600</v>
      </c>
      <c r="FY10" s="299">
        <v>4154312</v>
      </c>
      <c r="FZ10" s="300">
        <v>0</v>
      </c>
      <c r="GA10" s="295">
        <v>3110522</v>
      </c>
      <c r="GB10" s="295">
        <v>15407342</v>
      </c>
      <c r="GC10" s="295">
        <v>11408776</v>
      </c>
      <c r="GD10" s="295">
        <v>9078153</v>
      </c>
      <c r="GE10" s="295">
        <v>5944850</v>
      </c>
      <c r="GF10" s="296">
        <v>44949643</v>
      </c>
      <c r="GG10" s="302">
        <v>49103955</v>
      </c>
      <c r="GH10" s="301">
        <v>135386</v>
      </c>
      <c r="GI10" s="295">
        <v>423156</v>
      </c>
      <c r="GJ10" s="299">
        <v>558542</v>
      </c>
      <c r="GK10" s="300">
        <v>0</v>
      </c>
      <c r="GL10" s="295">
        <v>595669</v>
      </c>
      <c r="GM10" s="295">
        <v>984968</v>
      </c>
      <c r="GN10" s="295">
        <v>623188</v>
      </c>
      <c r="GO10" s="295">
        <v>894731</v>
      </c>
      <c r="GP10" s="295">
        <v>263736</v>
      </c>
      <c r="GQ10" s="296">
        <v>3362292</v>
      </c>
      <c r="GR10" s="298">
        <v>3920834</v>
      </c>
      <c r="GS10" s="294">
        <v>1587080</v>
      </c>
      <c r="GT10" s="295">
        <v>2521352</v>
      </c>
      <c r="GU10" s="296">
        <v>4108432</v>
      </c>
      <c r="GV10" s="294">
        <v>0</v>
      </c>
      <c r="GW10" s="295">
        <v>2538848</v>
      </c>
      <c r="GX10" s="295">
        <v>2960044</v>
      </c>
      <c r="GY10" s="295">
        <v>1034600</v>
      </c>
      <c r="GZ10" s="295">
        <v>972720</v>
      </c>
      <c r="HA10" s="295">
        <v>336712</v>
      </c>
      <c r="HB10" s="299">
        <v>7842924</v>
      </c>
      <c r="HC10" s="298">
        <v>11951356</v>
      </c>
      <c r="HD10" s="294">
        <v>3894646</v>
      </c>
      <c r="HE10" s="295">
        <v>6908917</v>
      </c>
      <c r="HF10" s="299">
        <v>10803563</v>
      </c>
      <c r="HG10" s="300">
        <v>0</v>
      </c>
      <c r="HH10" s="295">
        <v>31961941</v>
      </c>
      <c r="HI10" s="295">
        <v>43076205</v>
      </c>
      <c r="HJ10" s="295">
        <v>36782821</v>
      </c>
      <c r="HK10" s="295">
        <v>46054962</v>
      </c>
      <c r="HL10" s="295">
        <v>23480065</v>
      </c>
      <c r="HM10" s="296">
        <v>181355994</v>
      </c>
      <c r="HN10" s="297">
        <v>192159557</v>
      </c>
      <c r="HO10" s="301">
        <v>0</v>
      </c>
      <c r="HP10" s="295">
        <v>0</v>
      </c>
      <c r="HQ10" s="296">
        <v>0</v>
      </c>
      <c r="HR10" s="294">
        <v>0</v>
      </c>
      <c r="HS10" s="295">
        <v>0</v>
      </c>
      <c r="HT10" s="295">
        <v>0</v>
      </c>
      <c r="HU10" s="295">
        <v>0</v>
      </c>
      <c r="HV10" s="295">
        <v>0</v>
      </c>
      <c r="HW10" s="295">
        <v>0</v>
      </c>
      <c r="HX10" s="299">
        <v>0</v>
      </c>
      <c r="HY10" s="298">
        <v>0</v>
      </c>
      <c r="HZ10" s="303">
        <v>229824</v>
      </c>
      <c r="IA10" s="304">
        <v>712128</v>
      </c>
      <c r="IB10" s="305">
        <v>941952</v>
      </c>
      <c r="IC10" s="306">
        <v>0</v>
      </c>
      <c r="ID10" s="307">
        <v>29028684</v>
      </c>
      <c r="IE10" s="308">
        <v>47619671</v>
      </c>
      <c r="IF10" s="309">
        <v>45423439</v>
      </c>
      <c r="IG10" s="307">
        <v>30229527</v>
      </c>
      <c r="IH10" s="309">
        <v>21696827</v>
      </c>
      <c r="II10" s="310">
        <v>173998148</v>
      </c>
      <c r="IJ10" s="311">
        <v>174940100</v>
      </c>
      <c r="IK10" s="312">
        <v>0</v>
      </c>
      <c r="IL10" s="313">
        <v>0</v>
      </c>
      <c r="IM10" s="314">
        <v>0</v>
      </c>
      <c r="IN10" s="402">
        <v>0</v>
      </c>
      <c r="IO10" s="315">
        <v>340916</v>
      </c>
      <c r="IP10" s="315">
        <v>1224700</v>
      </c>
      <c r="IQ10" s="315">
        <v>1583122</v>
      </c>
      <c r="IR10" s="315">
        <v>3146851</v>
      </c>
      <c r="IS10" s="315">
        <v>1542186</v>
      </c>
      <c r="IT10" s="316">
        <v>7837775</v>
      </c>
      <c r="IU10" s="317">
        <v>7837775</v>
      </c>
      <c r="IV10" s="318">
        <v>0</v>
      </c>
      <c r="IW10" s="315">
        <v>0</v>
      </c>
      <c r="IX10" s="319">
        <v>0</v>
      </c>
      <c r="IY10" s="402">
        <v>0</v>
      </c>
      <c r="IZ10" s="315">
        <v>70284</v>
      </c>
      <c r="JA10" s="315">
        <v>443856</v>
      </c>
      <c r="JB10" s="315">
        <v>373645</v>
      </c>
      <c r="JC10" s="315">
        <v>724668</v>
      </c>
      <c r="JD10" s="315">
        <v>832540</v>
      </c>
      <c r="JE10" s="319">
        <v>2444993</v>
      </c>
      <c r="JF10" s="320">
        <v>2444993</v>
      </c>
      <c r="JG10" s="318">
        <v>0</v>
      </c>
      <c r="JH10" s="315">
        <v>0</v>
      </c>
      <c r="JI10" s="316">
        <v>0</v>
      </c>
      <c r="JJ10" s="321">
        <v>0</v>
      </c>
      <c r="JK10" s="315">
        <v>13302223</v>
      </c>
      <c r="JL10" s="315">
        <v>20345884</v>
      </c>
      <c r="JM10" s="315">
        <v>14963460</v>
      </c>
      <c r="JN10" s="315">
        <v>5628514</v>
      </c>
      <c r="JO10" s="315">
        <v>3409323</v>
      </c>
      <c r="JP10" s="319">
        <v>57649404</v>
      </c>
      <c r="JQ10" s="317">
        <v>57649404</v>
      </c>
      <c r="JR10" s="318">
        <v>0</v>
      </c>
      <c r="JS10" s="315">
        <v>0</v>
      </c>
      <c r="JT10" s="316">
        <v>0</v>
      </c>
      <c r="JU10" s="321">
        <v>0</v>
      </c>
      <c r="JV10" s="315">
        <v>2360134</v>
      </c>
      <c r="JW10" s="315">
        <v>4173368</v>
      </c>
      <c r="JX10" s="315">
        <v>4566777</v>
      </c>
      <c r="JY10" s="315">
        <v>2719803</v>
      </c>
      <c r="JZ10" s="315">
        <v>1139728</v>
      </c>
      <c r="KA10" s="319">
        <v>14959810</v>
      </c>
      <c r="KB10" s="317">
        <v>14959810</v>
      </c>
      <c r="KC10" s="322">
        <v>229824</v>
      </c>
      <c r="KD10" s="323">
        <v>712128</v>
      </c>
      <c r="KE10" s="319">
        <v>941952</v>
      </c>
      <c r="KF10" s="321">
        <v>0</v>
      </c>
      <c r="KG10" s="315">
        <v>3996919</v>
      </c>
      <c r="KH10" s="315">
        <v>5139836</v>
      </c>
      <c r="KI10" s="315">
        <v>8154976</v>
      </c>
      <c r="KJ10" s="315">
        <v>5266691</v>
      </c>
      <c r="KK10" s="315">
        <v>3072131</v>
      </c>
      <c r="KL10" s="319">
        <v>25630553</v>
      </c>
      <c r="KM10" s="324">
        <v>26572505</v>
      </c>
      <c r="KN10" s="312">
        <v>0</v>
      </c>
      <c r="KO10" s="313">
        <v>0</v>
      </c>
      <c r="KP10" s="314">
        <v>0</v>
      </c>
      <c r="KQ10" s="402">
        <v>0</v>
      </c>
      <c r="KR10" s="315">
        <v>8381119</v>
      </c>
      <c r="KS10" s="315">
        <v>15227612</v>
      </c>
      <c r="KT10" s="315">
        <v>13525389</v>
      </c>
      <c r="KU10" s="315">
        <v>9228417</v>
      </c>
      <c r="KV10" s="315">
        <v>5718899</v>
      </c>
      <c r="KW10" s="319">
        <v>52081436</v>
      </c>
      <c r="KX10" s="317">
        <v>52081436</v>
      </c>
      <c r="KY10" s="318">
        <v>0</v>
      </c>
      <c r="KZ10" s="315">
        <v>0</v>
      </c>
      <c r="LA10" s="319">
        <v>0</v>
      </c>
      <c r="LB10" s="402">
        <v>0</v>
      </c>
      <c r="LC10" s="315">
        <v>0</v>
      </c>
      <c r="LD10" s="315">
        <v>0</v>
      </c>
      <c r="LE10" s="315">
        <v>0</v>
      </c>
      <c r="LF10" s="315">
        <v>0</v>
      </c>
      <c r="LG10" s="315">
        <v>0</v>
      </c>
      <c r="LH10" s="319">
        <v>0</v>
      </c>
      <c r="LI10" s="320">
        <v>0</v>
      </c>
      <c r="LJ10" s="318">
        <v>0</v>
      </c>
      <c r="LK10" s="315">
        <v>0</v>
      </c>
      <c r="LL10" s="319">
        <v>0</v>
      </c>
      <c r="LM10" s="402">
        <v>0</v>
      </c>
      <c r="LN10" s="315">
        <v>228592</v>
      </c>
      <c r="LO10" s="315">
        <v>263737</v>
      </c>
      <c r="LP10" s="315">
        <v>571024</v>
      </c>
      <c r="LQ10" s="315">
        <v>1187626</v>
      </c>
      <c r="LR10" s="315">
        <v>615146</v>
      </c>
      <c r="LS10" s="319">
        <v>2866125</v>
      </c>
      <c r="LT10" s="317">
        <v>2866125</v>
      </c>
      <c r="LU10" s="318">
        <v>0</v>
      </c>
      <c r="LV10" s="315">
        <v>0</v>
      </c>
      <c r="LW10" s="319">
        <v>0</v>
      </c>
      <c r="LX10" s="402">
        <v>0</v>
      </c>
      <c r="LY10" s="315">
        <v>348497</v>
      </c>
      <c r="LZ10" s="315">
        <v>800678</v>
      </c>
      <c r="MA10" s="315">
        <v>1685046</v>
      </c>
      <c r="MB10" s="315">
        <v>2326957</v>
      </c>
      <c r="MC10" s="315">
        <v>5366874</v>
      </c>
      <c r="MD10" s="319">
        <v>10528052</v>
      </c>
      <c r="ME10" s="320">
        <v>10528052</v>
      </c>
      <c r="MF10" s="318">
        <v>0</v>
      </c>
      <c r="MG10" s="315">
        <v>0</v>
      </c>
      <c r="MH10" s="319">
        <v>0</v>
      </c>
      <c r="MI10" s="402">
        <v>0</v>
      </c>
      <c r="MJ10" s="315">
        <v>11234673</v>
      </c>
      <c r="MK10" s="315">
        <v>35815082</v>
      </c>
      <c r="ML10" s="315">
        <v>88030543</v>
      </c>
      <c r="MM10" s="315">
        <v>128102913</v>
      </c>
      <c r="MN10" s="315">
        <v>67235418</v>
      </c>
      <c r="MO10" s="319">
        <v>330418629</v>
      </c>
      <c r="MP10" s="324">
        <v>330418629</v>
      </c>
      <c r="MQ10" s="318">
        <v>0</v>
      </c>
      <c r="MR10" s="315">
        <v>0</v>
      </c>
      <c r="MS10" s="319">
        <v>0</v>
      </c>
      <c r="MT10" s="402">
        <v>0</v>
      </c>
      <c r="MU10" s="315">
        <v>1862923</v>
      </c>
      <c r="MV10" s="315">
        <v>12750947</v>
      </c>
      <c r="MW10" s="315">
        <v>53749034</v>
      </c>
      <c r="MX10" s="315">
        <v>75255876</v>
      </c>
      <c r="MY10" s="315">
        <v>41183201</v>
      </c>
      <c r="MZ10" s="319">
        <v>184801981</v>
      </c>
      <c r="NA10" s="324">
        <v>184801981</v>
      </c>
      <c r="NB10" s="318">
        <v>0</v>
      </c>
      <c r="NC10" s="315">
        <v>0</v>
      </c>
      <c r="ND10" s="319">
        <v>0</v>
      </c>
      <c r="NE10" s="402">
        <v>0</v>
      </c>
      <c r="NF10" s="315">
        <v>9371750</v>
      </c>
      <c r="NG10" s="315">
        <v>23064135</v>
      </c>
      <c r="NH10" s="315">
        <v>34031809</v>
      </c>
      <c r="NI10" s="315">
        <v>50655406</v>
      </c>
      <c r="NJ10" s="315">
        <v>23847867</v>
      </c>
      <c r="NK10" s="319">
        <v>140970967</v>
      </c>
      <c r="NL10" s="317">
        <v>140970967</v>
      </c>
      <c r="NM10" s="318">
        <v>0</v>
      </c>
      <c r="NN10" s="315">
        <v>0</v>
      </c>
      <c r="NO10" s="319">
        <v>0</v>
      </c>
      <c r="NP10" s="402">
        <v>0</v>
      </c>
      <c r="NQ10" s="315">
        <v>0</v>
      </c>
      <c r="NR10" s="315">
        <v>0</v>
      </c>
      <c r="NS10" s="315">
        <v>0</v>
      </c>
      <c r="NT10" s="315">
        <v>1006354</v>
      </c>
      <c r="NU10" s="315">
        <v>688668</v>
      </c>
      <c r="NV10" s="319">
        <v>1695022</v>
      </c>
      <c r="NW10" s="320">
        <v>1695022</v>
      </c>
      <c r="NX10" s="318">
        <v>0</v>
      </c>
      <c r="NY10" s="315">
        <v>0</v>
      </c>
      <c r="NZ10" s="319">
        <v>0</v>
      </c>
      <c r="OA10" s="402">
        <v>0</v>
      </c>
      <c r="OB10" s="315">
        <v>0</v>
      </c>
      <c r="OC10" s="315">
        <v>0</v>
      </c>
      <c r="OD10" s="315">
        <v>249700</v>
      </c>
      <c r="OE10" s="315">
        <v>1185277</v>
      </c>
      <c r="OF10" s="315">
        <v>1515682</v>
      </c>
      <c r="OG10" s="319">
        <v>2950659</v>
      </c>
      <c r="OH10" s="320">
        <v>2950659</v>
      </c>
      <c r="OI10" s="318">
        <v>11767747</v>
      </c>
      <c r="OJ10" s="315">
        <v>28626952</v>
      </c>
      <c r="OK10" s="316">
        <v>40394699</v>
      </c>
      <c r="OL10" s="321">
        <v>0</v>
      </c>
      <c r="OM10" s="315">
        <v>149489751</v>
      </c>
      <c r="ON10" s="315">
        <v>269556013</v>
      </c>
      <c r="OO10" s="315">
        <v>287368731</v>
      </c>
      <c r="OP10" s="315">
        <v>300749083</v>
      </c>
      <c r="OQ10" s="315">
        <v>173567336</v>
      </c>
      <c r="OR10" s="319">
        <v>1180730914</v>
      </c>
      <c r="OS10" s="324">
        <v>1221125613</v>
      </c>
    </row>
    <row r="11" spans="1:409" s="70" customFormat="1" ht="21" customHeight="1" x14ac:dyDescent="0.2">
      <c r="B11" s="409" t="s">
        <v>6</v>
      </c>
      <c r="C11" s="325">
        <v>3492333</v>
      </c>
      <c r="D11" s="326">
        <v>4194053</v>
      </c>
      <c r="E11" s="327">
        <v>7686386</v>
      </c>
      <c r="F11" s="328">
        <v>0</v>
      </c>
      <c r="G11" s="326">
        <v>46748196</v>
      </c>
      <c r="H11" s="326">
        <v>49205229</v>
      </c>
      <c r="I11" s="326">
        <v>37498584</v>
      </c>
      <c r="J11" s="326">
        <v>36941279</v>
      </c>
      <c r="K11" s="326">
        <v>27520614</v>
      </c>
      <c r="L11" s="328">
        <v>197913902</v>
      </c>
      <c r="M11" s="329">
        <v>205600288</v>
      </c>
      <c r="N11" s="325">
        <v>828890</v>
      </c>
      <c r="O11" s="326">
        <v>1850554</v>
      </c>
      <c r="P11" s="327">
        <v>2679444</v>
      </c>
      <c r="Q11" s="325">
        <v>0</v>
      </c>
      <c r="R11" s="326">
        <v>15735398</v>
      </c>
      <c r="S11" s="326">
        <v>17089905</v>
      </c>
      <c r="T11" s="326">
        <v>10708118</v>
      </c>
      <c r="U11" s="326">
        <v>11739634</v>
      </c>
      <c r="V11" s="326">
        <v>13742844</v>
      </c>
      <c r="W11" s="327">
        <v>69015899</v>
      </c>
      <c r="X11" s="329">
        <v>71695343</v>
      </c>
      <c r="Y11" s="325">
        <v>0</v>
      </c>
      <c r="Z11" s="326">
        <v>0</v>
      </c>
      <c r="AA11" s="327">
        <v>0</v>
      </c>
      <c r="AB11" s="325">
        <v>0</v>
      </c>
      <c r="AC11" s="326">
        <v>6443352</v>
      </c>
      <c r="AD11" s="326">
        <v>6788645</v>
      </c>
      <c r="AE11" s="326">
        <v>4738589</v>
      </c>
      <c r="AF11" s="326">
        <v>5341023</v>
      </c>
      <c r="AG11" s="326">
        <v>8304421</v>
      </c>
      <c r="AH11" s="327">
        <v>31616030</v>
      </c>
      <c r="AI11" s="329">
        <v>31616030</v>
      </c>
      <c r="AJ11" s="325">
        <v>0</v>
      </c>
      <c r="AK11" s="326">
        <v>0</v>
      </c>
      <c r="AL11" s="327">
        <v>0</v>
      </c>
      <c r="AM11" s="325">
        <v>0</v>
      </c>
      <c r="AN11" s="326">
        <v>14500</v>
      </c>
      <c r="AO11" s="326">
        <v>48598</v>
      </c>
      <c r="AP11" s="326">
        <v>303454</v>
      </c>
      <c r="AQ11" s="326">
        <v>346577</v>
      </c>
      <c r="AR11" s="326">
        <v>1207075</v>
      </c>
      <c r="AS11" s="327">
        <v>1920204</v>
      </c>
      <c r="AT11" s="329">
        <v>1920204</v>
      </c>
      <c r="AU11" s="325">
        <v>256930</v>
      </c>
      <c r="AV11" s="326">
        <v>1211267</v>
      </c>
      <c r="AW11" s="327">
        <v>1468197</v>
      </c>
      <c r="AX11" s="325">
        <v>0</v>
      </c>
      <c r="AY11" s="326">
        <v>5527338</v>
      </c>
      <c r="AZ11" s="326">
        <v>6784333</v>
      </c>
      <c r="BA11" s="326">
        <v>3074600</v>
      </c>
      <c r="BB11" s="326">
        <v>3227274</v>
      </c>
      <c r="BC11" s="326">
        <v>2296077</v>
      </c>
      <c r="BD11" s="327">
        <v>20909622</v>
      </c>
      <c r="BE11" s="329">
        <v>22377819</v>
      </c>
      <c r="BF11" s="325">
        <v>42752</v>
      </c>
      <c r="BG11" s="326">
        <v>146807</v>
      </c>
      <c r="BH11" s="330">
        <v>189559</v>
      </c>
      <c r="BI11" s="331">
        <v>0</v>
      </c>
      <c r="BJ11" s="326">
        <v>728384</v>
      </c>
      <c r="BK11" s="326">
        <v>452937</v>
      </c>
      <c r="BL11" s="326">
        <v>418931</v>
      </c>
      <c r="BM11" s="326">
        <v>217272</v>
      </c>
      <c r="BN11" s="326">
        <v>265495</v>
      </c>
      <c r="BO11" s="327">
        <v>2083019</v>
      </c>
      <c r="BP11" s="329">
        <v>2272578</v>
      </c>
      <c r="BQ11" s="325">
        <v>529208</v>
      </c>
      <c r="BR11" s="326">
        <v>492480</v>
      </c>
      <c r="BS11" s="327">
        <v>1021688</v>
      </c>
      <c r="BT11" s="325">
        <v>0</v>
      </c>
      <c r="BU11" s="326">
        <v>3021824</v>
      </c>
      <c r="BV11" s="326">
        <v>3015392</v>
      </c>
      <c r="BW11" s="326">
        <v>2172544</v>
      </c>
      <c r="BX11" s="326">
        <v>2607488</v>
      </c>
      <c r="BY11" s="326">
        <v>1669776</v>
      </c>
      <c r="BZ11" s="327">
        <v>12487024</v>
      </c>
      <c r="CA11" s="329">
        <v>13508712</v>
      </c>
      <c r="CB11" s="325">
        <v>242904</v>
      </c>
      <c r="CC11" s="326">
        <v>436637</v>
      </c>
      <c r="CD11" s="327">
        <v>679541</v>
      </c>
      <c r="CE11" s="325">
        <v>0</v>
      </c>
      <c r="CF11" s="326">
        <v>12278016</v>
      </c>
      <c r="CG11" s="326">
        <v>15478728</v>
      </c>
      <c r="CH11" s="326">
        <v>8791402</v>
      </c>
      <c r="CI11" s="326">
        <v>5486875</v>
      </c>
      <c r="CJ11" s="326">
        <v>2571040</v>
      </c>
      <c r="CK11" s="327">
        <v>44606061</v>
      </c>
      <c r="CL11" s="329">
        <v>45285602</v>
      </c>
      <c r="CM11" s="325">
        <v>0</v>
      </c>
      <c r="CN11" s="326">
        <v>0</v>
      </c>
      <c r="CO11" s="327">
        <v>0</v>
      </c>
      <c r="CP11" s="331">
        <v>0</v>
      </c>
      <c r="CQ11" s="326">
        <v>9943254</v>
      </c>
      <c r="CR11" s="326">
        <v>11797070</v>
      </c>
      <c r="CS11" s="326">
        <v>6465515</v>
      </c>
      <c r="CT11" s="326">
        <v>3892733</v>
      </c>
      <c r="CU11" s="326">
        <v>2102760</v>
      </c>
      <c r="CV11" s="327">
        <v>34201332</v>
      </c>
      <c r="CW11" s="329">
        <v>34201332</v>
      </c>
      <c r="CX11" s="325">
        <v>242904</v>
      </c>
      <c r="CY11" s="326">
        <v>436637</v>
      </c>
      <c r="CZ11" s="327">
        <v>679541</v>
      </c>
      <c r="DA11" s="325">
        <v>0</v>
      </c>
      <c r="DB11" s="326">
        <v>2334762</v>
      </c>
      <c r="DC11" s="326">
        <v>3681658</v>
      </c>
      <c r="DD11" s="326">
        <v>2325887</v>
      </c>
      <c r="DE11" s="326">
        <v>1594142</v>
      </c>
      <c r="DF11" s="326">
        <v>468280</v>
      </c>
      <c r="DG11" s="327">
        <v>10404729</v>
      </c>
      <c r="DH11" s="329">
        <v>11084270</v>
      </c>
      <c r="DI11" s="325">
        <v>0</v>
      </c>
      <c r="DJ11" s="326">
        <v>64261</v>
      </c>
      <c r="DK11" s="330">
        <v>64261</v>
      </c>
      <c r="DL11" s="331">
        <v>0</v>
      </c>
      <c r="DM11" s="326">
        <v>766702</v>
      </c>
      <c r="DN11" s="326">
        <v>1666805</v>
      </c>
      <c r="DO11" s="326">
        <v>2406931</v>
      </c>
      <c r="DP11" s="326">
        <v>2665950</v>
      </c>
      <c r="DQ11" s="326">
        <v>1042445</v>
      </c>
      <c r="DR11" s="327">
        <v>8548833</v>
      </c>
      <c r="DS11" s="329">
        <v>8613094</v>
      </c>
      <c r="DT11" s="325">
        <v>0</v>
      </c>
      <c r="DU11" s="326">
        <v>64261</v>
      </c>
      <c r="DV11" s="327">
        <v>64261</v>
      </c>
      <c r="DW11" s="325">
        <v>0</v>
      </c>
      <c r="DX11" s="326">
        <v>631710</v>
      </c>
      <c r="DY11" s="326">
        <v>1432158</v>
      </c>
      <c r="DZ11" s="326">
        <v>1906337</v>
      </c>
      <c r="EA11" s="326">
        <v>2216830</v>
      </c>
      <c r="EB11" s="326">
        <v>915573</v>
      </c>
      <c r="EC11" s="327">
        <v>7102608</v>
      </c>
      <c r="ED11" s="329">
        <v>7166869</v>
      </c>
      <c r="EE11" s="325">
        <v>0</v>
      </c>
      <c r="EF11" s="330">
        <v>0</v>
      </c>
      <c r="EG11" s="327">
        <v>0</v>
      </c>
      <c r="EH11" s="325">
        <v>0</v>
      </c>
      <c r="EI11" s="326">
        <v>134992</v>
      </c>
      <c r="EJ11" s="326">
        <v>234647</v>
      </c>
      <c r="EK11" s="326">
        <v>500594</v>
      </c>
      <c r="EL11" s="326">
        <v>449120</v>
      </c>
      <c r="EM11" s="326">
        <v>126872</v>
      </c>
      <c r="EN11" s="330">
        <v>1446225</v>
      </c>
      <c r="EO11" s="329">
        <v>1446225</v>
      </c>
      <c r="EP11" s="325">
        <v>0</v>
      </c>
      <c r="EQ11" s="326">
        <v>0</v>
      </c>
      <c r="ER11" s="330">
        <v>0</v>
      </c>
      <c r="ES11" s="331">
        <v>0</v>
      </c>
      <c r="ET11" s="326">
        <v>0</v>
      </c>
      <c r="EU11" s="326">
        <v>0</v>
      </c>
      <c r="EV11" s="326">
        <v>0</v>
      </c>
      <c r="EW11" s="326">
        <v>0</v>
      </c>
      <c r="EX11" s="326">
        <v>0</v>
      </c>
      <c r="EY11" s="327">
        <v>0</v>
      </c>
      <c r="EZ11" s="329">
        <v>0</v>
      </c>
      <c r="FA11" s="325">
        <v>0</v>
      </c>
      <c r="FB11" s="326">
        <v>0</v>
      </c>
      <c r="FC11" s="330">
        <v>0</v>
      </c>
      <c r="FD11" s="331">
        <v>0</v>
      </c>
      <c r="FE11" s="326">
        <v>0</v>
      </c>
      <c r="FF11" s="326">
        <v>0</v>
      </c>
      <c r="FG11" s="326">
        <v>0</v>
      </c>
      <c r="FH11" s="326">
        <v>0</v>
      </c>
      <c r="FI11" s="326">
        <v>0</v>
      </c>
      <c r="FJ11" s="327">
        <v>0</v>
      </c>
      <c r="FK11" s="329">
        <v>0</v>
      </c>
      <c r="FL11" s="325">
        <v>781824</v>
      </c>
      <c r="FM11" s="326">
        <v>734672</v>
      </c>
      <c r="FN11" s="327">
        <v>1516496</v>
      </c>
      <c r="FO11" s="325">
        <v>0</v>
      </c>
      <c r="FP11" s="326">
        <v>2773964</v>
      </c>
      <c r="FQ11" s="326">
        <v>4717856</v>
      </c>
      <c r="FR11" s="326">
        <v>3217112</v>
      </c>
      <c r="FS11" s="326">
        <v>2524976</v>
      </c>
      <c r="FT11" s="326">
        <v>2055422</v>
      </c>
      <c r="FU11" s="327">
        <v>15289330</v>
      </c>
      <c r="FV11" s="329">
        <v>16805826</v>
      </c>
      <c r="FW11" s="332">
        <v>418024</v>
      </c>
      <c r="FX11" s="326">
        <v>688736</v>
      </c>
      <c r="FY11" s="330">
        <v>1106760</v>
      </c>
      <c r="FZ11" s="331">
        <v>0</v>
      </c>
      <c r="GA11" s="326">
        <v>1841168</v>
      </c>
      <c r="GB11" s="326">
        <v>4367392</v>
      </c>
      <c r="GC11" s="326">
        <v>2723768</v>
      </c>
      <c r="GD11" s="326">
        <v>2426800</v>
      </c>
      <c r="GE11" s="326">
        <v>1796120</v>
      </c>
      <c r="GF11" s="327">
        <v>13155248</v>
      </c>
      <c r="GG11" s="333">
        <v>14262008</v>
      </c>
      <c r="GH11" s="332">
        <v>0</v>
      </c>
      <c r="GI11" s="326">
        <v>22176</v>
      </c>
      <c r="GJ11" s="330">
        <v>22176</v>
      </c>
      <c r="GK11" s="331">
        <v>0</v>
      </c>
      <c r="GL11" s="326">
        <v>137060</v>
      </c>
      <c r="GM11" s="326">
        <v>130656</v>
      </c>
      <c r="GN11" s="326">
        <v>171784</v>
      </c>
      <c r="GO11" s="326">
        <v>98176</v>
      </c>
      <c r="GP11" s="326">
        <v>71280</v>
      </c>
      <c r="GQ11" s="327">
        <v>608956</v>
      </c>
      <c r="GR11" s="329">
        <v>631132</v>
      </c>
      <c r="GS11" s="325">
        <v>363800</v>
      </c>
      <c r="GT11" s="326">
        <v>23760</v>
      </c>
      <c r="GU11" s="327">
        <v>387560</v>
      </c>
      <c r="GV11" s="325">
        <v>0</v>
      </c>
      <c r="GW11" s="326">
        <v>795736</v>
      </c>
      <c r="GX11" s="326">
        <v>219808</v>
      </c>
      <c r="GY11" s="326">
        <v>321560</v>
      </c>
      <c r="GZ11" s="326">
        <v>0</v>
      </c>
      <c r="HA11" s="326">
        <v>188022</v>
      </c>
      <c r="HB11" s="330">
        <v>1525126</v>
      </c>
      <c r="HC11" s="329">
        <v>1912686</v>
      </c>
      <c r="HD11" s="325">
        <v>1638715</v>
      </c>
      <c r="HE11" s="326">
        <v>1107929</v>
      </c>
      <c r="HF11" s="330">
        <v>2746644</v>
      </c>
      <c r="HG11" s="331">
        <v>0</v>
      </c>
      <c r="HH11" s="326">
        <v>15194116</v>
      </c>
      <c r="HI11" s="326">
        <v>10251935</v>
      </c>
      <c r="HJ11" s="326">
        <v>12375021</v>
      </c>
      <c r="HK11" s="326">
        <v>14523844</v>
      </c>
      <c r="HL11" s="326">
        <v>8108863</v>
      </c>
      <c r="HM11" s="327">
        <v>60453779</v>
      </c>
      <c r="HN11" s="328">
        <v>63200423</v>
      </c>
      <c r="HO11" s="332">
        <v>0</v>
      </c>
      <c r="HP11" s="326">
        <v>0</v>
      </c>
      <c r="HQ11" s="327">
        <v>0</v>
      </c>
      <c r="HR11" s="325">
        <v>0</v>
      </c>
      <c r="HS11" s="326">
        <v>0</v>
      </c>
      <c r="HT11" s="326">
        <v>0</v>
      </c>
      <c r="HU11" s="326">
        <v>0</v>
      </c>
      <c r="HV11" s="326">
        <v>0</v>
      </c>
      <c r="HW11" s="326">
        <v>0</v>
      </c>
      <c r="HX11" s="330">
        <v>0</v>
      </c>
      <c r="HY11" s="329">
        <v>0</v>
      </c>
      <c r="HZ11" s="334">
        <v>132255</v>
      </c>
      <c r="IA11" s="335">
        <v>150506</v>
      </c>
      <c r="IB11" s="336">
        <v>282761</v>
      </c>
      <c r="IC11" s="337">
        <v>0</v>
      </c>
      <c r="ID11" s="335">
        <v>13148507</v>
      </c>
      <c r="IE11" s="338">
        <v>15835390</v>
      </c>
      <c r="IF11" s="336">
        <v>11582924</v>
      </c>
      <c r="IG11" s="335">
        <v>16014422</v>
      </c>
      <c r="IH11" s="336">
        <v>5925332</v>
      </c>
      <c r="II11" s="339">
        <v>62506575</v>
      </c>
      <c r="IJ11" s="340">
        <v>62789336</v>
      </c>
      <c r="IK11" s="341">
        <v>0</v>
      </c>
      <c r="IL11" s="342">
        <v>0</v>
      </c>
      <c r="IM11" s="343">
        <v>0</v>
      </c>
      <c r="IN11" s="403">
        <v>0</v>
      </c>
      <c r="IO11" s="344">
        <v>234551</v>
      </c>
      <c r="IP11" s="344">
        <v>246488</v>
      </c>
      <c r="IQ11" s="344">
        <v>572958</v>
      </c>
      <c r="IR11" s="344">
        <v>1399397</v>
      </c>
      <c r="IS11" s="344">
        <v>388585</v>
      </c>
      <c r="IT11" s="345">
        <v>2841979</v>
      </c>
      <c r="IU11" s="346">
        <v>2841979</v>
      </c>
      <c r="IV11" s="347">
        <v>0</v>
      </c>
      <c r="IW11" s="344">
        <v>0</v>
      </c>
      <c r="IX11" s="348">
        <v>0</v>
      </c>
      <c r="IY11" s="403">
        <v>0</v>
      </c>
      <c r="IZ11" s="344">
        <v>70294</v>
      </c>
      <c r="JA11" s="344">
        <v>113411</v>
      </c>
      <c r="JB11" s="344">
        <v>255657</v>
      </c>
      <c r="JC11" s="344">
        <v>25779</v>
      </c>
      <c r="JD11" s="344">
        <v>93744</v>
      </c>
      <c r="JE11" s="348">
        <v>558885</v>
      </c>
      <c r="JF11" s="349">
        <v>558885</v>
      </c>
      <c r="JG11" s="347">
        <v>0</v>
      </c>
      <c r="JH11" s="344">
        <v>0</v>
      </c>
      <c r="JI11" s="345">
        <v>0</v>
      </c>
      <c r="JJ11" s="350">
        <v>0</v>
      </c>
      <c r="JK11" s="344">
        <v>3912236</v>
      </c>
      <c r="JL11" s="344">
        <v>4206765</v>
      </c>
      <c r="JM11" s="344">
        <v>1948147</v>
      </c>
      <c r="JN11" s="344">
        <v>2225582</v>
      </c>
      <c r="JO11" s="344">
        <v>594148</v>
      </c>
      <c r="JP11" s="348">
        <v>12886878</v>
      </c>
      <c r="JQ11" s="346">
        <v>12886878</v>
      </c>
      <c r="JR11" s="347">
        <v>0</v>
      </c>
      <c r="JS11" s="344">
        <v>0</v>
      </c>
      <c r="JT11" s="345">
        <v>0</v>
      </c>
      <c r="JU11" s="350">
        <v>0</v>
      </c>
      <c r="JV11" s="344">
        <v>1066899</v>
      </c>
      <c r="JW11" s="344">
        <v>1344296</v>
      </c>
      <c r="JX11" s="344">
        <v>1842409</v>
      </c>
      <c r="JY11" s="344">
        <v>1637885</v>
      </c>
      <c r="JZ11" s="344">
        <v>682337</v>
      </c>
      <c r="KA11" s="348">
        <v>6573826</v>
      </c>
      <c r="KB11" s="346">
        <v>6573826</v>
      </c>
      <c r="KC11" s="351">
        <v>132255</v>
      </c>
      <c r="KD11" s="352">
        <v>150506</v>
      </c>
      <c r="KE11" s="348">
        <v>282761</v>
      </c>
      <c r="KF11" s="350">
        <v>0</v>
      </c>
      <c r="KG11" s="344">
        <v>1706398</v>
      </c>
      <c r="KH11" s="344">
        <v>1961741</v>
      </c>
      <c r="KI11" s="344">
        <v>476812</v>
      </c>
      <c r="KJ11" s="344">
        <v>1271518</v>
      </c>
      <c r="KK11" s="344">
        <v>590695</v>
      </c>
      <c r="KL11" s="348">
        <v>6007164</v>
      </c>
      <c r="KM11" s="353">
        <v>6289925</v>
      </c>
      <c r="KN11" s="341">
        <v>0</v>
      </c>
      <c r="KO11" s="342">
        <v>0</v>
      </c>
      <c r="KP11" s="343">
        <v>0</v>
      </c>
      <c r="KQ11" s="403">
        <v>0</v>
      </c>
      <c r="KR11" s="344">
        <v>4830537</v>
      </c>
      <c r="KS11" s="344">
        <v>7377190</v>
      </c>
      <c r="KT11" s="344">
        <v>4354018</v>
      </c>
      <c r="KU11" s="344">
        <v>5181167</v>
      </c>
      <c r="KV11" s="344">
        <v>1905503</v>
      </c>
      <c r="KW11" s="348">
        <v>23648415</v>
      </c>
      <c r="KX11" s="346">
        <v>23648415</v>
      </c>
      <c r="KY11" s="347">
        <v>0</v>
      </c>
      <c r="KZ11" s="344">
        <v>0</v>
      </c>
      <c r="LA11" s="348">
        <v>0</v>
      </c>
      <c r="LB11" s="403">
        <v>0</v>
      </c>
      <c r="LC11" s="344">
        <v>0</v>
      </c>
      <c r="LD11" s="344">
        <v>0</v>
      </c>
      <c r="LE11" s="344">
        <v>0</v>
      </c>
      <c r="LF11" s="344">
        <v>0</v>
      </c>
      <c r="LG11" s="344">
        <v>0</v>
      </c>
      <c r="LH11" s="348">
        <v>0</v>
      </c>
      <c r="LI11" s="349">
        <v>0</v>
      </c>
      <c r="LJ11" s="347">
        <v>0</v>
      </c>
      <c r="LK11" s="344">
        <v>0</v>
      </c>
      <c r="LL11" s="348">
        <v>0</v>
      </c>
      <c r="LM11" s="403">
        <v>0</v>
      </c>
      <c r="LN11" s="344">
        <v>0</v>
      </c>
      <c r="LO11" s="344">
        <v>0</v>
      </c>
      <c r="LP11" s="344">
        <v>818337</v>
      </c>
      <c r="LQ11" s="344">
        <v>2141927</v>
      </c>
      <c r="LR11" s="344">
        <v>639134</v>
      </c>
      <c r="LS11" s="348">
        <v>3599398</v>
      </c>
      <c r="LT11" s="346">
        <v>3599398</v>
      </c>
      <c r="LU11" s="347">
        <v>0</v>
      </c>
      <c r="LV11" s="344">
        <v>0</v>
      </c>
      <c r="LW11" s="348">
        <v>0</v>
      </c>
      <c r="LX11" s="403">
        <v>0</v>
      </c>
      <c r="LY11" s="344">
        <v>1327592</v>
      </c>
      <c r="LZ11" s="344">
        <v>585499</v>
      </c>
      <c r="MA11" s="344">
        <v>1314586</v>
      </c>
      <c r="MB11" s="344">
        <v>2131167</v>
      </c>
      <c r="MC11" s="344">
        <v>1031186</v>
      </c>
      <c r="MD11" s="348">
        <v>6390030</v>
      </c>
      <c r="ME11" s="349">
        <v>6390030</v>
      </c>
      <c r="MF11" s="347">
        <v>0</v>
      </c>
      <c r="MG11" s="344">
        <v>0</v>
      </c>
      <c r="MH11" s="348">
        <v>0</v>
      </c>
      <c r="MI11" s="403">
        <v>0</v>
      </c>
      <c r="MJ11" s="344">
        <v>2823467</v>
      </c>
      <c r="MK11" s="344">
        <v>5452713</v>
      </c>
      <c r="ML11" s="344">
        <v>20915292</v>
      </c>
      <c r="MM11" s="344">
        <v>28425592</v>
      </c>
      <c r="MN11" s="344">
        <v>17965111</v>
      </c>
      <c r="MO11" s="348">
        <v>75582175</v>
      </c>
      <c r="MP11" s="353">
        <v>75582175</v>
      </c>
      <c r="MQ11" s="347">
        <v>0</v>
      </c>
      <c r="MR11" s="344">
        <v>0</v>
      </c>
      <c r="MS11" s="348">
        <v>0</v>
      </c>
      <c r="MT11" s="403">
        <v>0</v>
      </c>
      <c r="MU11" s="344">
        <v>423756</v>
      </c>
      <c r="MV11" s="344">
        <v>1344369</v>
      </c>
      <c r="MW11" s="344">
        <v>11646792</v>
      </c>
      <c r="MX11" s="344">
        <v>19562643</v>
      </c>
      <c r="MY11" s="344">
        <v>10596135</v>
      </c>
      <c r="MZ11" s="348">
        <v>43573695</v>
      </c>
      <c r="NA11" s="353">
        <v>43573695</v>
      </c>
      <c r="NB11" s="347">
        <v>0</v>
      </c>
      <c r="NC11" s="344">
        <v>0</v>
      </c>
      <c r="ND11" s="348">
        <v>0</v>
      </c>
      <c r="NE11" s="403">
        <v>0</v>
      </c>
      <c r="NF11" s="344">
        <v>2399711</v>
      </c>
      <c r="NG11" s="344">
        <v>3777213</v>
      </c>
      <c r="NH11" s="344">
        <v>9268500</v>
      </c>
      <c r="NI11" s="344">
        <v>8862949</v>
      </c>
      <c r="NJ11" s="344">
        <v>6622815</v>
      </c>
      <c r="NK11" s="348">
        <v>30931188</v>
      </c>
      <c r="NL11" s="346">
        <v>30931188</v>
      </c>
      <c r="NM11" s="347">
        <v>0</v>
      </c>
      <c r="NN11" s="344">
        <v>0</v>
      </c>
      <c r="NO11" s="348">
        <v>0</v>
      </c>
      <c r="NP11" s="403">
        <v>0</v>
      </c>
      <c r="NQ11" s="344">
        <v>0</v>
      </c>
      <c r="NR11" s="344">
        <v>0</v>
      </c>
      <c r="NS11" s="344">
        <v>0</v>
      </c>
      <c r="NT11" s="344">
        <v>0</v>
      </c>
      <c r="NU11" s="344">
        <v>314216</v>
      </c>
      <c r="NV11" s="348">
        <v>314216</v>
      </c>
      <c r="NW11" s="349">
        <v>314216</v>
      </c>
      <c r="NX11" s="347">
        <v>0</v>
      </c>
      <c r="NY11" s="344">
        <v>0</v>
      </c>
      <c r="NZ11" s="348">
        <v>0</v>
      </c>
      <c r="OA11" s="403">
        <v>0</v>
      </c>
      <c r="OB11" s="344">
        <v>0</v>
      </c>
      <c r="OC11" s="344">
        <v>331131</v>
      </c>
      <c r="OD11" s="344">
        <v>0</v>
      </c>
      <c r="OE11" s="344">
        <v>0</v>
      </c>
      <c r="OF11" s="344">
        <v>431945</v>
      </c>
      <c r="OG11" s="348">
        <v>763076</v>
      </c>
      <c r="OH11" s="349">
        <v>763076</v>
      </c>
      <c r="OI11" s="347">
        <v>3624588</v>
      </c>
      <c r="OJ11" s="344">
        <v>4344559</v>
      </c>
      <c r="OK11" s="345">
        <v>7969147</v>
      </c>
      <c r="OL11" s="350">
        <v>0</v>
      </c>
      <c r="OM11" s="344">
        <v>62720170</v>
      </c>
      <c r="ON11" s="344">
        <v>70493332</v>
      </c>
      <c r="OO11" s="344">
        <v>69996800</v>
      </c>
      <c r="OP11" s="344">
        <v>81381293</v>
      </c>
      <c r="OQ11" s="344">
        <v>51411057</v>
      </c>
      <c r="OR11" s="348">
        <v>336002652</v>
      </c>
      <c r="OS11" s="353">
        <v>343971799</v>
      </c>
    </row>
    <row r="12" spans="1:409" s="70" customFormat="1" ht="21" customHeight="1" x14ac:dyDescent="0.2">
      <c r="B12" s="409" t="s">
        <v>14</v>
      </c>
      <c r="C12" s="325">
        <v>1710789</v>
      </c>
      <c r="D12" s="326">
        <v>3307395</v>
      </c>
      <c r="E12" s="327">
        <v>5018184</v>
      </c>
      <c r="F12" s="328">
        <v>0</v>
      </c>
      <c r="G12" s="326">
        <v>16663479</v>
      </c>
      <c r="H12" s="326">
        <v>28868786</v>
      </c>
      <c r="I12" s="326">
        <v>27223187</v>
      </c>
      <c r="J12" s="326">
        <v>19440220</v>
      </c>
      <c r="K12" s="326">
        <v>12880015</v>
      </c>
      <c r="L12" s="330">
        <v>105075687</v>
      </c>
      <c r="M12" s="329">
        <v>110093871</v>
      </c>
      <c r="N12" s="325">
        <v>530040</v>
      </c>
      <c r="O12" s="326">
        <v>893915</v>
      </c>
      <c r="P12" s="327">
        <v>1423955</v>
      </c>
      <c r="Q12" s="325">
        <v>0</v>
      </c>
      <c r="R12" s="326">
        <v>4550766</v>
      </c>
      <c r="S12" s="326">
        <v>9188245</v>
      </c>
      <c r="T12" s="326">
        <v>8054876</v>
      </c>
      <c r="U12" s="326">
        <v>8174882</v>
      </c>
      <c r="V12" s="326">
        <v>7251282</v>
      </c>
      <c r="W12" s="327">
        <v>37220051</v>
      </c>
      <c r="X12" s="329">
        <v>38644006</v>
      </c>
      <c r="Y12" s="325">
        <v>0</v>
      </c>
      <c r="Z12" s="326">
        <v>0</v>
      </c>
      <c r="AA12" s="327">
        <v>0</v>
      </c>
      <c r="AB12" s="325">
        <v>0</v>
      </c>
      <c r="AC12" s="326">
        <v>1872511</v>
      </c>
      <c r="AD12" s="326">
        <v>4548855</v>
      </c>
      <c r="AE12" s="326">
        <v>3862028</v>
      </c>
      <c r="AF12" s="326">
        <v>4643219</v>
      </c>
      <c r="AG12" s="326">
        <v>4742452</v>
      </c>
      <c r="AH12" s="327">
        <v>19669065</v>
      </c>
      <c r="AI12" s="329">
        <v>19669065</v>
      </c>
      <c r="AJ12" s="325">
        <v>0</v>
      </c>
      <c r="AK12" s="326">
        <v>0</v>
      </c>
      <c r="AL12" s="327">
        <v>0</v>
      </c>
      <c r="AM12" s="325">
        <v>0</v>
      </c>
      <c r="AN12" s="326">
        <v>0</v>
      </c>
      <c r="AO12" s="326">
        <v>86684</v>
      </c>
      <c r="AP12" s="326">
        <v>240254</v>
      </c>
      <c r="AQ12" s="326">
        <v>323119</v>
      </c>
      <c r="AR12" s="326">
        <v>450802</v>
      </c>
      <c r="AS12" s="327">
        <v>1100859</v>
      </c>
      <c r="AT12" s="329">
        <v>1100859</v>
      </c>
      <c r="AU12" s="325">
        <v>248848</v>
      </c>
      <c r="AV12" s="326">
        <v>611601</v>
      </c>
      <c r="AW12" s="327">
        <v>860449</v>
      </c>
      <c r="AX12" s="325">
        <v>0</v>
      </c>
      <c r="AY12" s="326">
        <v>1625167</v>
      </c>
      <c r="AZ12" s="326">
        <v>3014966</v>
      </c>
      <c r="BA12" s="326">
        <v>2489606</v>
      </c>
      <c r="BB12" s="326">
        <v>1714834</v>
      </c>
      <c r="BC12" s="326">
        <v>1215636</v>
      </c>
      <c r="BD12" s="327">
        <v>10060209</v>
      </c>
      <c r="BE12" s="329">
        <v>10920658</v>
      </c>
      <c r="BF12" s="325">
        <v>32712</v>
      </c>
      <c r="BG12" s="326">
        <v>75402</v>
      </c>
      <c r="BH12" s="330">
        <v>108114</v>
      </c>
      <c r="BI12" s="331">
        <v>0</v>
      </c>
      <c r="BJ12" s="326">
        <v>0</v>
      </c>
      <c r="BK12" s="326">
        <v>106348</v>
      </c>
      <c r="BL12" s="326">
        <v>64644</v>
      </c>
      <c r="BM12" s="326">
        <v>209910</v>
      </c>
      <c r="BN12" s="326">
        <v>0</v>
      </c>
      <c r="BO12" s="327">
        <v>380902</v>
      </c>
      <c r="BP12" s="329">
        <v>489016</v>
      </c>
      <c r="BQ12" s="325">
        <v>248480</v>
      </c>
      <c r="BR12" s="326">
        <v>206912</v>
      </c>
      <c r="BS12" s="327">
        <v>455392</v>
      </c>
      <c r="BT12" s="325">
        <v>0</v>
      </c>
      <c r="BU12" s="326">
        <v>1053088</v>
      </c>
      <c r="BV12" s="326">
        <v>1431392</v>
      </c>
      <c r="BW12" s="326">
        <v>1398344</v>
      </c>
      <c r="BX12" s="326">
        <v>1283800</v>
      </c>
      <c r="BY12" s="326">
        <v>842392</v>
      </c>
      <c r="BZ12" s="327">
        <v>6009016</v>
      </c>
      <c r="CA12" s="329">
        <v>6464408</v>
      </c>
      <c r="CB12" s="325">
        <v>105607</v>
      </c>
      <c r="CC12" s="326">
        <v>452777</v>
      </c>
      <c r="CD12" s="327">
        <v>558384</v>
      </c>
      <c r="CE12" s="325">
        <v>0</v>
      </c>
      <c r="CF12" s="326">
        <v>5959372</v>
      </c>
      <c r="CG12" s="326">
        <v>9014067</v>
      </c>
      <c r="CH12" s="326">
        <v>8439017</v>
      </c>
      <c r="CI12" s="326">
        <v>3099841</v>
      </c>
      <c r="CJ12" s="326">
        <v>925351</v>
      </c>
      <c r="CK12" s="327">
        <v>27437648</v>
      </c>
      <c r="CL12" s="329">
        <v>27996032</v>
      </c>
      <c r="CM12" s="325">
        <v>0</v>
      </c>
      <c r="CN12" s="326">
        <v>0</v>
      </c>
      <c r="CO12" s="327">
        <v>0</v>
      </c>
      <c r="CP12" s="331">
        <v>0</v>
      </c>
      <c r="CQ12" s="326">
        <v>5339470</v>
      </c>
      <c r="CR12" s="326">
        <v>7087444</v>
      </c>
      <c r="CS12" s="326">
        <v>7476545</v>
      </c>
      <c r="CT12" s="326">
        <v>2541756</v>
      </c>
      <c r="CU12" s="326">
        <v>887317</v>
      </c>
      <c r="CV12" s="327">
        <v>23332532</v>
      </c>
      <c r="CW12" s="329">
        <v>23332532</v>
      </c>
      <c r="CX12" s="325">
        <v>105607</v>
      </c>
      <c r="CY12" s="326">
        <v>452777</v>
      </c>
      <c r="CZ12" s="327">
        <v>558384</v>
      </c>
      <c r="DA12" s="325">
        <v>0</v>
      </c>
      <c r="DB12" s="326">
        <v>619902</v>
      </c>
      <c r="DC12" s="326">
        <v>1926623</v>
      </c>
      <c r="DD12" s="326">
        <v>962472</v>
      </c>
      <c r="DE12" s="326">
        <v>558085</v>
      </c>
      <c r="DF12" s="326">
        <v>38034</v>
      </c>
      <c r="DG12" s="327">
        <v>4105116</v>
      </c>
      <c r="DH12" s="329">
        <v>4663500</v>
      </c>
      <c r="DI12" s="325">
        <v>0</v>
      </c>
      <c r="DJ12" s="326">
        <v>0</v>
      </c>
      <c r="DK12" s="330">
        <v>0</v>
      </c>
      <c r="DL12" s="331">
        <v>0</v>
      </c>
      <c r="DM12" s="326">
        <v>392796</v>
      </c>
      <c r="DN12" s="326">
        <v>1761223</v>
      </c>
      <c r="DO12" s="326">
        <v>3447241</v>
      </c>
      <c r="DP12" s="326">
        <v>2343379</v>
      </c>
      <c r="DQ12" s="326">
        <v>381002</v>
      </c>
      <c r="DR12" s="327">
        <v>8325641</v>
      </c>
      <c r="DS12" s="329">
        <v>8325641</v>
      </c>
      <c r="DT12" s="325">
        <v>0</v>
      </c>
      <c r="DU12" s="326">
        <v>0</v>
      </c>
      <c r="DV12" s="327">
        <v>0</v>
      </c>
      <c r="DW12" s="325">
        <v>0</v>
      </c>
      <c r="DX12" s="326">
        <v>392796</v>
      </c>
      <c r="DY12" s="326">
        <v>1761223</v>
      </c>
      <c r="DZ12" s="326">
        <v>3343350</v>
      </c>
      <c r="EA12" s="326">
        <v>2306330</v>
      </c>
      <c r="EB12" s="326">
        <v>381002</v>
      </c>
      <c r="EC12" s="327">
        <v>8184701</v>
      </c>
      <c r="ED12" s="329">
        <v>8184701</v>
      </c>
      <c r="EE12" s="325">
        <v>0</v>
      </c>
      <c r="EF12" s="330">
        <v>0</v>
      </c>
      <c r="EG12" s="327">
        <v>0</v>
      </c>
      <c r="EH12" s="325">
        <v>0</v>
      </c>
      <c r="EI12" s="326">
        <v>0</v>
      </c>
      <c r="EJ12" s="326">
        <v>0</v>
      </c>
      <c r="EK12" s="326">
        <v>103891</v>
      </c>
      <c r="EL12" s="326">
        <v>37049</v>
      </c>
      <c r="EM12" s="326">
        <v>0</v>
      </c>
      <c r="EN12" s="330">
        <v>140940</v>
      </c>
      <c r="EO12" s="329">
        <v>140940</v>
      </c>
      <c r="EP12" s="325">
        <v>0</v>
      </c>
      <c r="EQ12" s="326">
        <v>0</v>
      </c>
      <c r="ER12" s="330">
        <v>0</v>
      </c>
      <c r="ES12" s="331">
        <v>0</v>
      </c>
      <c r="ET12" s="326">
        <v>0</v>
      </c>
      <c r="EU12" s="326">
        <v>0</v>
      </c>
      <c r="EV12" s="326">
        <v>0</v>
      </c>
      <c r="EW12" s="326">
        <v>0</v>
      </c>
      <c r="EX12" s="326">
        <v>0</v>
      </c>
      <c r="EY12" s="327">
        <v>0</v>
      </c>
      <c r="EZ12" s="329">
        <v>0</v>
      </c>
      <c r="FA12" s="325">
        <v>0</v>
      </c>
      <c r="FB12" s="326">
        <v>0</v>
      </c>
      <c r="FC12" s="330">
        <v>0</v>
      </c>
      <c r="FD12" s="331">
        <v>0</v>
      </c>
      <c r="FE12" s="326">
        <v>0</v>
      </c>
      <c r="FF12" s="326">
        <v>0</v>
      </c>
      <c r="FG12" s="326">
        <v>0</v>
      </c>
      <c r="FH12" s="326">
        <v>0</v>
      </c>
      <c r="FI12" s="326">
        <v>0</v>
      </c>
      <c r="FJ12" s="327">
        <v>0</v>
      </c>
      <c r="FK12" s="329">
        <v>0</v>
      </c>
      <c r="FL12" s="325">
        <v>374616</v>
      </c>
      <c r="FM12" s="326">
        <v>1321296</v>
      </c>
      <c r="FN12" s="327">
        <v>1695912</v>
      </c>
      <c r="FO12" s="325">
        <v>0</v>
      </c>
      <c r="FP12" s="326">
        <v>767392</v>
      </c>
      <c r="FQ12" s="326">
        <v>2967948</v>
      </c>
      <c r="FR12" s="326">
        <v>2311112</v>
      </c>
      <c r="FS12" s="326">
        <v>1645152</v>
      </c>
      <c r="FT12" s="326">
        <v>1015760</v>
      </c>
      <c r="FU12" s="327">
        <v>8707364</v>
      </c>
      <c r="FV12" s="329">
        <v>10403276</v>
      </c>
      <c r="FW12" s="332">
        <v>178976</v>
      </c>
      <c r="FX12" s="326">
        <v>778840</v>
      </c>
      <c r="FY12" s="330">
        <v>957816</v>
      </c>
      <c r="FZ12" s="331">
        <v>0</v>
      </c>
      <c r="GA12" s="326">
        <v>737152</v>
      </c>
      <c r="GB12" s="326">
        <v>2770984</v>
      </c>
      <c r="GC12" s="326">
        <v>2139512</v>
      </c>
      <c r="GD12" s="326">
        <v>1645152</v>
      </c>
      <c r="GE12" s="326">
        <v>946768</v>
      </c>
      <c r="GF12" s="327">
        <v>8239568</v>
      </c>
      <c r="GG12" s="333">
        <v>9197384</v>
      </c>
      <c r="GH12" s="332">
        <v>35640</v>
      </c>
      <c r="GI12" s="326">
        <v>56712</v>
      </c>
      <c r="GJ12" s="330">
        <v>92352</v>
      </c>
      <c r="GK12" s="331">
        <v>0</v>
      </c>
      <c r="GL12" s="326">
        <v>30240</v>
      </c>
      <c r="GM12" s="326">
        <v>196964</v>
      </c>
      <c r="GN12" s="326">
        <v>42240</v>
      </c>
      <c r="GO12" s="326">
        <v>0</v>
      </c>
      <c r="GP12" s="326">
        <v>68992</v>
      </c>
      <c r="GQ12" s="327">
        <v>338436</v>
      </c>
      <c r="GR12" s="329">
        <v>430788</v>
      </c>
      <c r="GS12" s="325">
        <v>160000</v>
      </c>
      <c r="GT12" s="326">
        <v>485744</v>
      </c>
      <c r="GU12" s="327">
        <v>645744</v>
      </c>
      <c r="GV12" s="325">
        <v>0</v>
      </c>
      <c r="GW12" s="326">
        <v>0</v>
      </c>
      <c r="GX12" s="326">
        <v>0</v>
      </c>
      <c r="GY12" s="326">
        <v>129360</v>
      </c>
      <c r="GZ12" s="326">
        <v>0</v>
      </c>
      <c r="HA12" s="326">
        <v>0</v>
      </c>
      <c r="HB12" s="330">
        <v>129360</v>
      </c>
      <c r="HC12" s="329">
        <v>775104</v>
      </c>
      <c r="HD12" s="325">
        <v>700526</v>
      </c>
      <c r="HE12" s="326">
        <v>639407</v>
      </c>
      <c r="HF12" s="330">
        <v>1339933</v>
      </c>
      <c r="HG12" s="331">
        <v>0</v>
      </c>
      <c r="HH12" s="326">
        <v>4993153</v>
      </c>
      <c r="HI12" s="326">
        <v>5937303</v>
      </c>
      <c r="HJ12" s="326">
        <v>4970941</v>
      </c>
      <c r="HK12" s="326">
        <v>4176966</v>
      </c>
      <c r="HL12" s="326">
        <v>3306620</v>
      </c>
      <c r="HM12" s="327">
        <v>23384983</v>
      </c>
      <c r="HN12" s="328">
        <v>24724916</v>
      </c>
      <c r="HO12" s="332">
        <v>0</v>
      </c>
      <c r="HP12" s="326">
        <v>0</v>
      </c>
      <c r="HQ12" s="327">
        <v>0</v>
      </c>
      <c r="HR12" s="325">
        <v>0</v>
      </c>
      <c r="HS12" s="326">
        <v>0</v>
      </c>
      <c r="HT12" s="326">
        <v>0</v>
      </c>
      <c r="HU12" s="326">
        <v>0</v>
      </c>
      <c r="HV12" s="326">
        <v>0</v>
      </c>
      <c r="HW12" s="326">
        <v>0</v>
      </c>
      <c r="HX12" s="330">
        <v>0</v>
      </c>
      <c r="HY12" s="329">
        <v>0</v>
      </c>
      <c r="HZ12" s="334">
        <v>0</v>
      </c>
      <c r="IA12" s="335">
        <v>67012</v>
      </c>
      <c r="IB12" s="336">
        <v>67012</v>
      </c>
      <c r="IC12" s="354">
        <v>0</v>
      </c>
      <c r="ID12" s="355">
        <v>5685486</v>
      </c>
      <c r="IE12" s="356">
        <v>7039806</v>
      </c>
      <c r="IF12" s="357">
        <v>9069401</v>
      </c>
      <c r="IG12" s="355">
        <v>6831843</v>
      </c>
      <c r="IH12" s="357">
        <v>3230355</v>
      </c>
      <c r="II12" s="358">
        <v>31856891</v>
      </c>
      <c r="IJ12" s="340">
        <v>31923903</v>
      </c>
      <c r="IK12" s="341">
        <v>0</v>
      </c>
      <c r="IL12" s="342">
        <v>0</v>
      </c>
      <c r="IM12" s="343">
        <v>0</v>
      </c>
      <c r="IN12" s="403">
        <v>0</v>
      </c>
      <c r="IO12" s="344">
        <v>71144</v>
      </c>
      <c r="IP12" s="344">
        <v>198761</v>
      </c>
      <c r="IQ12" s="344">
        <v>136392</v>
      </c>
      <c r="IR12" s="344">
        <v>188676</v>
      </c>
      <c r="IS12" s="344">
        <v>247602</v>
      </c>
      <c r="IT12" s="345">
        <v>842575</v>
      </c>
      <c r="IU12" s="346">
        <v>842575</v>
      </c>
      <c r="IV12" s="347">
        <v>0</v>
      </c>
      <c r="IW12" s="344">
        <v>0</v>
      </c>
      <c r="IX12" s="348">
        <v>0</v>
      </c>
      <c r="IY12" s="403">
        <v>0</v>
      </c>
      <c r="IZ12" s="344">
        <v>0</v>
      </c>
      <c r="JA12" s="344">
        <v>0</v>
      </c>
      <c r="JB12" s="344">
        <v>0</v>
      </c>
      <c r="JC12" s="344">
        <v>0</v>
      </c>
      <c r="JD12" s="344">
        <v>0</v>
      </c>
      <c r="JE12" s="348">
        <v>0</v>
      </c>
      <c r="JF12" s="349">
        <v>0</v>
      </c>
      <c r="JG12" s="347">
        <v>0</v>
      </c>
      <c r="JH12" s="344">
        <v>0</v>
      </c>
      <c r="JI12" s="345">
        <v>0</v>
      </c>
      <c r="JJ12" s="350">
        <v>0</v>
      </c>
      <c r="JK12" s="344">
        <v>2296483</v>
      </c>
      <c r="JL12" s="344">
        <v>3430101</v>
      </c>
      <c r="JM12" s="344">
        <v>3273840</v>
      </c>
      <c r="JN12" s="344">
        <v>1563087</v>
      </c>
      <c r="JO12" s="344">
        <v>552942</v>
      </c>
      <c r="JP12" s="348">
        <v>11116453</v>
      </c>
      <c r="JQ12" s="346">
        <v>11116453</v>
      </c>
      <c r="JR12" s="347">
        <v>0</v>
      </c>
      <c r="JS12" s="344">
        <v>0</v>
      </c>
      <c r="JT12" s="345">
        <v>0</v>
      </c>
      <c r="JU12" s="350">
        <v>0</v>
      </c>
      <c r="JV12" s="344">
        <v>89219</v>
      </c>
      <c r="JW12" s="344">
        <v>198905</v>
      </c>
      <c r="JX12" s="344">
        <v>91010</v>
      </c>
      <c r="JY12" s="344">
        <v>0</v>
      </c>
      <c r="JZ12" s="344">
        <v>0</v>
      </c>
      <c r="KA12" s="348">
        <v>379134</v>
      </c>
      <c r="KB12" s="346">
        <v>379134</v>
      </c>
      <c r="KC12" s="351">
        <v>0</v>
      </c>
      <c r="KD12" s="352">
        <v>67012</v>
      </c>
      <c r="KE12" s="348">
        <v>67012</v>
      </c>
      <c r="KF12" s="350">
        <v>0</v>
      </c>
      <c r="KG12" s="344">
        <v>1653425</v>
      </c>
      <c r="KH12" s="344">
        <v>799572</v>
      </c>
      <c r="KI12" s="344">
        <v>1436417</v>
      </c>
      <c r="KJ12" s="344">
        <v>1128737</v>
      </c>
      <c r="KK12" s="344">
        <v>375682</v>
      </c>
      <c r="KL12" s="348">
        <v>5393833</v>
      </c>
      <c r="KM12" s="353">
        <v>5460845</v>
      </c>
      <c r="KN12" s="341">
        <v>0</v>
      </c>
      <c r="KO12" s="342">
        <v>0</v>
      </c>
      <c r="KP12" s="343">
        <v>0</v>
      </c>
      <c r="KQ12" s="403">
        <v>0</v>
      </c>
      <c r="KR12" s="344">
        <v>1432687</v>
      </c>
      <c r="KS12" s="344">
        <v>2221927</v>
      </c>
      <c r="KT12" s="344">
        <v>3637635</v>
      </c>
      <c r="KU12" s="344">
        <v>3115216</v>
      </c>
      <c r="KV12" s="344">
        <v>1345726</v>
      </c>
      <c r="KW12" s="348">
        <v>11753191</v>
      </c>
      <c r="KX12" s="346">
        <v>11753191</v>
      </c>
      <c r="KY12" s="347">
        <v>0</v>
      </c>
      <c r="KZ12" s="344">
        <v>0</v>
      </c>
      <c r="LA12" s="348">
        <v>0</v>
      </c>
      <c r="LB12" s="403">
        <v>0</v>
      </c>
      <c r="LC12" s="344">
        <v>0</v>
      </c>
      <c r="LD12" s="344">
        <v>0</v>
      </c>
      <c r="LE12" s="344">
        <v>0</v>
      </c>
      <c r="LF12" s="344">
        <v>0</v>
      </c>
      <c r="LG12" s="344">
        <v>0</v>
      </c>
      <c r="LH12" s="348">
        <v>0</v>
      </c>
      <c r="LI12" s="349">
        <v>0</v>
      </c>
      <c r="LJ12" s="347">
        <v>0</v>
      </c>
      <c r="LK12" s="344">
        <v>0</v>
      </c>
      <c r="LL12" s="348">
        <v>0</v>
      </c>
      <c r="LM12" s="403">
        <v>0</v>
      </c>
      <c r="LN12" s="344">
        <v>0</v>
      </c>
      <c r="LO12" s="344">
        <v>0</v>
      </c>
      <c r="LP12" s="344">
        <v>228734</v>
      </c>
      <c r="LQ12" s="344">
        <v>533162</v>
      </c>
      <c r="LR12" s="344">
        <v>0</v>
      </c>
      <c r="LS12" s="348">
        <v>761896</v>
      </c>
      <c r="LT12" s="346">
        <v>761896</v>
      </c>
      <c r="LU12" s="347">
        <v>0</v>
      </c>
      <c r="LV12" s="344">
        <v>0</v>
      </c>
      <c r="LW12" s="348">
        <v>0</v>
      </c>
      <c r="LX12" s="403">
        <v>0</v>
      </c>
      <c r="LY12" s="344">
        <v>142528</v>
      </c>
      <c r="LZ12" s="344">
        <v>190540</v>
      </c>
      <c r="MA12" s="344">
        <v>265373</v>
      </c>
      <c r="MB12" s="344">
        <v>302965</v>
      </c>
      <c r="MC12" s="344">
        <v>708403</v>
      </c>
      <c r="MD12" s="348">
        <v>1609809</v>
      </c>
      <c r="ME12" s="349">
        <v>1609809</v>
      </c>
      <c r="MF12" s="347">
        <v>0</v>
      </c>
      <c r="MG12" s="344">
        <v>0</v>
      </c>
      <c r="MH12" s="348">
        <v>0</v>
      </c>
      <c r="MI12" s="403">
        <v>0</v>
      </c>
      <c r="MJ12" s="344">
        <v>0</v>
      </c>
      <c r="MK12" s="344">
        <v>3282268</v>
      </c>
      <c r="ML12" s="344">
        <v>12200999</v>
      </c>
      <c r="MM12" s="344">
        <v>17552881</v>
      </c>
      <c r="MN12" s="344">
        <v>12587793</v>
      </c>
      <c r="MO12" s="348">
        <v>45623941</v>
      </c>
      <c r="MP12" s="353">
        <v>45623941</v>
      </c>
      <c r="MQ12" s="347">
        <v>0</v>
      </c>
      <c r="MR12" s="344">
        <v>0</v>
      </c>
      <c r="MS12" s="348">
        <v>0</v>
      </c>
      <c r="MT12" s="403">
        <v>0</v>
      </c>
      <c r="MU12" s="344">
        <v>0</v>
      </c>
      <c r="MV12" s="344">
        <v>0</v>
      </c>
      <c r="MW12" s="344">
        <v>8163749</v>
      </c>
      <c r="MX12" s="344">
        <v>12254850</v>
      </c>
      <c r="MY12" s="344">
        <v>6998312</v>
      </c>
      <c r="MZ12" s="348">
        <v>27416911</v>
      </c>
      <c r="NA12" s="353">
        <v>27416911</v>
      </c>
      <c r="NB12" s="347">
        <v>0</v>
      </c>
      <c r="NC12" s="344">
        <v>0</v>
      </c>
      <c r="ND12" s="348">
        <v>0</v>
      </c>
      <c r="NE12" s="403">
        <v>0</v>
      </c>
      <c r="NF12" s="344">
        <v>0</v>
      </c>
      <c r="NG12" s="344">
        <v>3282268</v>
      </c>
      <c r="NH12" s="344">
        <v>4037250</v>
      </c>
      <c r="NI12" s="344">
        <v>4200521</v>
      </c>
      <c r="NJ12" s="344">
        <v>3711491</v>
      </c>
      <c r="NK12" s="348">
        <v>15231530</v>
      </c>
      <c r="NL12" s="346">
        <v>15231530</v>
      </c>
      <c r="NM12" s="347">
        <v>0</v>
      </c>
      <c r="NN12" s="344">
        <v>0</v>
      </c>
      <c r="NO12" s="348">
        <v>0</v>
      </c>
      <c r="NP12" s="403">
        <v>0</v>
      </c>
      <c r="NQ12" s="344">
        <v>0</v>
      </c>
      <c r="NR12" s="344">
        <v>0</v>
      </c>
      <c r="NS12" s="344">
        <v>0</v>
      </c>
      <c r="NT12" s="344">
        <v>0</v>
      </c>
      <c r="NU12" s="344">
        <v>311156</v>
      </c>
      <c r="NV12" s="348">
        <v>311156</v>
      </c>
      <c r="NW12" s="349">
        <v>311156</v>
      </c>
      <c r="NX12" s="347">
        <v>0</v>
      </c>
      <c r="NY12" s="344">
        <v>0</v>
      </c>
      <c r="NZ12" s="348">
        <v>0</v>
      </c>
      <c r="OA12" s="403">
        <v>0</v>
      </c>
      <c r="OB12" s="344">
        <v>0</v>
      </c>
      <c r="OC12" s="344">
        <v>0</v>
      </c>
      <c r="OD12" s="344">
        <v>0</v>
      </c>
      <c r="OE12" s="344">
        <v>1097510</v>
      </c>
      <c r="OF12" s="344">
        <v>1566834</v>
      </c>
      <c r="OG12" s="348">
        <v>2664344</v>
      </c>
      <c r="OH12" s="349">
        <v>2664344</v>
      </c>
      <c r="OI12" s="347">
        <v>1710789</v>
      </c>
      <c r="OJ12" s="344">
        <v>3374407</v>
      </c>
      <c r="OK12" s="345">
        <v>5085196</v>
      </c>
      <c r="OL12" s="350">
        <v>0</v>
      </c>
      <c r="OM12" s="344">
        <v>22348965</v>
      </c>
      <c r="ON12" s="344">
        <v>39190860</v>
      </c>
      <c r="OO12" s="344">
        <v>48493587</v>
      </c>
      <c r="OP12" s="344">
        <v>43824944</v>
      </c>
      <c r="OQ12" s="344">
        <v>28698163</v>
      </c>
      <c r="OR12" s="348">
        <v>182556519</v>
      </c>
      <c r="OS12" s="353">
        <v>187641715</v>
      </c>
    </row>
    <row r="13" spans="1:409" s="70" customFormat="1" ht="21" customHeight="1" x14ac:dyDescent="0.2">
      <c r="B13" s="409" t="s">
        <v>7</v>
      </c>
      <c r="C13" s="325">
        <v>1442208</v>
      </c>
      <c r="D13" s="326">
        <v>1650927</v>
      </c>
      <c r="E13" s="327">
        <v>3093135</v>
      </c>
      <c r="F13" s="328">
        <v>0</v>
      </c>
      <c r="G13" s="326">
        <v>25428144</v>
      </c>
      <c r="H13" s="326">
        <v>24918200</v>
      </c>
      <c r="I13" s="326">
        <v>20702060</v>
      </c>
      <c r="J13" s="326">
        <v>14641543</v>
      </c>
      <c r="K13" s="326">
        <v>12903528</v>
      </c>
      <c r="L13" s="328">
        <v>98593475</v>
      </c>
      <c r="M13" s="329">
        <v>101686610</v>
      </c>
      <c r="N13" s="325">
        <v>316625</v>
      </c>
      <c r="O13" s="326">
        <v>219453</v>
      </c>
      <c r="P13" s="327">
        <v>536078</v>
      </c>
      <c r="Q13" s="325">
        <v>0</v>
      </c>
      <c r="R13" s="326">
        <v>7171789</v>
      </c>
      <c r="S13" s="326">
        <v>7456080</v>
      </c>
      <c r="T13" s="326">
        <v>5681888</v>
      </c>
      <c r="U13" s="326">
        <v>6319853</v>
      </c>
      <c r="V13" s="326">
        <v>6435003</v>
      </c>
      <c r="W13" s="327">
        <v>33064613</v>
      </c>
      <c r="X13" s="329">
        <v>33600691</v>
      </c>
      <c r="Y13" s="325">
        <v>0</v>
      </c>
      <c r="Z13" s="326">
        <v>0</v>
      </c>
      <c r="AA13" s="327">
        <v>0</v>
      </c>
      <c r="AB13" s="325">
        <v>0</v>
      </c>
      <c r="AC13" s="326">
        <v>3359997</v>
      </c>
      <c r="AD13" s="326">
        <v>3662492</v>
      </c>
      <c r="AE13" s="326">
        <v>2977096</v>
      </c>
      <c r="AF13" s="326">
        <v>4345993</v>
      </c>
      <c r="AG13" s="326">
        <v>3569365</v>
      </c>
      <c r="AH13" s="327">
        <v>17914943</v>
      </c>
      <c r="AI13" s="329">
        <v>17914943</v>
      </c>
      <c r="AJ13" s="325">
        <v>0</v>
      </c>
      <c r="AK13" s="326">
        <v>0</v>
      </c>
      <c r="AL13" s="327">
        <v>0</v>
      </c>
      <c r="AM13" s="325">
        <v>0</v>
      </c>
      <c r="AN13" s="326">
        <v>0</v>
      </c>
      <c r="AO13" s="326">
        <v>307702</v>
      </c>
      <c r="AP13" s="326">
        <v>175366</v>
      </c>
      <c r="AQ13" s="326">
        <v>328041</v>
      </c>
      <c r="AR13" s="326">
        <v>912609</v>
      </c>
      <c r="AS13" s="327">
        <v>1723718</v>
      </c>
      <c r="AT13" s="329">
        <v>1723718</v>
      </c>
      <c r="AU13" s="325">
        <v>147083</v>
      </c>
      <c r="AV13" s="326">
        <v>62717</v>
      </c>
      <c r="AW13" s="327">
        <v>209800</v>
      </c>
      <c r="AX13" s="325">
        <v>0</v>
      </c>
      <c r="AY13" s="326">
        <v>2218746</v>
      </c>
      <c r="AZ13" s="326">
        <v>1958778</v>
      </c>
      <c r="BA13" s="326">
        <v>1101760</v>
      </c>
      <c r="BB13" s="326">
        <v>753469</v>
      </c>
      <c r="BC13" s="326">
        <v>1342427</v>
      </c>
      <c r="BD13" s="327">
        <v>7375180</v>
      </c>
      <c r="BE13" s="329">
        <v>7584980</v>
      </c>
      <c r="BF13" s="325">
        <v>25910</v>
      </c>
      <c r="BG13" s="326">
        <v>0</v>
      </c>
      <c r="BH13" s="330">
        <v>25910</v>
      </c>
      <c r="BI13" s="331">
        <v>0</v>
      </c>
      <c r="BJ13" s="326">
        <v>327582</v>
      </c>
      <c r="BK13" s="326">
        <v>139524</v>
      </c>
      <c r="BL13" s="326">
        <v>160010</v>
      </c>
      <c r="BM13" s="326">
        <v>118942</v>
      </c>
      <c r="BN13" s="326">
        <v>39954</v>
      </c>
      <c r="BO13" s="327">
        <v>786012</v>
      </c>
      <c r="BP13" s="329">
        <v>811922</v>
      </c>
      <c r="BQ13" s="325">
        <v>143632</v>
      </c>
      <c r="BR13" s="326">
        <v>156736</v>
      </c>
      <c r="BS13" s="327">
        <v>300368</v>
      </c>
      <c r="BT13" s="325">
        <v>0</v>
      </c>
      <c r="BU13" s="326">
        <v>1265464</v>
      </c>
      <c r="BV13" s="326">
        <v>1387584</v>
      </c>
      <c r="BW13" s="326">
        <v>1267656</v>
      </c>
      <c r="BX13" s="326">
        <v>773408</v>
      </c>
      <c r="BY13" s="326">
        <v>570648</v>
      </c>
      <c r="BZ13" s="327">
        <v>5264760</v>
      </c>
      <c r="CA13" s="329">
        <v>5565128</v>
      </c>
      <c r="CB13" s="325">
        <v>60410</v>
      </c>
      <c r="CC13" s="326">
        <v>110818</v>
      </c>
      <c r="CD13" s="327">
        <v>171228</v>
      </c>
      <c r="CE13" s="325">
        <v>0</v>
      </c>
      <c r="CF13" s="326">
        <v>8422237</v>
      </c>
      <c r="CG13" s="326">
        <v>7011865</v>
      </c>
      <c r="CH13" s="326">
        <v>3578784</v>
      </c>
      <c r="CI13" s="326">
        <v>1354167</v>
      </c>
      <c r="CJ13" s="326">
        <v>1088062</v>
      </c>
      <c r="CK13" s="327">
        <v>21455115</v>
      </c>
      <c r="CL13" s="329">
        <v>21626343</v>
      </c>
      <c r="CM13" s="325">
        <v>0</v>
      </c>
      <c r="CN13" s="326">
        <v>0</v>
      </c>
      <c r="CO13" s="327">
        <v>0</v>
      </c>
      <c r="CP13" s="331">
        <v>0</v>
      </c>
      <c r="CQ13" s="326">
        <v>7234802</v>
      </c>
      <c r="CR13" s="326">
        <v>5818268</v>
      </c>
      <c r="CS13" s="326">
        <v>2887615</v>
      </c>
      <c r="CT13" s="326">
        <v>1009709</v>
      </c>
      <c r="CU13" s="326">
        <v>808216</v>
      </c>
      <c r="CV13" s="327">
        <v>17758610</v>
      </c>
      <c r="CW13" s="329">
        <v>17758610</v>
      </c>
      <c r="CX13" s="325">
        <v>60410</v>
      </c>
      <c r="CY13" s="326">
        <v>110818</v>
      </c>
      <c r="CZ13" s="327">
        <v>171228</v>
      </c>
      <c r="DA13" s="325">
        <v>0</v>
      </c>
      <c r="DB13" s="326">
        <v>1187435</v>
      </c>
      <c r="DC13" s="326">
        <v>1193597</v>
      </c>
      <c r="DD13" s="326">
        <v>691169</v>
      </c>
      <c r="DE13" s="326">
        <v>344458</v>
      </c>
      <c r="DF13" s="326">
        <v>279846</v>
      </c>
      <c r="DG13" s="327">
        <v>3696505</v>
      </c>
      <c r="DH13" s="329">
        <v>3867733</v>
      </c>
      <c r="DI13" s="325">
        <v>0</v>
      </c>
      <c r="DJ13" s="326">
        <v>0</v>
      </c>
      <c r="DK13" s="330">
        <v>0</v>
      </c>
      <c r="DL13" s="331">
        <v>0</v>
      </c>
      <c r="DM13" s="326">
        <v>997477</v>
      </c>
      <c r="DN13" s="326">
        <v>2178483</v>
      </c>
      <c r="DO13" s="326">
        <v>3054078</v>
      </c>
      <c r="DP13" s="326">
        <v>995842</v>
      </c>
      <c r="DQ13" s="326">
        <v>1193265</v>
      </c>
      <c r="DR13" s="327">
        <v>8419145</v>
      </c>
      <c r="DS13" s="329">
        <v>8419145</v>
      </c>
      <c r="DT13" s="325">
        <v>0</v>
      </c>
      <c r="DU13" s="326">
        <v>0</v>
      </c>
      <c r="DV13" s="327">
        <v>0</v>
      </c>
      <c r="DW13" s="325">
        <v>0</v>
      </c>
      <c r="DX13" s="326">
        <v>939109</v>
      </c>
      <c r="DY13" s="326">
        <v>2042306</v>
      </c>
      <c r="DZ13" s="326">
        <v>2621229</v>
      </c>
      <c r="EA13" s="326">
        <v>917827</v>
      </c>
      <c r="EB13" s="326">
        <v>1193265</v>
      </c>
      <c r="EC13" s="327">
        <v>7713736</v>
      </c>
      <c r="ED13" s="329">
        <v>7713736</v>
      </c>
      <c r="EE13" s="325">
        <v>0</v>
      </c>
      <c r="EF13" s="330">
        <v>0</v>
      </c>
      <c r="EG13" s="327">
        <v>0</v>
      </c>
      <c r="EH13" s="325">
        <v>0</v>
      </c>
      <c r="EI13" s="326">
        <v>58368</v>
      </c>
      <c r="EJ13" s="326">
        <v>136177</v>
      </c>
      <c r="EK13" s="326">
        <v>432849</v>
      </c>
      <c r="EL13" s="326">
        <v>78015</v>
      </c>
      <c r="EM13" s="326">
        <v>0</v>
      </c>
      <c r="EN13" s="330">
        <v>705409</v>
      </c>
      <c r="EO13" s="329">
        <v>705409</v>
      </c>
      <c r="EP13" s="325">
        <v>0</v>
      </c>
      <c r="EQ13" s="326">
        <v>0</v>
      </c>
      <c r="ER13" s="330">
        <v>0</v>
      </c>
      <c r="ES13" s="331">
        <v>0</v>
      </c>
      <c r="ET13" s="326">
        <v>0</v>
      </c>
      <c r="EU13" s="326">
        <v>0</v>
      </c>
      <c r="EV13" s="326">
        <v>0</v>
      </c>
      <c r="EW13" s="326">
        <v>0</v>
      </c>
      <c r="EX13" s="326">
        <v>0</v>
      </c>
      <c r="EY13" s="327">
        <v>0</v>
      </c>
      <c r="EZ13" s="329">
        <v>0</v>
      </c>
      <c r="FA13" s="325">
        <v>0</v>
      </c>
      <c r="FB13" s="326">
        <v>0</v>
      </c>
      <c r="FC13" s="330">
        <v>0</v>
      </c>
      <c r="FD13" s="331">
        <v>0</v>
      </c>
      <c r="FE13" s="326">
        <v>0</v>
      </c>
      <c r="FF13" s="326">
        <v>0</v>
      </c>
      <c r="FG13" s="326">
        <v>0</v>
      </c>
      <c r="FH13" s="326">
        <v>0</v>
      </c>
      <c r="FI13" s="326">
        <v>0</v>
      </c>
      <c r="FJ13" s="327">
        <v>0</v>
      </c>
      <c r="FK13" s="329">
        <v>0</v>
      </c>
      <c r="FL13" s="325">
        <v>475680</v>
      </c>
      <c r="FM13" s="326">
        <v>303520</v>
      </c>
      <c r="FN13" s="327">
        <v>779200</v>
      </c>
      <c r="FO13" s="325">
        <v>0</v>
      </c>
      <c r="FP13" s="326">
        <v>1379666</v>
      </c>
      <c r="FQ13" s="326">
        <v>2774235</v>
      </c>
      <c r="FR13" s="326">
        <v>1758952</v>
      </c>
      <c r="FS13" s="326">
        <v>1058965</v>
      </c>
      <c r="FT13" s="326">
        <v>884568</v>
      </c>
      <c r="FU13" s="327">
        <v>7856386</v>
      </c>
      <c r="FV13" s="329">
        <v>8635586</v>
      </c>
      <c r="FW13" s="332">
        <v>134032</v>
      </c>
      <c r="FX13" s="326">
        <v>143520</v>
      </c>
      <c r="FY13" s="330">
        <v>277552</v>
      </c>
      <c r="FZ13" s="331">
        <v>0</v>
      </c>
      <c r="GA13" s="326">
        <v>670088</v>
      </c>
      <c r="GB13" s="326">
        <v>2243184</v>
      </c>
      <c r="GC13" s="326">
        <v>1491240</v>
      </c>
      <c r="GD13" s="326">
        <v>945088</v>
      </c>
      <c r="GE13" s="326">
        <v>724568</v>
      </c>
      <c r="GF13" s="327">
        <v>6074168</v>
      </c>
      <c r="GG13" s="333">
        <v>6351720</v>
      </c>
      <c r="GH13" s="332">
        <v>55968</v>
      </c>
      <c r="GI13" s="326">
        <v>0</v>
      </c>
      <c r="GJ13" s="330">
        <v>55968</v>
      </c>
      <c r="GK13" s="331">
        <v>0</v>
      </c>
      <c r="GL13" s="326">
        <v>74087</v>
      </c>
      <c r="GM13" s="326">
        <v>145851</v>
      </c>
      <c r="GN13" s="326">
        <v>23232</v>
      </c>
      <c r="GO13" s="326">
        <v>82677</v>
      </c>
      <c r="GP13" s="326">
        <v>0</v>
      </c>
      <c r="GQ13" s="327">
        <v>325847</v>
      </c>
      <c r="GR13" s="329">
        <v>381815</v>
      </c>
      <c r="GS13" s="325">
        <v>285680</v>
      </c>
      <c r="GT13" s="326">
        <v>160000</v>
      </c>
      <c r="GU13" s="327">
        <v>445680</v>
      </c>
      <c r="GV13" s="325">
        <v>0</v>
      </c>
      <c r="GW13" s="326">
        <v>635491</v>
      </c>
      <c r="GX13" s="326">
        <v>385200</v>
      </c>
      <c r="GY13" s="326">
        <v>244480</v>
      </c>
      <c r="GZ13" s="326">
        <v>31200</v>
      </c>
      <c r="HA13" s="326">
        <v>160000</v>
      </c>
      <c r="HB13" s="330">
        <v>1456371</v>
      </c>
      <c r="HC13" s="329">
        <v>1902051</v>
      </c>
      <c r="HD13" s="325">
        <v>589493</v>
      </c>
      <c r="HE13" s="326">
        <v>1017136</v>
      </c>
      <c r="HF13" s="330">
        <v>1606629</v>
      </c>
      <c r="HG13" s="331">
        <v>0</v>
      </c>
      <c r="HH13" s="326">
        <v>7456975</v>
      </c>
      <c r="HI13" s="326">
        <v>5497537</v>
      </c>
      <c r="HJ13" s="326">
        <v>6628358</v>
      </c>
      <c r="HK13" s="326">
        <v>4912716</v>
      </c>
      <c r="HL13" s="326">
        <v>3302630</v>
      </c>
      <c r="HM13" s="327">
        <v>27798216</v>
      </c>
      <c r="HN13" s="328">
        <v>29404845</v>
      </c>
      <c r="HO13" s="332">
        <v>0</v>
      </c>
      <c r="HP13" s="326">
        <v>0</v>
      </c>
      <c r="HQ13" s="327">
        <v>0</v>
      </c>
      <c r="HR13" s="325">
        <v>0</v>
      </c>
      <c r="HS13" s="326">
        <v>0</v>
      </c>
      <c r="HT13" s="326">
        <v>0</v>
      </c>
      <c r="HU13" s="326">
        <v>0</v>
      </c>
      <c r="HV13" s="326">
        <v>0</v>
      </c>
      <c r="HW13" s="326">
        <v>0</v>
      </c>
      <c r="HX13" s="330">
        <v>0</v>
      </c>
      <c r="HY13" s="329">
        <v>0</v>
      </c>
      <c r="HZ13" s="334">
        <v>0</v>
      </c>
      <c r="IA13" s="335">
        <v>0</v>
      </c>
      <c r="IB13" s="336">
        <v>0</v>
      </c>
      <c r="IC13" s="337">
        <v>0</v>
      </c>
      <c r="ID13" s="335">
        <v>5556649</v>
      </c>
      <c r="IE13" s="338">
        <v>4520688</v>
      </c>
      <c r="IF13" s="336">
        <v>5631954</v>
      </c>
      <c r="IG13" s="335">
        <v>2585005</v>
      </c>
      <c r="IH13" s="336">
        <v>2555636</v>
      </c>
      <c r="II13" s="339">
        <v>20849932</v>
      </c>
      <c r="IJ13" s="340">
        <v>20849932</v>
      </c>
      <c r="IK13" s="341">
        <v>0</v>
      </c>
      <c r="IL13" s="342">
        <v>0</v>
      </c>
      <c r="IM13" s="343">
        <v>0</v>
      </c>
      <c r="IN13" s="403">
        <v>0</v>
      </c>
      <c r="IO13" s="344">
        <v>0</v>
      </c>
      <c r="IP13" s="344">
        <v>0</v>
      </c>
      <c r="IQ13" s="344">
        <v>0</v>
      </c>
      <c r="IR13" s="344">
        <v>0</v>
      </c>
      <c r="IS13" s="344">
        <v>0</v>
      </c>
      <c r="IT13" s="345">
        <v>0</v>
      </c>
      <c r="IU13" s="346">
        <v>0</v>
      </c>
      <c r="IV13" s="347">
        <v>0</v>
      </c>
      <c r="IW13" s="344">
        <v>0</v>
      </c>
      <c r="IX13" s="348">
        <v>0</v>
      </c>
      <c r="IY13" s="403">
        <v>0</v>
      </c>
      <c r="IZ13" s="344">
        <v>0</v>
      </c>
      <c r="JA13" s="344">
        <v>0</v>
      </c>
      <c r="JB13" s="344">
        <v>0</v>
      </c>
      <c r="JC13" s="344">
        <v>0</v>
      </c>
      <c r="JD13" s="344">
        <v>0</v>
      </c>
      <c r="JE13" s="348">
        <v>0</v>
      </c>
      <c r="JF13" s="349">
        <v>0</v>
      </c>
      <c r="JG13" s="347">
        <v>0</v>
      </c>
      <c r="JH13" s="344">
        <v>0</v>
      </c>
      <c r="JI13" s="345">
        <v>0</v>
      </c>
      <c r="JJ13" s="350">
        <v>0</v>
      </c>
      <c r="JK13" s="344">
        <v>2676008</v>
      </c>
      <c r="JL13" s="344">
        <v>2481843</v>
      </c>
      <c r="JM13" s="344">
        <v>1225042</v>
      </c>
      <c r="JN13" s="344">
        <v>834754</v>
      </c>
      <c r="JO13" s="344">
        <v>309651</v>
      </c>
      <c r="JP13" s="348">
        <v>7527298</v>
      </c>
      <c r="JQ13" s="346">
        <v>7527298</v>
      </c>
      <c r="JR13" s="347">
        <v>0</v>
      </c>
      <c r="JS13" s="344">
        <v>0</v>
      </c>
      <c r="JT13" s="345">
        <v>0</v>
      </c>
      <c r="JU13" s="350">
        <v>0</v>
      </c>
      <c r="JV13" s="344">
        <v>363213</v>
      </c>
      <c r="JW13" s="344">
        <v>482612</v>
      </c>
      <c r="JX13" s="344">
        <v>385534</v>
      </c>
      <c r="JY13" s="344">
        <v>711849</v>
      </c>
      <c r="JZ13" s="344">
        <v>218392</v>
      </c>
      <c r="KA13" s="348">
        <v>2161600</v>
      </c>
      <c r="KB13" s="346">
        <v>2161600</v>
      </c>
      <c r="KC13" s="351">
        <v>0</v>
      </c>
      <c r="KD13" s="352">
        <v>0</v>
      </c>
      <c r="KE13" s="348">
        <v>0</v>
      </c>
      <c r="KF13" s="350">
        <v>0</v>
      </c>
      <c r="KG13" s="344">
        <v>509747</v>
      </c>
      <c r="KH13" s="344">
        <v>220214</v>
      </c>
      <c r="KI13" s="344">
        <v>649447</v>
      </c>
      <c r="KJ13" s="344">
        <v>0</v>
      </c>
      <c r="KK13" s="344">
        <v>0</v>
      </c>
      <c r="KL13" s="348">
        <v>1379408</v>
      </c>
      <c r="KM13" s="353">
        <v>1379408</v>
      </c>
      <c r="KN13" s="341">
        <v>0</v>
      </c>
      <c r="KO13" s="342">
        <v>0</v>
      </c>
      <c r="KP13" s="343">
        <v>0</v>
      </c>
      <c r="KQ13" s="403">
        <v>0</v>
      </c>
      <c r="KR13" s="344">
        <v>2007681</v>
      </c>
      <c r="KS13" s="344">
        <v>934420</v>
      </c>
      <c r="KT13" s="344">
        <v>3087428</v>
      </c>
      <c r="KU13" s="344">
        <v>1038402</v>
      </c>
      <c r="KV13" s="344">
        <v>1099846</v>
      </c>
      <c r="KW13" s="348">
        <v>8167777</v>
      </c>
      <c r="KX13" s="346">
        <v>8167777</v>
      </c>
      <c r="KY13" s="347">
        <v>0</v>
      </c>
      <c r="KZ13" s="344">
        <v>0</v>
      </c>
      <c r="LA13" s="348">
        <v>0</v>
      </c>
      <c r="LB13" s="403">
        <v>0</v>
      </c>
      <c r="LC13" s="344">
        <v>0</v>
      </c>
      <c r="LD13" s="344">
        <v>0</v>
      </c>
      <c r="LE13" s="344">
        <v>0</v>
      </c>
      <c r="LF13" s="344">
        <v>0</v>
      </c>
      <c r="LG13" s="344">
        <v>0</v>
      </c>
      <c r="LH13" s="348">
        <v>0</v>
      </c>
      <c r="LI13" s="349">
        <v>0</v>
      </c>
      <c r="LJ13" s="347">
        <v>0</v>
      </c>
      <c r="LK13" s="344">
        <v>0</v>
      </c>
      <c r="LL13" s="348">
        <v>0</v>
      </c>
      <c r="LM13" s="403">
        <v>0</v>
      </c>
      <c r="LN13" s="344">
        <v>0</v>
      </c>
      <c r="LO13" s="344">
        <v>0</v>
      </c>
      <c r="LP13" s="344">
        <v>0</v>
      </c>
      <c r="LQ13" s="344">
        <v>0</v>
      </c>
      <c r="LR13" s="344">
        <v>0</v>
      </c>
      <c r="LS13" s="348">
        <v>0</v>
      </c>
      <c r="LT13" s="346">
        <v>0</v>
      </c>
      <c r="LU13" s="347">
        <v>0</v>
      </c>
      <c r="LV13" s="344">
        <v>0</v>
      </c>
      <c r="LW13" s="348">
        <v>0</v>
      </c>
      <c r="LX13" s="403">
        <v>0</v>
      </c>
      <c r="LY13" s="344">
        <v>0</v>
      </c>
      <c r="LZ13" s="344">
        <v>401599</v>
      </c>
      <c r="MA13" s="344">
        <v>284503</v>
      </c>
      <c r="MB13" s="344">
        <v>0</v>
      </c>
      <c r="MC13" s="344">
        <v>927747</v>
      </c>
      <c r="MD13" s="348">
        <v>1613849</v>
      </c>
      <c r="ME13" s="349">
        <v>1613849</v>
      </c>
      <c r="MF13" s="347">
        <v>0</v>
      </c>
      <c r="MG13" s="344">
        <v>0</v>
      </c>
      <c r="MH13" s="348">
        <v>0</v>
      </c>
      <c r="MI13" s="403">
        <v>0</v>
      </c>
      <c r="MJ13" s="344">
        <v>2875880</v>
      </c>
      <c r="MK13" s="344">
        <v>1555056</v>
      </c>
      <c r="ML13" s="344">
        <v>7727059</v>
      </c>
      <c r="MM13" s="344">
        <v>17970885</v>
      </c>
      <c r="MN13" s="344">
        <v>6318005</v>
      </c>
      <c r="MO13" s="348">
        <v>36446885</v>
      </c>
      <c r="MP13" s="353">
        <v>36446885</v>
      </c>
      <c r="MQ13" s="347">
        <v>0</v>
      </c>
      <c r="MR13" s="344">
        <v>0</v>
      </c>
      <c r="MS13" s="348">
        <v>0</v>
      </c>
      <c r="MT13" s="403">
        <v>0</v>
      </c>
      <c r="MU13" s="344">
        <v>220477</v>
      </c>
      <c r="MV13" s="344">
        <v>230426</v>
      </c>
      <c r="MW13" s="344">
        <v>5114119</v>
      </c>
      <c r="MX13" s="344">
        <v>11689193</v>
      </c>
      <c r="MY13" s="344">
        <v>5867938</v>
      </c>
      <c r="MZ13" s="348">
        <v>23122153</v>
      </c>
      <c r="NA13" s="353">
        <v>23122153</v>
      </c>
      <c r="NB13" s="347">
        <v>0</v>
      </c>
      <c r="NC13" s="344">
        <v>0</v>
      </c>
      <c r="ND13" s="348">
        <v>0</v>
      </c>
      <c r="NE13" s="403">
        <v>0</v>
      </c>
      <c r="NF13" s="344">
        <v>2655403</v>
      </c>
      <c r="NG13" s="344">
        <v>1324630</v>
      </c>
      <c r="NH13" s="344">
        <v>2612940</v>
      </c>
      <c r="NI13" s="344">
        <v>5600441</v>
      </c>
      <c r="NJ13" s="344">
        <v>450067</v>
      </c>
      <c r="NK13" s="348">
        <v>12643481</v>
      </c>
      <c r="NL13" s="346">
        <v>12643481</v>
      </c>
      <c r="NM13" s="347">
        <v>0</v>
      </c>
      <c r="NN13" s="344">
        <v>0</v>
      </c>
      <c r="NO13" s="348">
        <v>0</v>
      </c>
      <c r="NP13" s="403">
        <v>0</v>
      </c>
      <c r="NQ13" s="344">
        <v>0</v>
      </c>
      <c r="NR13" s="344">
        <v>0</v>
      </c>
      <c r="NS13" s="344">
        <v>0</v>
      </c>
      <c r="NT13" s="344">
        <v>0</v>
      </c>
      <c r="NU13" s="344">
        <v>0</v>
      </c>
      <c r="NV13" s="348">
        <v>0</v>
      </c>
      <c r="NW13" s="349">
        <v>0</v>
      </c>
      <c r="NX13" s="347">
        <v>0</v>
      </c>
      <c r="NY13" s="344">
        <v>0</v>
      </c>
      <c r="NZ13" s="348">
        <v>0</v>
      </c>
      <c r="OA13" s="403">
        <v>0</v>
      </c>
      <c r="OB13" s="344">
        <v>0</v>
      </c>
      <c r="OC13" s="344">
        <v>0</v>
      </c>
      <c r="OD13" s="344">
        <v>0</v>
      </c>
      <c r="OE13" s="344">
        <v>681251</v>
      </c>
      <c r="OF13" s="344">
        <v>0</v>
      </c>
      <c r="OG13" s="348">
        <v>681251</v>
      </c>
      <c r="OH13" s="349">
        <v>681251</v>
      </c>
      <c r="OI13" s="347">
        <v>1442208</v>
      </c>
      <c r="OJ13" s="344">
        <v>1650927</v>
      </c>
      <c r="OK13" s="345">
        <v>3093135</v>
      </c>
      <c r="OL13" s="350">
        <v>0</v>
      </c>
      <c r="OM13" s="344">
        <v>33860673</v>
      </c>
      <c r="ON13" s="344">
        <v>30993944</v>
      </c>
      <c r="OO13" s="344">
        <v>34061073</v>
      </c>
      <c r="OP13" s="344">
        <v>35197433</v>
      </c>
      <c r="OQ13" s="344">
        <v>21777169</v>
      </c>
      <c r="OR13" s="348">
        <v>155890292</v>
      </c>
      <c r="OS13" s="353">
        <v>158983427</v>
      </c>
    </row>
    <row r="14" spans="1:409" s="70" customFormat="1" ht="21" customHeight="1" x14ac:dyDescent="0.2">
      <c r="B14" s="409" t="s">
        <v>8</v>
      </c>
      <c r="C14" s="325">
        <v>914462</v>
      </c>
      <c r="D14" s="326">
        <v>449296</v>
      </c>
      <c r="E14" s="327">
        <v>1363758</v>
      </c>
      <c r="F14" s="328">
        <v>0</v>
      </c>
      <c r="G14" s="326">
        <v>7331869</v>
      </c>
      <c r="H14" s="326">
        <v>8206932</v>
      </c>
      <c r="I14" s="326">
        <v>11312885</v>
      </c>
      <c r="J14" s="326">
        <v>5742784</v>
      </c>
      <c r="K14" s="326">
        <v>5759579</v>
      </c>
      <c r="L14" s="328">
        <v>38354049</v>
      </c>
      <c r="M14" s="329">
        <v>39717807</v>
      </c>
      <c r="N14" s="325">
        <v>201405</v>
      </c>
      <c r="O14" s="326">
        <v>93710</v>
      </c>
      <c r="P14" s="327">
        <v>295115</v>
      </c>
      <c r="Q14" s="325">
        <v>0</v>
      </c>
      <c r="R14" s="326">
        <v>1836920</v>
      </c>
      <c r="S14" s="326">
        <v>2857188</v>
      </c>
      <c r="T14" s="326">
        <v>4714531</v>
      </c>
      <c r="U14" s="326">
        <v>1660686</v>
      </c>
      <c r="V14" s="326">
        <v>3216286</v>
      </c>
      <c r="W14" s="327">
        <v>14285611</v>
      </c>
      <c r="X14" s="329">
        <v>14580726</v>
      </c>
      <c r="Y14" s="325">
        <v>0</v>
      </c>
      <c r="Z14" s="326">
        <v>0</v>
      </c>
      <c r="AA14" s="327">
        <v>0</v>
      </c>
      <c r="AB14" s="325">
        <v>0</v>
      </c>
      <c r="AC14" s="326">
        <v>694282</v>
      </c>
      <c r="AD14" s="326">
        <v>1718941</v>
      </c>
      <c r="AE14" s="326">
        <v>2288311</v>
      </c>
      <c r="AF14" s="326">
        <v>1044481</v>
      </c>
      <c r="AG14" s="326">
        <v>2065077</v>
      </c>
      <c r="AH14" s="327">
        <v>7811092</v>
      </c>
      <c r="AI14" s="329">
        <v>7811092</v>
      </c>
      <c r="AJ14" s="325">
        <v>0</v>
      </c>
      <c r="AK14" s="326">
        <v>0</v>
      </c>
      <c r="AL14" s="327">
        <v>0</v>
      </c>
      <c r="AM14" s="325">
        <v>0</v>
      </c>
      <c r="AN14" s="326">
        <v>0</v>
      </c>
      <c r="AO14" s="326">
        <v>72006</v>
      </c>
      <c r="AP14" s="326">
        <v>212817</v>
      </c>
      <c r="AQ14" s="326">
        <v>0</v>
      </c>
      <c r="AR14" s="326">
        <v>294939</v>
      </c>
      <c r="AS14" s="327">
        <v>579762</v>
      </c>
      <c r="AT14" s="329">
        <v>579762</v>
      </c>
      <c r="AU14" s="325">
        <v>61517</v>
      </c>
      <c r="AV14" s="326">
        <v>69694</v>
      </c>
      <c r="AW14" s="327">
        <v>131211</v>
      </c>
      <c r="AX14" s="325">
        <v>0</v>
      </c>
      <c r="AY14" s="326">
        <v>455489</v>
      </c>
      <c r="AZ14" s="326">
        <v>714097</v>
      </c>
      <c r="BA14" s="326">
        <v>1435997</v>
      </c>
      <c r="BB14" s="326">
        <v>381840</v>
      </c>
      <c r="BC14" s="326">
        <v>544602</v>
      </c>
      <c r="BD14" s="327">
        <v>3532025</v>
      </c>
      <c r="BE14" s="329">
        <v>3663236</v>
      </c>
      <c r="BF14" s="325">
        <v>0</v>
      </c>
      <c r="BG14" s="326">
        <v>0</v>
      </c>
      <c r="BH14" s="330">
        <v>0</v>
      </c>
      <c r="BI14" s="331">
        <v>0</v>
      </c>
      <c r="BJ14" s="326">
        <v>186797</v>
      </c>
      <c r="BK14" s="326">
        <v>0</v>
      </c>
      <c r="BL14" s="326">
        <v>253310</v>
      </c>
      <c r="BM14" s="326">
        <v>12085</v>
      </c>
      <c r="BN14" s="326">
        <v>54252</v>
      </c>
      <c r="BO14" s="327">
        <v>506444</v>
      </c>
      <c r="BP14" s="329">
        <v>506444</v>
      </c>
      <c r="BQ14" s="325">
        <v>139888</v>
      </c>
      <c r="BR14" s="326">
        <v>24016</v>
      </c>
      <c r="BS14" s="327">
        <v>163904</v>
      </c>
      <c r="BT14" s="325">
        <v>0</v>
      </c>
      <c r="BU14" s="326">
        <v>500352</v>
      </c>
      <c r="BV14" s="326">
        <v>352144</v>
      </c>
      <c r="BW14" s="326">
        <v>524096</v>
      </c>
      <c r="BX14" s="326">
        <v>222280</v>
      </c>
      <c r="BY14" s="326">
        <v>257416</v>
      </c>
      <c r="BZ14" s="327">
        <v>1856288</v>
      </c>
      <c r="CA14" s="329">
        <v>2020192</v>
      </c>
      <c r="CB14" s="325">
        <v>124177</v>
      </c>
      <c r="CC14" s="326">
        <v>39996</v>
      </c>
      <c r="CD14" s="327">
        <v>164173</v>
      </c>
      <c r="CE14" s="325">
        <v>0</v>
      </c>
      <c r="CF14" s="326">
        <v>2268483</v>
      </c>
      <c r="CG14" s="326">
        <v>2774752</v>
      </c>
      <c r="CH14" s="326">
        <v>2150743</v>
      </c>
      <c r="CI14" s="326">
        <v>1432667</v>
      </c>
      <c r="CJ14" s="326">
        <v>443338</v>
      </c>
      <c r="CK14" s="327">
        <v>9069983</v>
      </c>
      <c r="CL14" s="329">
        <v>9234156</v>
      </c>
      <c r="CM14" s="325">
        <v>0</v>
      </c>
      <c r="CN14" s="326">
        <v>0</v>
      </c>
      <c r="CO14" s="327">
        <v>0</v>
      </c>
      <c r="CP14" s="331">
        <v>0</v>
      </c>
      <c r="CQ14" s="326">
        <v>1727817</v>
      </c>
      <c r="CR14" s="326">
        <v>2377979</v>
      </c>
      <c r="CS14" s="326">
        <v>1462940</v>
      </c>
      <c r="CT14" s="326">
        <v>1310077</v>
      </c>
      <c r="CU14" s="326">
        <v>416618</v>
      </c>
      <c r="CV14" s="327">
        <v>7295431</v>
      </c>
      <c r="CW14" s="329">
        <v>7295431</v>
      </c>
      <c r="CX14" s="325">
        <v>124177</v>
      </c>
      <c r="CY14" s="326">
        <v>39996</v>
      </c>
      <c r="CZ14" s="327">
        <v>164173</v>
      </c>
      <c r="DA14" s="325">
        <v>0</v>
      </c>
      <c r="DB14" s="326">
        <v>540666</v>
      </c>
      <c r="DC14" s="326">
        <v>396773</v>
      </c>
      <c r="DD14" s="326">
        <v>687803</v>
      </c>
      <c r="DE14" s="326">
        <v>122590</v>
      </c>
      <c r="DF14" s="326">
        <v>26720</v>
      </c>
      <c r="DG14" s="327">
        <v>1774552</v>
      </c>
      <c r="DH14" s="329">
        <v>1938725</v>
      </c>
      <c r="DI14" s="325">
        <v>82381</v>
      </c>
      <c r="DJ14" s="326">
        <v>57746</v>
      </c>
      <c r="DK14" s="330">
        <v>140127</v>
      </c>
      <c r="DL14" s="331">
        <v>0</v>
      </c>
      <c r="DM14" s="326">
        <v>269721</v>
      </c>
      <c r="DN14" s="326">
        <v>365260</v>
      </c>
      <c r="DO14" s="326">
        <v>1021677</v>
      </c>
      <c r="DP14" s="326">
        <v>675727</v>
      </c>
      <c r="DQ14" s="326">
        <v>446255</v>
      </c>
      <c r="DR14" s="327">
        <v>2778640</v>
      </c>
      <c r="DS14" s="329">
        <v>2918767</v>
      </c>
      <c r="DT14" s="325">
        <v>82381</v>
      </c>
      <c r="DU14" s="326">
        <v>57746</v>
      </c>
      <c r="DV14" s="327">
        <v>140127</v>
      </c>
      <c r="DW14" s="325">
        <v>0</v>
      </c>
      <c r="DX14" s="326">
        <v>269721</v>
      </c>
      <c r="DY14" s="326">
        <v>365260</v>
      </c>
      <c r="DZ14" s="326">
        <v>953561</v>
      </c>
      <c r="EA14" s="326">
        <v>675727</v>
      </c>
      <c r="EB14" s="326">
        <v>446255</v>
      </c>
      <c r="EC14" s="327">
        <v>2710524</v>
      </c>
      <c r="ED14" s="329">
        <v>2850651</v>
      </c>
      <c r="EE14" s="325">
        <v>0</v>
      </c>
      <c r="EF14" s="330">
        <v>0</v>
      </c>
      <c r="EG14" s="327">
        <v>0</v>
      </c>
      <c r="EH14" s="325">
        <v>0</v>
      </c>
      <c r="EI14" s="326">
        <v>0</v>
      </c>
      <c r="EJ14" s="326">
        <v>0</v>
      </c>
      <c r="EK14" s="326">
        <v>68116</v>
      </c>
      <c r="EL14" s="326">
        <v>0</v>
      </c>
      <c r="EM14" s="326">
        <v>0</v>
      </c>
      <c r="EN14" s="330">
        <v>68116</v>
      </c>
      <c r="EO14" s="329">
        <v>68116</v>
      </c>
      <c r="EP14" s="325">
        <v>0</v>
      </c>
      <c r="EQ14" s="326">
        <v>0</v>
      </c>
      <c r="ER14" s="330">
        <v>0</v>
      </c>
      <c r="ES14" s="331">
        <v>0</v>
      </c>
      <c r="ET14" s="326">
        <v>0</v>
      </c>
      <c r="EU14" s="326">
        <v>0</v>
      </c>
      <c r="EV14" s="326">
        <v>0</v>
      </c>
      <c r="EW14" s="326">
        <v>0</v>
      </c>
      <c r="EX14" s="326">
        <v>0</v>
      </c>
      <c r="EY14" s="327">
        <v>0</v>
      </c>
      <c r="EZ14" s="329">
        <v>0</v>
      </c>
      <c r="FA14" s="325">
        <v>0</v>
      </c>
      <c r="FB14" s="326">
        <v>0</v>
      </c>
      <c r="FC14" s="330">
        <v>0</v>
      </c>
      <c r="FD14" s="331">
        <v>0</v>
      </c>
      <c r="FE14" s="326">
        <v>0</v>
      </c>
      <c r="FF14" s="326">
        <v>0</v>
      </c>
      <c r="FG14" s="326">
        <v>0</v>
      </c>
      <c r="FH14" s="326">
        <v>0</v>
      </c>
      <c r="FI14" s="326">
        <v>0</v>
      </c>
      <c r="FJ14" s="327">
        <v>0</v>
      </c>
      <c r="FK14" s="329">
        <v>0</v>
      </c>
      <c r="FL14" s="325">
        <v>73320</v>
      </c>
      <c r="FM14" s="326">
        <v>167072</v>
      </c>
      <c r="FN14" s="327">
        <v>240392</v>
      </c>
      <c r="FO14" s="325">
        <v>0</v>
      </c>
      <c r="FP14" s="326">
        <v>326776</v>
      </c>
      <c r="FQ14" s="326">
        <v>875672</v>
      </c>
      <c r="FR14" s="326">
        <v>987728</v>
      </c>
      <c r="FS14" s="326">
        <v>510528</v>
      </c>
      <c r="FT14" s="326">
        <v>437720</v>
      </c>
      <c r="FU14" s="327">
        <v>3138424</v>
      </c>
      <c r="FV14" s="329">
        <v>3378816</v>
      </c>
      <c r="FW14" s="332">
        <v>73320</v>
      </c>
      <c r="FX14" s="326">
        <v>167072</v>
      </c>
      <c r="FY14" s="330">
        <v>240392</v>
      </c>
      <c r="FZ14" s="331">
        <v>0</v>
      </c>
      <c r="GA14" s="326">
        <v>326776</v>
      </c>
      <c r="GB14" s="326">
        <v>875672</v>
      </c>
      <c r="GC14" s="326">
        <v>987728</v>
      </c>
      <c r="GD14" s="326">
        <v>510528</v>
      </c>
      <c r="GE14" s="326">
        <v>437720</v>
      </c>
      <c r="GF14" s="327">
        <v>3138424</v>
      </c>
      <c r="GG14" s="333">
        <v>3378816</v>
      </c>
      <c r="GH14" s="332">
        <v>0</v>
      </c>
      <c r="GI14" s="326">
        <v>0</v>
      </c>
      <c r="GJ14" s="330">
        <v>0</v>
      </c>
      <c r="GK14" s="331">
        <v>0</v>
      </c>
      <c r="GL14" s="326">
        <v>0</v>
      </c>
      <c r="GM14" s="326">
        <v>0</v>
      </c>
      <c r="GN14" s="326">
        <v>0</v>
      </c>
      <c r="GO14" s="326">
        <v>0</v>
      </c>
      <c r="GP14" s="326">
        <v>0</v>
      </c>
      <c r="GQ14" s="327">
        <v>0</v>
      </c>
      <c r="GR14" s="329">
        <v>0</v>
      </c>
      <c r="GS14" s="325">
        <v>0</v>
      </c>
      <c r="GT14" s="326">
        <v>0</v>
      </c>
      <c r="GU14" s="327">
        <v>0</v>
      </c>
      <c r="GV14" s="325">
        <v>0</v>
      </c>
      <c r="GW14" s="326">
        <v>0</v>
      </c>
      <c r="GX14" s="326">
        <v>0</v>
      </c>
      <c r="GY14" s="326">
        <v>0</v>
      </c>
      <c r="GZ14" s="326">
        <v>0</v>
      </c>
      <c r="HA14" s="326">
        <v>0</v>
      </c>
      <c r="HB14" s="330">
        <v>0</v>
      </c>
      <c r="HC14" s="329">
        <v>0</v>
      </c>
      <c r="HD14" s="325">
        <v>433179</v>
      </c>
      <c r="HE14" s="326">
        <v>90772</v>
      </c>
      <c r="HF14" s="330">
        <v>523951</v>
      </c>
      <c r="HG14" s="331">
        <v>0</v>
      </c>
      <c r="HH14" s="326">
        <v>2629969</v>
      </c>
      <c r="HI14" s="326">
        <v>1334060</v>
      </c>
      <c r="HJ14" s="326">
        <v>2438206</v>
      </c>
      <c r="HK14" s="326">
        <v>1463176</v>
      </c>
      <c r="HL14" s="326">
        <v>1215980</v>
      </c>
      <c r="HM14" s="327">
        <v>9081391</v>
      </c>
      <c r="HN14" s="328">
        <v>9605342</v>
      </c>
      <c r="HO14" s="332">
        <v>0</v>
      </c>
      <c r="HP14" s="326">
        <v>0</v>
      </c>
      <c r="HQ14" s="327">
        <v>0</v>
      </c>
      <c r="HR14" s="325">
        <v>0</v>
      </c>
      <c r="HS14" s="326">
        <v>0</v>
      </c>
      <c r="HT14" s="326">
        <v>0</v>
      </c>
      <c r="HU14" s="326">
        <v>0</v>
      </c>
      <c r="HV14" s="326">
        <v>0</v>
      </c>
      <c r="HW14" s="326">
        <v>0</v>
      </c>
      <c r="HX14" s="330">
        <v>0</v>
      </c>
      <c r="HY14" s="329">
        <v>0</v>
      </c>
      <c r="HZ14" s="334">
        <v>0</v>
      </c>
      <c r="IA14" s="335">
        <v>155843</v>
      </c>
      <c r="IB14" s="336">
        <v>155843</v>
      </c>
      <c r="IC14" s="354">
        <v>0</v>
      </c>
      <c r="ID14" s="355">
        <v>2360210</v>
      </c>
      <c r="IE14" s="356">
        <v>3018587</v>
      </c>
      <c r="IF14" s="357">
        <v>2865710</v>
      </c>
      <c r="IG14" s="355">
        <v>2986206</v>
      </c>
      <c r="IH14" s="357">
        <v>1134217</v>
      </c>
      <c r="II14" s="358">
        <v>12364930</v>
      </c>
      <c r="IJ14" s="340">
        <v>12520773</v>
      </c>
      <c r="IK14" s="341">
        <v>0</v>
      </c>
      <c r="IL14" s="342">
        <v>0</v>
      </c>
      <c r="IM14" s="343">
        <v>0</v>
      </c>
      <c r="IN14" s="403">
        <v>0</v>
      </c>
      <c r="IO14" s="344">
        <v>70664</v>
      </c>
      <c r="IP14" s="344">
        <v>0</v>
      </c>
      <c r="IQ14" s="344">
        <v>0</v>
      </c>
      <c r="IR14" s="344">
        <v>0</v>
      </c>
      <c r="IS14" s="344">
        <v>0</v>
      </c>
      <c r="IT14" s="345">
        <v>70664</v>
      </c>
      <c r="IU14" s="346">
        <v>70664</v>
      </c>
      <c r="IV14" s="347">
        <v>0</v>
      </c>
      <c r="IW14" s="344">
        <v>0</v>
      </c>
      <c r="IX14" s="348">
        <v>0</v>
      </c>
      <c r="IY14" s="403">
        <v>0</v>
      </c>
      <c r="IZ14" s="344">
        <v>0</v>
      </c>
      <c r="JA14" s="344">
        <v>0</v>
      </c>
      <c r="JB14" s="344">
        <v>0</v>
      </c>
      <c r="JC14" s="344">
        <v>0</v>
      </c>
      <c r="JD14" s="344">
        <v>0</v>
      </c>
      <c r="JE14" s="348">
        <v>0</v>
      </c>
      <c r="JF14" s="349">
        <v>0</v>
      </c>
      <c r="JG14" s="347">
        <v>0</v>
      </c>
      <c r="JH14" s="344">
        <v>0</v>
      </c>
      <c r="JI14" s="345">
        <v>0</v>
      </c>
      <c r="JJ14" s="350">
        <v>0</v>
      </c>
      <c r="JK14" s="344">
        <v>1008046</v>
      </c>
      <c r="JL14" s="344">
        <v>2083884</v>
      </c>
      <c r="JM14" s="344">
        <v>793883</v>
      </c>
      <c r="JN14" s="344">
        <v>381682</v>
      </c>
      <c r="JO14" s="344">
        <v>121737</v>
      </c>
      <c r="JP14" s="348">
        <v>4389232</v>
      </c>
      <c r="JQ14" s="346">
        <v>4389232</v>
      </c>
      <c r="JR14" s="347">
        <v>0</v>
      </c>
      <c r="JS14" s="344">
        <v>0</v>
      </c>
      <c r="JT14" s="345">
        <v>0</v>
      </c>
      <c r="JU14" s="350">
        <v>0</v>
      </c>
      <c r="JV14" s="344">
        <v>51078</v>
      </c>
      <c r="JW14" s="344">
        <v>0</v>
      </c>
      <c r="JX14" s="344">
        <v>0</v>
      </c>
      <c r="JY14" s="344">
        <v>104604</v>
      </c>
      <c r="JZ14" s="344">
        <v>0</v>
      </c>
      <c r="KA14" s="348">
        <v>155682</v>
      </c>
      <c r="KB14" s="346">
        <v>155682</v>
      </c>
      <c r="KC14" s="351">
        <v>0</v>
      </c>
      <c r="KD14" s="352">
        <v>155843</v>
      </c>
      <c r="KE14" s="348">
        <v>155843</v>
      </c>
      <c r="KF14" s="350">
        <v>0</v>
      </c>
      <c r="KG14" s="344">
        <v>0</v>
      </c>
      <c r="KH14" s="344">
        <v>322397</v>
      </c>
      <c r="KI14" s="344">
        <v>222250</v>
      </c>
      <c r="KJ14" s="344">
        <v>261124</v>
      </c>
      <c r="KK14" s="344">
        <v>0</v>
      </c>
      <c r="KL14" s="348">
        <v>805771</v>
      </c>
      <c r="KM14" s="353">
        <v>961614</v>
      </c>
      <c r="KN14" s="341">
        <v>0</v>
      </c>
      <c r="KO14" s="342">
        <v>0</v>
      </c>
      <c r="KP14" s="343">
        <v>0</v>
      </c>
      <c r="KQ14" s="403">
        <v>0</v>
      </c>
      <c r="KR14" s="344">
        <v>949490</v>
      </c>
      <c r="KS14" s="344">
        <v>415841</v>
      </c>
      <c r="KT14" s="344">
        <v>993023</v>
      </c>
      <c r="KU14" s="344">
        <v>1304949</v>
      </c>
      <c r="KV14" s="344">
        <v>265437</v>
      </c>
      <c r="KW14" s="348">
        <v>3928740</v>
      </c>
      <c r="KX14" s="346">
        <v>3928740</v>
      </c>
      <c r="KY14" s="347">
        <v>0</v>
      </c>
      <c r="KZ14" s="344">
        <v>0</v>
      </c>
      <c r="LA14" s="348">
        <v>0</v>
      </c>
      <c r="LB14" s="403">
        <v>0</v>
      </c>
      <c r="LC14" s="344">
        <v>0</v>
      </c>
      <c r="LD14" s="344">
        <v>0</v>
      </c>
      <c r="LE14" s="344">
        <v>594202</v>
      </c>
      <c r="LF14" s="344">
        <v>0</v>
      </c>
      <c r="LG14" s="344">
        <v>239656</v>
      </c>
      <c r="LH14" s="348">
        <v>833858</v>
      </c>
      <c r="LI14" s="349">
        <v>833858</v>
      </c>
      <c r="LJ14" s="347">
        <v>0</v>
      </c>
      <c r="LK14" s="344">
        <v>0</v>
      </c>
      <c r="LL14" s="348">
        <v>0</v>
      </c>
      <c r="LM14" s="403">
        <v>0</v>
      </c>
      <c r="LN14" s="344">
        <v>0</v>
      </c>
      <c r="LO14" s="344">
        <v>0</v>
      </c>
      <c r="LP14" s="344">
        <v>262352</v>
      </c>
      <c r="LQ14" s="344">
        <v>248935</v>
      </c>
      <c r="LR14" s="344">
        <v>0</v>
      </c>
      <c r="LS14" s="348">
        <v>511287</v>
      </c>
      <c r="LT14" s="346">
        <v>511287</v>
      </c>
      <c r="LU14" s="347">
        <v>0</v>
      </c>
      <c r="LV14" s="344">
        <v>0</v>
      </c>
      <c r="LW14" s="348">
        <v>0</v>
      </c>
      <c r="LX14" s="403">
        <v>0</v>
      </c>
      <c r="LY14" s="344">
        <v>280932</v>
      </c>
      <c r="LZ14" s="344">
        <v>196465</v>
      </c>
      <c r="MA14" s="344">
        <v>0</v>
      </c>
      <c r="MB14" s="344">
        <v>684912</v>
      </c>
      <c r="MC14" s="344">
        <v>507387</v>
      </c>
      <c r="MD14" s="348">
        <v>1669696</v>
      </c>
      <c r="ME14" s="349">
        <v>1669696</v>
      </c>
      <c r="MF14" s="347">
        <v>0</v>
      </c>
      <c r="MG14" s="344">
        <v>0</v>
      </c>
      <c r="MH14" s="348">
        <v>0</v>
      </c>
      <c r="MI14" s="403">
        <v>0</v>
      </c>
      <c r="MJ14" s="344">
        <v>940488</v>
      </c>
      <c r="MK14" s="344">
        <v>836631</v>
      </c>
      <c r="ML14" s="344">
        <v>4937457</v>
      </c>
      <c r="MM14" s="344">
        <v>3977339</v>
      </c>
      <c r="MN14" s="344">
        <v>2782391</v>
      </c>
      <c r="MO14" s="348">
        <v>13474306</v>
      </c>
      <c r="MP14" s="353">
        <v>13474306</v>
      </c>
      <c r="MQ14" s="347">
        <v>0</v>
      </c>
      <c r="MR14" s="344">
        <v>0</v>
      </c>
      <c r="MS14" s="348">
        <v>0</v>
      </c>
      <c r="MT14" s="403">
        <v>0</v>
      </c>
      <c r="MU14" s="344">
        <v>215444</v>
      </c>
      <c r="MV14" s="344">
        <v>360923</v>
      </c>
      <c r="MW14" s="344">
        <v>2597676</v>
      </c>
      <c r="MX14" s="344">
        <v>2467062</v>
      </c>
      <c r="MY14" s="344">
        <v>1839931</v>
      </c>
      <c r="MZ14" s="348">
        <v>7481036</v>
      </c>
      <c r="NA14" s="353">
        <v>7481036</v>
      </c>
      <c r="NB14" s="347">
        <v>0</v>
      </c>
      <c r="NC14" s="344">
        <v>0</v>
      </c>
      <c r="ND14" s="348">
        <v>0</v>
      </c>
      <c r="NE14" s="403">
        <v>0</v>
      </c>
      <c r="NF14" s="344">
        <v>725044</v>
      </c>
      <c r="NG14" s="344">
        <v>475708</v>
      </c>
      <c r="NH14" s="344">
        <v>2339781</v>
      </c>
      <c r="NI14" s="344">
        <v>1217405</v>
      </c>
      <c r="NJ14" s="344">
        <v>942460</v>
      </c>
      <c r="NK14" s="348">
        <v>5700398</v>
      </c>
      <c r="NL14" s="346">
        <v>5700398</v>
      </c>
      <c r="NM14" s="347">
        <v>0</v>
      </c>
      <c r="NN14" s="344">
        <v>0</v>
      </c>
      <c r="NO14" s="348">
        <v>0</v>
      </c>
      <c r="NP14" s="403">
        <v>0</v>
      </c>
      <c r="NQ14" s="344">
        <v>0</v>
      </c>
      <c r="NR14" s="344">
        <v>0</v>
      </c>
      <c r="NS14" s="344">
        <v>0</v>
      </c>
      <c r="NT14" s="344">
        <v>0</v>
      </c>
      <c r="NU14" s="344">
        <v>0</v>
      </c>
      <c r="NV14" s="348">
        <v>0</v>
      </c>
      <c r="NW14" s="349">
        <v>0</v>
      </c>
      <c r="NX14" s="347">
        <v>0</v>
      </c>
      <c r="NY14" s="344">
        <v>0</v>
      </c>
      <c r="NZ14" s="348">
        <v>0</v>
      </c>
      <c r="OA14" s="403">
        <v>0</v>
      </c>
      <c r="OB14" s="344">
        <v>0</v>
      </c>
      <c r="OC14" s="344">
        <v>0</v>
      </c>
      <c r="OD14" s="344">
        <v>0</v>
      </c>
      <c r="OE14" s="344">
        <v>292872</v>
      </c>
      <c r="OF14" s="344">
        <v>0</v>
      </c>
      <c r="OG14" s="348">
        <v>292872</v>
      </c>
      <c r="OH14" s="349">
        <v>292872</v>
      </c>
      <c r="OI14" s="347">
        <v>914462</v>
      </c>
      <c r="OJ14" s="344">
        <v>605139</v>
      </c>
      <c r="OK14" s="345">
        <v>1519601</v>
      </c>
      <c r="OL14" s="350">
        <v>0</v>
      </c>
      <c r="OM14" s="344">
        <v>10632567</v>
      </c>
      <c r="ON14" s="344">
        <v>12062150</v>
      </c>
      <c r="OO14" s="344">
        <v>19116052</v>
      </c>
      <c r="OP14" s="344">
        <v>12706329</v>
      </c>
      <c r="OQ14" s="344">
        <v>9676187</v>
      </c>
      <c r="OR14" s="348">
        <v>64193285</v>
      </c>
      <c r="OS14" s="353">
        <v>65712886</v>
      </c>
    </row>
    <row r="15" spans="1:409" s="70" customFormat="1" ht="21" customHeight="1" x14ac:dyDescent="0.2">
      <c r="B15" s="409" t="s">
        <v>9</v>
      </c>
      <c r="C15" s="325">
        <v>902190</v>
      </c>
      <c r="D15" s="326">
        <v>842365</v>
      </c>
      <c r="E15" s="327">
        <v>1744555</v>
      </c>
      <c r="F15" s="331">
        <v>0</v>
      </c>
      <c r="G15" s="326">
        <v>10451918</v>
      </c>
      <c r="H15" s="326">
        <v>10008781</v>
      </c>
      <c r="I15" s="326">
        <v>11995248</v>
      </c>
      <c r="J15" s="326">
        <v>10915245</v>
      </c>
      <c r="K15" s="326">
        <v>7723357</v>
      </c>
      <c r="L15" s="328">
        <v>51094549</v>
      </c>
      <c r="M15" s="329">
        <v>52839104</v>
      </c>
      <c r="N15" s="325">
        <v>163991</v>
      </c>
      <c r="O15" s="326">
        <v>259576</v>
      </c>
      <c r="P15" s="327">
        <v>423567</v>
      </c>
      <c r="Q15" s="325">
        <v>0</v>
      </c>
      <c r="R15" s="326">
        <v>4205168</v>
      </c>
      <c r="S15" s="326">
        <v>3176565</v>
      </c>
      <c r="T15" s="326">
        <v>4450884</v>
      </c>
      <c r="U15" s="326">
        <v>4196983</v>
      </c>
      <c r="V15" s="326">
        <v>4779791</v>
      </c>
      <c r="W15" s="327">
        <v>20809391</v>
      </c>
      <c r="X15" s="329">
        <v>21232958</v>
      </c>
      <c r="Y15" s="325">
        <v>0</v>
      </c>
      <c r="Z15" s="326">
        <v>0</v>
      </c>
      <c r="AA15" s="327">
        <v>0</v>
      </c>
      <c r="AB15" s="325">
        <v>0</v>
      </c>
      <c r="AC15" s="326">
        <v>1710153</v>
      </c>
      <c r="AD15" s="326">
        <v>1566529</v>
      </c>
      <c r="AE15" s="326">
        <v>2260397</v>
      </c>
      <c r="AF15" s="326">
        <v>2357462</v>
      </c>
      <c r="AG15" s="326">
        <v>2486157</v>
      </c>
      <c r="AH15" s="327">
        <v>10380698</v>
      </c>
      <c r="AI15" s="329">
        <v>10380698</v>
      </c>
      <c r="AJ15" s="325">
        <v>0</v>
      </c>
      <c r="AK15" s="326">
        <v>0</v>
      </c>
      <c r="AL15" s="327">
        <v>0</v>
      </c>
      <c r="AM15" s="325">
        <v>0</v>
      </c>
      <c r="AN15" s="326">
        <v>0</v>
      </c>
      <c r="AO15" s="326">
        <v>48292</v>
      </c>
      <c r="AP15" s="326">
        <v>61367</v>
      </c>
      <c r="AQ15" s="326">
        <v>0</v>
      </c>
      <c r="AR15" s="326">
        <v>410507</v>
      </c>
      <c r="AS15" s="327">
        <v>520166</v>
      </c>
      <c r="AT15" s="329">
        <v>520166</v>
      </c>
      <c r="AU15" s="325">
        <v>71407</v>
      </c>
      <c r="AV15" s="326">
        <v>196514</v>
      </c>
      <c r="AW15" s="327">
        <v>267921</v>
      </c>
      <c r="AX15" s="325">
        <v>0</v>
      </c>
      <c r="AY15" s="326">
        <v>1745867</v>
      </c>
      <c r="AZ15" s="326">
        <v>848819</v>
      </c>
      <c r="BA15" s="326">
        <v>1286833</v>
      </c>
      <c r="BB15" s="326">
        <v>1264108</v>
      </c>
      <c r="BC15" s="326">
        <v>1477217</v>
      </c>
      <c r="BD15" s="327">
        <v>6622844</v>
      </c>
      <c r="BE15" s="329">
        <v>6890765</v>
      </c>
      <c r="BF15" s="325">
        <v>0</v>
      </c>
      <c r="BG15" s="326">
        <v>21694</v>
      </c>
      <c r="BH15" s="330">
        <v>21694</v>
      </c>
      <c r="BI15" s="331">
        <v>0</v>
      </c>
      <c r="BJ15" s="326">
        <v>107940</v>
      </c>
      <c r="BK15" s="326">
        <v>104805</v>
      </c>
      <c r="BL15" s="326">
        <v>65255</v>
      </c>
      <c r="BM15" s="326">
        <v>51445</v>
      </c>
      <c r="BN15" s="326">
        <v>54702</v>
      </c>
      <c r="BO15" s="327">
        <v>384147</v>
      </c>
      <c r="BP15" s="329">
        <v>405841</v>
      </c>
      <c r="BQ15" s="325">
        <v>92584</v>
      </c>
      <c r="BR15" s="326">
        <v>41368</v>
      </c>
      <c r="BS15" s="327">
        <v>133952</v>
      </c>
      <c r="BT15" s="325">
        <v>0</v>
      </c>
      <c r="BU15" s="326">
        <v>641208</v>
      </c>
      <c r="BV15" s="326">
        <v>608120</v>
      </c>
      <c r="BW15" s="326">
        <v>777032</v>
      </c>
      <c r="BX15" s="326">
        <v>523968</v>
      </c>
      <c r="BY15" s="326">
        <v>351208</v>
      </c>
      <c r="BZ15" s="327">
        <v>2901536</v>
      </c>
      <c r="CA15" s="329">
        <v>3035488</v>
      </c>
      <c r="CB15" s="325">
        <v>129948</v>
      </c>
      <c r="CC15" s="326">
        <v>236168</v>
      </c>
      <c r="CD15" s="327">
        <v>366116</v>
      </c>
      <c r="CE15" s="325">
        <v>0</v>
      </c>
      <c r="CF15" s="326">
        <v>2688278</v>
      </c>
      <c r="CG15" s="326">
        <v>2472494</v>
      </c>
      <c r="CH15" s="326">
        <v>2442332</v>
      </c>
      <c r="CI15" s="326">
        <v>1800068</v>
      </c>
      <c r="CJ15" s="326">
        <v>291407</v>
      </c>
      <c r="CK15" s="327">
        <v>9694579</v>
      </c>
      <c r="CL15" s="329">
        <v>10060695</v>
      </c>
      <c r="CM15" s="325">
        <v>0</v>
      </c>
      <c r="CN15" s="326">
        <v>0</v>
      </c>
      <c r="CO15" s="327">
        <v>0</v>
      </c>
      <c r="CP15" s="331">
        <v>0</v>
      </c>
      <c r="CQ15" s="326">
        <v>2126581</v>
      </c>
      <c r="CR15" s="326">
        <v>1879519</v>
      </c>
      <c r="CS15" s="326">
        <v>1748920</v>
      </c>
      <c r="CT15" s="326">
        <v>1175929</v>
      </c>
      <c r="CU15" s="326">
        <v>176426</v>
      </c>
      <c r="CV15" s="327">
        <v>7107375</v>
      </c>
      <c r="CW15" s="329">
        <v>7107375</v>
      </c>
      <c r="CX15" s="325">
        <v>129948</v>
      </c>
      <c r="CY15" s="326">
        <v>236168</v>
      </c>
      <c r="CZ15" s="327">
        <v>366116</v>
      </c>
      <c r="DA15" s="325">
        <v>0</v>
      </c>
      <c r="DB15" s="326">
        <v>561697</v>
      </c>
      <c r="DC15" s="326">
        <v>592975</v>
      </c>
      <c r="DD15" s="326">
        <v>693412</v>
      </c>
      <c r="DE15" s="326">
        <v>624139</v>
      </c>
      <c r="DF15" s="326">
        <v>114981</v>
      </c>
      <c r="DG15" s="327">
        <v>2587204</v>
      </c>
      <c r="DH15" s="329">
        <v>2953320</v>
      </c>
      <c r="DI15" s="325">
        <v>29257</v>
      </c>
      <c r="DJ15" s="326">
        <v>0</v>
      </c>
      <c r="DK15" s="330">
        <v>29257</v>
      </c>
      <c r="DL15" s="331">
        <v>0</v>
      </c>
      <c r="DM15" s="326">
        <v>137679</v>
      </c>
      <c r="DN15" s="326">
        <v>634734</v>
      </c>
      <c r="DO15" s="326">
        <v>1176324</v>
      </c>
      <c r="DP15" s="326">
        <v>1015583</v>
      </c>
      <c r="DQ15" s="326">
        <v>111308</v>
      </c>
      <c r="DR15" s="327">
        <v>3075628</v>
      </c>
      <c r="DS15" s="329">
        <v>3104885</v>
      </c>
      <c r="DT15" s="325">
        <v>29257</v>
      </c>
      <c r="DU15" s="326">
        <v>0</v>
      </c>
      <c r="DV15" s="327">
        <v>29257</v>
      </c>
      <c r="DW15" s="325">
        <v>0</v>
      </c>
      <c r="DX15" s="326">
        <v>137679</v>
      </c>
      <c r="DY15" s="326">
        <v>451970</v>
      </c>
      <c r="DZ15" s="326">
        <v>823860</v>
      </c>
      <c r="EA15" s="326">
        <v>910434</v>
      </c>
      <c r="EB15" s="326">
        <v>74561</v>
      </c>
      <c r="EC15" s="327">
        <v>2398504</v>
      </c>
      <c r="ED15" s="329">
        <v>2427761</v>
      </c>
      <c r="EE15" s="325">
        <v>0</v>
      </c>
      <c r="EF15" s="330">
        <v>0</v>
      </c>
      <c r="EG15" s="327">
        <v>0</v>
      </c>
      <c r="EH15" s="325">
        <v>0</v>
      </c>
      <c r="EI15" s="326">
        <v>0</v>
      </c>
      <c r="EJ15" s="326">
        <v>182764</v>
      </c>
      <c r="EK15" s="326">
        <v>352464</v>
      </c>
      <c r="EL15" s="326">
        <v>105149</v>
      </c>
      <c r="EM15" s="326">
        <v>36747</v>
      </c>
      <c r="EN15" s="330">
        <v>677124</v>
      </c>
      <c r="EO15" s="329">
        <v>677124</v>
      </c>
      <c r="EP15" s="325">
        <v>0</v>
      </c>
      <c r="EQ15" s="326">
        <v>0</v>
      </c>
      <c r="ER15" s="330">
        <v>0</v>
      </c>
      <c r="ES15" s="331">
        <v>0</v>
      </c>
      <c r="ET15" s="326">
        <v>0</v>
      </c>
      <c r="EU15" s="326">
        <v>0</v>
      </c>
      <c r="EV15" s="326">
        <v>0</v>
      </c>
      <c r="EW15" s="326">
        <v>0</v>
      </c>
      <c r="EX15" s="326">
        <v>0</v>
      </c>
      <c r="EY15" s="327">
        <v>0</v>
      </c>
      <c r="EZ15" s="329">
        <v>0</v>
      </c>
      <c r="FA15" s="325">
        <v>0</v>
      </c>
      <c r="FB15" s="326">
        <v>0</v>
      </c>
      <c r="FC15" s="330">
        <v>0</v>
      </c>
      <c r="FD15" s="331">
        <v>0</v>
      </c>
      <c r="FE15" s="326">
        <v>0</v>
      </c>
      <c r="FF15" s="326">
        <v>0</v>
      </c>
      <c r="FG15" s="326">
        <v>0</v>
      </c>
      <c r="FH15" s="326">
        <v>0</v>
      </c>
      <c r="FI15" s="326">
        <v>0</v>
      </c>
      <c r="FJ15" s="327">
        <v>0</v>
      </c>
      <c r="FK15" s="329">
        <v>0</v>
      </c>
      <c r="FL15" s="325">
        <v>236240</v>
      </c>
      <c r="FM15" s="326">
        <v>160064</v>
      </c>
      <c r="FN15" s="327">
        <v>396304</v>
      </c>
      <c r="FO15" s="325">
        <v>0</v>
      </c>
      <c r="FP15" s="326">
        <v>632456</v>
      </c>
      <c r="FQ15" s="326">
        <v>808252</v>
      </c>
      <c r="FR15" s="326">
        <v>872304</v>
      </c>
      <c r="FS15" s="326">
        <v>1140792</v>
      </c>
      <c r="FT15" s="326">
        <v>690872</v>
      </c>
      <c r="FU15" s="327">
        <v>4144676</v>
      </c>
      <c r="FV15" s="329">
        <v>4540980</v>
      </c>
      <c r="FW15" s="332">
        <v>146640</v>
      </c>
      <c r="FX15" s="326">
        <v>121664</v>
      </c>
      <c r="FY15" s="330">
        <v>268304</v>
      </c>
      <c r="FZ15" s="331">
        <v>0</v>
      </c>
      <c r="GA15" s="326">
        <v>547384</v>
      </c>
      <c r="GB15" s="326">
        <v>728352</v>
      </c>
      <c r="GC15" s="326">
        <v>824304</v>
      </c>
      <c r="GD15" s="326">
        <v>794152</v>
      </c>
      <c r="GE15" s="326">
        <v>486520</v>
      </c>
      <c r="GF15" s="327">
        <v>3380712</v>
      </c>
      <c r="GG15" s="333">
        <v>3649016</v>
      </c>
      <c r="GH15" s="332">
        <v>0</v>
      </c>
      <c r="GI15" s="326">
        <v>15200</v>
      </c>
      <c r="GJ15" s="330">
        <v>15200</v>
      </c>
      <c r="GK15" s="331">
        <v>0</v>
      </c>
      <c r="GL15" s="326">
        <v>65472</v>
      </c>
      <c r="GM15" s="326">
        <v>50700</v>
      </c>
      <c r="GN15" s="326">
        <v>0</v>
      </c>
      <c r="GO15" s="326">
        <v>232240</v>
      </c>
      <c r="GP15" s="326">
        <v>44352</v>
      </c>
      <c r="GQ15" s="327">
        <v>392764</v>
      </c>
      <c r="GR15" s="329">
        <v>407964</v>
      </c>
      <c r="GS15" s="325">
        <v>89600</v>
      </c>
      <c r="GT15" s="326">
        <v>23200</v>
      </c>
      <c r="GU15" s="327">
        <v>112800</v>
      </c>
      <c r="GV15" s="325">
        <v>0</v>
      </c>
      <c r="GW15" s="326">
        <v>19600</v>
      </c>
      <c r="GX15" s="326">
        <v>29200</v>
      </c>
      <c r="GY15" s="326">
        <v>48000</v>
      </c>
      <c r="GZ15" s="326">
        <v>114400</v>
      </c>
      <c r="HA15" s="326">
        <v>160000</v>
      </c>
      <c r="HB15" s="330">
        <v>371200</v>
      </c>
      <c r="HC15" s="329">
        <v>484000</v>
      </c>
      <c r="HD15" s="325">
        <v>342754</v>
      </c>
      <c r="HE15" s="326">
        <v>186557</v>
      </c>
      <c r="HF15" s="330">
        <v>529311</v>
      </c>
      <c r="HG15" s="331">
        <v>0</v>
      </c>
      <c r="HH15" s="326">
        <v>2788337</v>
      </c>
      <c r="HI15" s="326">
        <v>2916736</v>
      </c>
      <c r="HJ15" s="326">
        <v>3053404</v>
      </c>
      <c r="HK15" s="326">
        <v>2761819</v>
      </c>
      <c r="HL15" s="326">
        <v>1849979</v>
      </c>
      <c r="HM15" s="327">
        <v>13370275</v>
      </c>
      <c r="HN15" s="328">
        <v>13899586</v>
      </c>
      <c r="HO15" s="332">
        <v>0</v>
      </c>
      <c r="HP15" s="326">
        <v>0</v>
      </c>
      <c r="HQ15" s="327">
        <v>0</v>
      </c>
      <c r="HR15" s="325">
        <v>0</v>
      </c>
      <c r="HS15" s="326">
        <v>0</v>
      </c>
      <c r="HT15" s="326">
        <v>0</v>
      </c>
      <c r="HU15" s="326">
        <v>0</v>
      </c>
      <c r="HV15" s="326">
        <v>0</v>
      </c>
      <c r="HW15" s="326">
        <v>0</v>
      </c>
      <c r="HX15" s="330">
        <v>0</v>
      </c>
      <c r="HY15" s="329">
        <v>0</v>
      </c>
      <c r="HZ15" s="359">
        <v>40157</v>
      </c>
      <c r="IA15" s="360">
        <v>0</v>
      </c>
      <c r="IB15" s="361">
        <v>40157</v>
      </c>
      <c r="IC15" s="337">
        <v>0</v>
      </c>
      <c r="ID15" s="335">
        <v>2382056</v>
      </c>
      <c r="IE15" s="338">
        <v>2898252</v>
      </c>
      <c r="IF15" s="336">
        <v>3387616</v>
      </c>
      <c r="IG15" s="335">
        <v>1390684</v>
      </c>
      <c r="IH15" s="336">
        <v>644885</v>
      </c>
      <c r="II15" s="339">
        <v>10703493</v>
      </c>
      <c r="IJ15" s="362">
        <v>10743650</v>
      </c>
      <c r="IK15" s="341">
        <v>0</v>
      </c>
      <c r="IL15" s="342">
        <v>0</v>
      </c>
      <c r="IM15" s="343">
        <v>0</v>
      </c>
      <c r="IN15" s="403">
        <v>0</v>
      </c>
      <c r="IO15" s="344">
        <v>0</v>
      </c>
      <c r="IP15" s="344">
        <v>0</v>
      </c>
      <c r="IQ15" s="344">
        <v>0</v>
      </c>
      <c r="IR15" s="344">
        <v>0</v>
      </c>
      <c r="IS15" s="344">
        <v>0</v>
      </c>
      <c r="IT15" s="345">
        <v>0</v>
      </c>
      <c r="IU15" s="346">
        <v>0</v>
      </c>
      <c r="IV15" s="347">
        <v>0</v>
      </c>
      <c r="IW15" s="344">
        <v>0</v>
      </c>
      <c r="IX15" s="348">
        <v>0</v>
      </c>
      <c r="IY15" s="403">
        <v>0</v>
      </c>
      <c r="IZ15" s="344">
        <v>0</v>
      </c>
      <c r="JA15" s="344">
        <v>0</v>
      </c>
      <c r="JB15" s="344">
        <v>0</v>
      </c>
      <c r="JC15" s="344">
        <v>0</v>
      </c>
      <c r="JD15" s="344">
        <v>0</v>
      </c>
      <c r="JE15" s="348">
        <v>0</v>
      </c>
      <c r="JF15" s="349">
        <v>0</v>
      </c>
      <c r="JG15" s="347">
        <v>0</v>
      </c>
      <c r="JH15" s="344">
        <v>0</v>
      </c>
      <c r="JI15" s="345">
        <v>0</v>
      </c>
      <c r="JJ15" s="350">
        <v>0</v>
      </c>
      <c r="JK15" s="344">
        <v>1643142</v>
      </c>
      <c r="JL15" s="344">
        <v>1241764</v>
      </c>
      <c r="JM15" s="344">
        <v>1108792</v>
      </c>
      <c r="JN15" s="344">
        <v>614908</v>
      </c>
      <c r="JO15" s="344">
        <v>455093</v>
      </c>
      <c r="JP15" s="348">
        <v>5063699</v>
      </c>
      <c r="JQ15" s="346">
        <v>5063699</v>
      </c>
      <c r="JR15" s="347">
        <v>0</v>
      </c>
      <c r="JS15" s="344">
        <v>0</v>
      </c>
      <c r="JT15" s="345">
        <v>0</v>
      </c>
      <c r="JU15" s="350">
        <v>0</v>
      </c>
      <c r="JV15" s="344">
        <v>0</v>
      </c>
      <c r="JW15" s="344">
        <v>0</v>
      </c>
      <c r="JX15" s="344">
        <v>0</v>
      </c>
      <c r="JY15" s="344">
        <v>0</v>
      </c>
      <c r="JZ15" s="344">
        <v>189792</v>
      </c>
      <c r="KA15" s="348">
        <v>189792</v>
      </c>
      <c r="KB15" s="346">
        <v>189792</v>
      </c>
      <c r="KC15" s="351">
        <v>40157</v>
      </c>
      <c r="KD15" s="352">
        <v>0</v>
      </c>
      <c r="KE15" s="348">
        <v>40157</v>
      </c>
      <c r="KF15" s="350">
        <v>0</v>
      </c>
      <c r="KG15" s="344">
        <v>251514</v>
      </c>
      <c r="KH15" s="344">
        <v>522610</v>
      </c>
      <c r="KI15" s="344">
        <v>190027</v>
      </c>
      <c r="KJ15" s="344">
        <v>0</v>
      </c>
      <c r="KK15" s="344">
        <v>0</v>
      </c>
      <c r="KL15" s="348">
        <v>964151</v>
      </c>
      <c r="KM15" s="353">
        <v>1004308</v>
      </c>
      <c r="KN15" s="341">
        <v>0</v>
      </c>
      <c r="KO15" s="342">
        <v>0</v>
      </c>
      <c r="KP15" s="343">
        <v>0</v>
      </c>
      <c r="KQ15" s="403">
        <v>0</v>
      </c>
      <c r="KR15" s="344">
        <v>487400</v>
      </c>
      <c r="KS15" s="344">
        <v>769068</v>
      </c>
      <c r="KT15" s="344">
        <v>1831442</v>
      </c>
      <c r="KU15" s="344">
        <v>775776</v>
      </c>
      <c r="KV15" s="344">
        <v>0</v>
      </c>
      <c r="KW15" s="348">
        <v>3863686</v>
      </c>
      <c r="KX15" s="346">
        <v>3863686</v>
      </c>
      <c r="KY15" s="347">
        <v>0</v>
      </c>
      <c r="KZ15" s="344">
        <v>0</v>
      </c>
      <c r="LA15" s="348">
        <v>0</v>
      </c>
      <c r="LB15" s="403">
        <v>0</v>
      </c>
      <c r="LC15" s="344">
        <v>0</v>
      </c>
      <c r="LD15" s="344">
        <v>182960</v>
      </c>
      <c r="LE15" s="344">
        <v>0</v>
      </c>
      <c r="LF15" s="344">
        <v>0</v>
      </c>
      <c r="LG15" s="344">
        <v>0</v>
      </c>
      <c r="LH15" s="348">
        <v>182960</v>
      </c>
      <c r="LI15" s="349">
        <v>182960</v>
      </c>
      <c r="LJ15" s="347">
        <v>0</v>
      </c>
      <c r="LK15" s="344">
        <v>0</v>
      </c>
      <c r="LL15" s="348">
        <v>0</v>
      </c>
      <c r="LM15" s="403">
        <v>0</v>
      </c>
      <c r="LN15" s="344">
        <v>0</v>
      </c>
      <c r="LO15" s="344">
        <v>0</v>
      </c>
      <c r="LP15" s="344">
        <v>0</v>
      </c>
      <c r="LQ15" s="344">
        <v>0</v>
      </c>
      <c r="LR15" s="344">
        <v>0</v>
      </c>
      <c r="LS15" s="348">
        <v>0</v>
      </c>
      <c r="LT15" s="346">
        <v>0</v>
      </c>
      <c r="LU15" s="347">
        <v>0</v>
      </c>
      <c r="LV15" s="344">
        <v>0</v>
      </c>
      <c r="LW15" s="348">
        <v>0</v>
      </c>
      <c r="LX15" s="403">
        <v>0</v>
      </c>
      <c r="LY15" s="344">
        <v>0</v>
      </c>
      <c r="LZ15" s="344">
        <v>181850</v>
      </c>
      <c r="MA15" s="344">
        <v>257355</v>
      </c>
      <c r="MB15" s="344">
        <v>0</v>
      </c>
      <c r="MC15" s="344">
        <v>0</v>
      </c>
      <c r="MD15" s="348">
        <v>439205</v>
      </c>
      <c r="ME15" s="349">
        <v>439205</v>
      </c>
      <c r="MF15" s="347">
        <v>0</v>
      </c>
      <c r="MG15" s="344">
        <v>0</v>
      </c>
      <c r="MH15" s="348">
        <v>0</v>
      </c>
      <c r="MI15" s="403">
        <v>0</v>
      </c>
      <c r="MJ15" s="344">
        <v>248707</v>
      </c>
      <c r="MK15" s="344">
        <v>870560</v>
      </c>
      <c r="ML15" s="344">
        <v>5982292</v>
      </c>
      <c r="MM15" s="344">
        <v>8069398</v>
      </c>
      <c r="MN15" s="344">
        <v>2852993</v>
      </c>
      <c r="MO15" s="348">
        <v>18023950</v>
      </c>
      <c r="MP15" s="353">
        <v>18023950</v>
      </c>
      <c r="MQ15" s="347">
        <v>0</v>
      </c>
      <c r="MR15" s="344">
        <v>0</v>
      </c>
      <c r="MS15" s="348">
        <v>0</v>
      </c>
      <c r="MT15" s="403">
        <v>0</v>
      </c>
      <c r="MU15" s="344">
        <v>0</v>
      </c>
      <c r="MV15" s="344">
        <v>0</v>
      </c>
      <c r="MW15" s="344">
        <v>3337255</v>
      </c>
      <c r="MX15" s="344">
        <v>6132886</v>
      </c>
      <c r="MY15" s="344">
        <v>2499915</v>
      </c>
      <c r="MZ15" s="348">
        <v>11970056</v>
      </c>
      <c r="NA15" s="353">
        <v>11970056</v>
      </c>
      <c r="NB15" s="347">
        <v>0</v>
      </c>
      <c r="NC15" s="344">
        <v>0</v>
      </c>
      <c r="ND15" s="348">
        <v>0</v>
      </c>
      <c r="NE15" s="403">
        <v>0</v>
      </c>
      <c r="NF15" s="344">
        <v>248707</v>
      </c>
      <c r="NG15" s="344">
        <v>870560</v>
      </c>
      <c r="NH15" s="344">
        <v>2645037</v>
      </c>
      <c r="NI15" s="344">
        <v>1936512</v>
      </c>
      <c r="NJ15" s="344">
        <v>353078</v>
      </c>
      <c r="NK15" s="348">
        <v>6053894</v>
      </c>
      <c r="NL15" s="346">
        <v>6053894</v>
      </c>
      <c r="NM15" s="347">
        <v>0</v>
      </c>
      <c r="NN15" s="344">
        <v>0</v>
      </c>
      <c r="NO15" s="348">
        <v>0</v>
      </c>
      <c r="NP15" s="403">
        <v>0</v>
      </c>
      <c r="NQ15" s="344">
        <v>0</v>
      </c>
      <c r="NR15" s="344">
        <v>0</v>
      </c>
      <c r="NS15" s="344">
        <v>0</v>
      </c>
      <c r="NT15" s="344">
        <v>0</v>
      </c>
      <c r="NU15" s="344">
        <v>0</v>
      </c>
      <c r="NV15" s="348">
        <v>0</v>
      </c>
      <c r="NW15" s="349">
        <v>0</v>
      </c>
      <c r="NX15" s="347">
        <v>0</v>
      </c>
      <c r="NY15" s="344">
        <v>0</v>
      </c>
      <c r="NZ15" s="348">
        <v>0</v>
      </c>
      <c r="OA15" s="403">
        <v>0</v>
      </c>
      <c r="OB15" s="344">
        <v>0</v>
      </c>
      <c r="OC15" s="344">
        <v>0</v>
      </c>
      <c r="OD15" s="344">
        <v>0</v>
      </c>
      <c r="OE15" s="344">
        <v>0</v>
      </c>
      <c r="OF15" s="344">
        <v>0</v>
      </c>
      <c r="OG15" s="348">
        <v>0</v>
      </c>
      <c r="OH15" s="349">
        <v>0</v>
      </c>
      <c r="OI15" s="347">
        <v>942347</v>
      </c>
      <c r="OJ15" s="344">
        <v>842365</v>
      </c>
      <c r="OK15" s="345">
        <v>1784712</v>
      </c>
      <c r="OL15" s="350">
        <v>0</v>
      </c>
      <c r="OM15" s="344">
        <v>13082681</v>
      </c>
      <c r="ON15" s="344">
        <v>13777593</v>
      </c>
      <c r="OO15" s="344">
        <v>21365156</v>
      </c>
      <c r="OP15" s="344">
        <v>20375327</v>
      </c>
      <c r="OQ15" s="344">
        <v>11221235</v>
      </c>
      <c r="OR15" s="348">
        <v>79821992</v>
      </c>
      <c r="OS15" s="353">
        <v>81606704</v>
      </c>
    </row>
    <row r="16" spans="1:409" s="70" customFormat="1" ht="21" customHeight="1" x14ac:dyDescent="0.2">
      <c r="B16" s="409" t="s">
        <v>10</v>
      </c>
      <c r="C16" s="325">
        <v>2097512</v>
      </c>
      <c r="D16" s="326">
        <v>1607761</v>
      </c>
      <c r="E16" s="327">
        <v>3705273</v>
      </c>
      <c r="F16" s="363">
        <v>0</v>
      </c>
      <c r="G16" s="326">
        <v>18859675</v>
      </c>
      <c r="H16" s="326">
        <v>13672091</v>
      </c>
      <c r="I16" s="326">
        <v>14226653</v>
      </c>
      <c r="J16" s="326">
        <v>17298211</v>
      </c>
      <c r="K16" s="326">
        <v>10584524</v>
      </c>
      <c r="L16" s="328">
        <v>74641154</v>
      </c>
      <c r="M16" s="329">
        <v>78346427</v>
      </c>
      <c r="N16" s="325">
        <v>590603</v>
      </c>
      <c r="O16" s="326">
        <v>669227</v>
      </c>
      <c r="P16" s="327">
        <v>1259830</v>
      </c>
      <c r="Q16" s="325">
        <v>0</v>
      </c>
      <c r="R16" s="326">
        <v>6657738</v>
      </c>
      <c r="S16" s="326">
        <v>5161674</v>
      </c>
      <c r="T16" s="326">
        <v>5166220</v>
      </c>
      <c r="U16" s="326">
        <v>7100999</v>
      </c>
      <c r="V16" s="326">
        <v>4937941</v>
      </c>
      <c r="W16" s="327">
        <v>29024572</v>
      </c>
      <c r="X16" s="329">
        <v>30284402</v>
      </c>
      <c r="Y16" s="325">
        <v>0</v>
      </c>
      <c r="Z16" s="326">
        <v>0</v>
      </c>
      <c r="AA16" s="327">
        <v>0</v>
      </c>
      <c r="AB16" s="325">
        <v>0</v>
      </c>
      <c r="AC16" s="326">
        <v>2935506</v>
      </c>
      <c r="AD16" s="326">
        <v>2751899</v>
      </c>
      <c r="AE16" s="326">
        <v>2981041</v>
      </c>
      <c r="AF16" s="326">
        <v>4352336</v>
      </c>
      <c r="AG16" s="326">
        <v>3034532</v>
      </c>
      <c r="AH16" s="327">
        <v>16055314</v>
      </c>
      <c r="AI16" s="329">
        <v>16055314</v>
      </c>
      <c r="AJ16" s="325">
        <v>0</v>
      </c>
      <c r="AK16" s="326">
        <v>0</v>
      </c>
      <c r="AL16" s="327">
        <v>0</v>
      </c>
      <c r="AM16" s="325">
        <v>0</v>
      </c>
      <c r="AN16" s="326">
        <v>110513</v>
      </c>
      <c r="AO16" s="326">
        <v>89127</v>
      </c>
      <c r="AP16" s="326">
        <v>154993</v>
      </c>
      <c r="AQ16" s="326">
        <v>309889</v>
      </c>
      <c r="AR16" s="326">
        <v>528425</v>
      </c>
      <c r="AS16" s="327">
        <v>1192947</v>
      </c>
      <c r="AT16" s="329">
        <v>1192947</v>
      </c>
      <c r="AU16" s="325">
        <v>355066</v>
      </c>
      <c r="AV16" s="326">
        <v>426471</v>
      </c>
      <c r="AW16" s="327">
        <v>781537</v>
      </c>
      <c r="AX16" s="325">
        <v>0</v>
      </c>
      <c r="AY16" s="326">
        <v>2195565</v>
      </c>
      <c r="AZ16" s="326">
        <v>1509427</v>
      </c>
      <c r="BA16" s="326">
        <v>1133271</v>
      </c>
      <c r="BB16" s="326">
        <v>1366807</v>
      </c>
      <c r="BC16" s="326">
        <v>583502</v>
      </c>
      <c r="BD16" s="327">
        <v>6788572</v>
      </c>
      <c r="BE16" s="329">
        <v>7570109</v>
      </c>
      <c r="BF16" s="325">
        <v>45033</v>
      </c>
      <c r="BG16" s="326">
        <v>113052</v>
      </c>
      <c r="BH16" s="330">
        <v>158085</v>
      </c>
      <c r="BI16" s="331">
        <v>0</v>
      </c>
      <c r="BJ16" s="326">
        <v>163842</v>
      </c>
      <c r="BK16" s="326">
        <v>21933</v>
      </c>
      <c r="BL16" s="326">
        <v>22283</v>
      </c>
      <c r="BM16" s="326">
        <v>108783</v>
      </c>
      <c r="BN16" s="326">
        <v>29362</v>
      </c>
      <c r="BO16" s="327">
        <v>346203</v>
      </c>
      <c r="BP16" s="329">
        <v>504288</v>
      </c>
      <c r="BQ16" s="325">
        <v>190504</v>
      </c>
      <c r="BR16" s="326">
        <v>129704</v>
      </c>
      <c r="BS16" s="327">
        <v>320208</v>
      </c>
      <c r="BT16" s="325">
        <v>0</v>
      </c>
      <c r="BU16" s="326">
        <v>1252312</v>
      </c>
      <c r="BV16" s="326">
        <v>789288</v>
      </c>
      <c r="BW16" s="326">
        <v>874632</v>
      </c>
      <c r="BX16" s="326">
        <v>963184</v>
      </c>
      <c r="BY16" s="326">
        <v>762120</v>
      </c>
      <c r="BZ16" s="327">
        <v>4641536</v>
      </c>
      <c r="CA16" s="329">
        <v>4961744</v>
      </c>
      <c r="CB16" s="325">
        <v>102134</v>
      </c>
      <c r="CC16" s="326">
        <v>196313</v>
      </c>
      <c r="CD16" s="327">
        <v>298447</v>
      </c>
      <c r="CE16" s="325">
        <v>0</v>
      </c>
      <c r="CF16" s="326">
        <v>6439648</v>
      </c>
      <c r="CG16" s="326">
        <v>4263372</v>
      </c>
      <c r="CH16" s="326">
        <v>2258587</v>
      </c>
      <c r="CI16" s="326">
        <v>2053927</v>
      </c>
      <c r="CJ16" s="326">
        <v>696482</v>
      </c>
      <c r="CK16" s="327">
        <v>15712016</v>
      </c>
      <c r="CL16" s="329">
        <v>16010463</v>
      </c>
      <c r="CM16" s="325">
        <v>0</v>
      </c>
      <c r="CN16" s="326">
        <v>0</v>
      </c>
      <c r="CO16" s="327">
        <v>0</v>
      </c>
      <c r="CP16" s="331">
        <v>0</v>
      </c>
      <c r="CQ16" s="326">
        <v>4980756</v>
      </c>
      <c r="CR16" s="326">
        <v>3622390</v>
      </c>
      <c r="CS16" s="326">
        <v>2071170</v>
      </c>
      <c r="CT16" s="326">
        <v>1611337</v>
      </c>
      <c r="CU16" s="326">
        <v>371893</v>
      </c>
      <c r="CV16" s="327">
        <v>12657546</v>
      </c>
      <c r="CW16" s="329">
        <v>12657546</v>
      </c>
      <c r="CX16" s="325">
        <v>102134</v>
      </c>
      <c r="CY16" s="326">
        <v>196313</v>
      </c>
      <c r="CZ16" s="327">
        <v>298447</v>
      </c>
      <c r="DA16" s="325">
        <v>0</v>
      </c>
      <c r="DB16" s="326">
        <v>1458892</v>
      </c>
      <c r="DC16" s="326">
        <v>640982</v>
      </c>
      <c r="DD16" s="326">
        <v>187417</v>
      </c>
      <c r="DE16" s="326">
        <v>442590</v>
      </c>
      <c r="DF16" s="326">
        <v>324589</v>
      </c>
      <c r="DG16" s="327">
        <v>3054470</v>
      </c>
      <c r="DH16" s="329">
        <v>3352917</v>
      </c>
      <c r="DI16" s="325">
        <v>0</v>
      </c>
      <c r="DJ16" s="326">
        <v>32277</v>
      </c>
      <c r="DK16" s="330">
        <v>32277</v>
      </c>
      <c r="DL16" s="331">
        <v>0</v>
      </c>
      <c r="DM16" s="326">
        <v>712857</v>
      </c>
      <c r="DN16" s="326">
        <v>426375</v>
      </c>
      <c r="DO16" s="326">
        <v>1809987</v>
      </c>
      <c r="DP16" s="326">
        <v>1291812</v>
      </c>
      <c r="DQ16" s="326">
        <v>332931</v>
      </c>
      <c r="DR16" s="327">
        <v>4573962</v>
      </c>
      <c r="DS16" s="329">
        <v>4606239</v>
      </c>
      <c r="DT16" s="325">
        <v>0</v>
      </c>
      <c r="DU16" s="326">
        <v>32277</v>
      </c>
      <c r="DV16" s="327">
        <v>32277</v>
      </c>
      <c r="DW16" s="325">
        <v>0</v>
      </c>
      <c r="DX16" s="326">
        <v>697442</v>
      </c>
      <c r="DY16" s="326">
        <v>377614</v>
      </c>
      <c r="DZ16" s="326">
        <v>1688289</v>
      </c>
      <c r="EA16" s="326">
        <v>1291812</v>
      </c>
      <c r="EB16" s="326">
        <v>332931</v>
      </c>
      <c r="EC16" s="327">
        <v>4388088</v>
      </c>
      <c r="ED16" s="329">
        <v>4420365</v>
      </c>
      <c r="EE16" s="325">
        <v>0</v>
      </c>
      <c r="EF16" s="330">
        <v>0</v>
      </c>
      <c r="EG16" s="327">
        <v>0</v>
      </c>
      <c r="EH16" s="325">
        <v>0</v>
      </c>
      <c r="EI16" s="326">
        <v>15415</v>
      </c>
      <c r="EJ16" s="326">
        <v>48761</v>
      </c>
      <c r="EK16" s="326">
        <v>121698</v>
      </c>
      <c r="EL16" s="326">
        <v>0</v>
      </c>
      <c r="EM16" s="326">
        <v>0</v>
      </c>
      <c r="EN16" s="330">
        <v>185874</v>
      </c>
      <c r="EO16" s="329">
        <v>185874</v>
      </c>
      <c r="EP16" s="325">
        <v>0</v>
      </c>
      <c r="EQ16" s="326">
        <v>0</v>
      </c>
      <c r="ER16" s="330">
        <v>0</v>
      </c>
      <c r="ES16" s="331">
        <v>0</v>
      </c>
      <c r="ET16" s="326">
        <v>0</v>
      </c>
      <c r="EU16" s="326">
        <v>0</v>
      </c>
      <c r="EV16" s="326">
        <v>0</v>
      </c>
      <c r="EW16" s="326">
        <v>0</v>
      </c>
      <c r="EX16" s="326">
        <v>0</v>
      </c>
      <c r="EY16" s="327">
        <v>0</v>
      </c>
      <c r="EZ16" s="329">
        <v>0</v>
      </c>
      <c r="FA16" s="325">
        <v>0</v>
      </c>
      <c r="FB16" s="326">
        <v>0</v>
      </c>
      <c r="FC16" s="330">
        <v>0</v>
      </c>
      <c r="FD16" s="331">
        <v>0</v>
      </c>
      <c r="FE16" s="326">
        <v>0</v>
      </c>
      <c r="FF16" s="326">
        <v>0</v>
      </c>
      <c r="FG16" s="326">
        <v>0</v>
      </c>
      <c r="FH16" s="326">
        <v>0</v>
      </c>
      <c r="FI16" s="326">
        <v>0</v>
      </c>
      <c r="FJ16" s="327">
        <v>0</v>
      </c>
      <c r="FK16" s="329">
        <v>0</v>
      </c>
      <c r="FL16" s="325">
        <v>842435</v>
      </c>
      <c r="FM16" s="326">
        <v>709944</v>
      </c>
      <c r="FN16" s="327">
        <v>1552379</v>
      </c>
      <c r="FO16" s="325">
        <v>0</v>
      </c>
      <c r="FP16" s="326">
        <v>1130408</v>
      </c>
      <c r="FQ16" s="326">
        <v>1452768</v>
      </c>
      <c r="FR16" s="326">
        <v>1013080</v>
      </c>
      <c r="FS16" s="326">
        <v>1531264</v>
      </c>
      <c r="FT16" s="326">
        <v>775584</v>
      </c>
      <c r="FU16" s="327">
        <v>5903104</v>
      </c>
      <c r="FV16" s="329">
        <v>7455483</v>
      </c>
      <c r="FW16" s="332">
        <v>252384</v>
      </c>
      <c r="FX16" s="326">
        <v>488104</v>
      </c>
      <c r="FY16" s="330">
        <v>740488</v>
      </c>
      <c r="FZ16" s="331">
        <v>0</v>
      </c>
      <c r="GA16" s="326">
        <v>851928</v>
      </c>
      <c r="GB16" s="326">
        <v>1222568</v>
      </c>
      <c r="GC16" s="326">
        <v>984696</v>
      </c>
      <c r="GD16" s="326">
        <v>1337952</v>
      </c>
      <c r="GE16" s="326">
        <v>749184</v>
      </c>
      <c r="GF16" s="327">
        <v>5146328</v>
      </c>
      <c r="GG16" s="333">
        <v>5886816</v>
      </c>
      <c r="GH16" s="332">
        <v>69232</v>
      </c>
      <c r="GI16" s="326">
        <v>29040</v>
      </c>
      <c r="GJ16" s="330">
        <v>98272</v>
      </c>
      <c r="GK16" s="331">
        <v>0</v>
      </c>
      <c r="GL16" s="326">
        <v>88880</v>
      </c>
      <c r="GM16" s="326">
        <v>70200</v>
      </c>
      <c r="GN16" s="326">
        <v>14784</v>
      </c>
      <c r="GO16" s="326">
        <v>54912</v>
      </c>
      <c r="GP16" s="326">
        <v>26400</v>
      </c>
      <c r="GQ16" s="327">
        <v>255176</v>
      </c>
      <c r="GR16" s="329">
        <v>353448</v>
      </c>
      <c r="GS16" s="325">
        <v>520819</v>
      </c>
      <c r="GT16" s="326">
        <v>192800</v>
      </c>
      <c r="GU16" s="327">
        <v>713619</v>
      </c>
      <c r="GV16" s="325">
        <v>0</v>
      </c>
      <c r="GW16" s="326">
        <v>189600</v>
      </c>
      <c r="GX16" s="326">
        <v>160000</v>
      </c>
      <c r="GY16" s="326">
        <v>13600</v>
      </c>
      <c r="GZ16" s="326">
        <v>138400</v>
      </c>
      <c r="HA16" s="326">
        <v>0</v>
      </c>
      <c r="HB16" s="330">
        <v>501600</v>
      </c>
      <c r="HC16" s="329">
        <v>1215219</v>
      </c>
      <c r="HD16" s="325">
        <v>562340</v>
      </c>
      <c r="HE16" s="326">
        <v>0</v>
      </c>
      <c r="HF16" s="330">
        <v>562340</v>
      </c>
      <c r="HG16" s="331">
        <v>0</v>
      </c>
      <c r="HH16" s="326">
        <v>3919024</v>
      </c>
      <c r="HI16" s="326">
        <v>2367902</v>
      </c>
      <c r="HJ16" s="326">
        <v>3978779</v>
      </c>
      <c r="HK16" s="326">
        <v>5320209</v>
      </c>
      <c r="HL16" s="326">
        <v>3841586</v>
      </c>
      <c r="HM16" s="327">
        <v>19427500</v>
      </c>
      <c r="HN16" s="328">
        <v>19989840</v>
      </c>
      <c r="HO16" s="332">
        <v>0</v>
      </c>
      <c r="HP16" s="326">
        <v>0</v>
      </c>
      <c r="HQ16" s="327">
        <v>0</v>
      </c>
      <c r="HR16" s="325">
        <v>0</v>
      </c>
      <c r="HS16" s="326">
        <v>0</v>
      </c>
      <c r="HT16" s="326">
        <v>0</v>
      </c>
      <c r="HU16" s="326">
        <v>0</v>
      </c>
      <c r="HV16" s="326">
        <v>0</v>
      </c>
      <c r="HW16" s="326">
        <v>0</v>
      </c>
      <c r="HX16" s="330">
        <v>0</v>
      </c>
      <c r="HY16" s="329">
        <v>0</v>
      </c>
      <c r="HZ16" s="357">
        <v>0</v>
      </c>
      <c r="IA16" s="355">
        <v>0</v>
      </c>
      <c r="IB16" s="357">
        <v>0</v>
      </c>
      <c r="IC16" s="354">
        <v>0</v>
      </c>
      <c r="ID16" s="355">
        <v>4379482</v>
      </c>
      <c r="IE16" s="356">
        <v>3649160</v>
      </c>
      <c r="IF16" s="357">
        <v>5527156</v>
      </c>
      <c r="IG16" s="355">
        <v>4485341</v>
      </c>
      <c r="IH16" s="357">
        <v>3784904</v>
      </c>
      <c r="II16" s="358">
        <v>21826043</v>
      </c>
      <c r="IJ16" s="357">
        <v>21826043</v>
      </c>
      <c r="IK16" s="341">
        <v>0</v>
      </c>
      <c r="IL16" s="342">
        <v>0</v>
      </c>
      <c r="IM16" s="343">
        <v>0</v>
      </c>
      <c r="IN16" s="403">
        <v>0</v>
      </c>
      <c r="IO16" s="344">
        <v>59081</v>
      </c>
      <c r="IP16" s="344">
        <v>59584</v>
      </c>
      <c r="IQ16" s="344">
        <v>193957</v>
      </c>
      <c r="IR16" s="344">
        <v>0</v>
      </c>
      <c r="IS16" s="344">
        <v>0</v>
      </c>
      <c r="IT16" s="345">
        <v>312622</v>
      </c>
      <c r="IU16" s="346">
        <v>312622</v>
      </c>
      <c r="IV16" s="347">
        <v>0</v>
      </c>
      <c r="IW16" s="344">
        <v>0</v>
      </c>
      <c r="IX16" s="348">
        <v>0</v>
      </c>
      <c r="IY16" s="403">
        <v>0</v>
      </c>
      <c r="IZ16" s="344">
        <v>0</v>
      </c>
      <c r="JA16" s="344">
        <v>10692</v>
      </c>
      <c r="JB16" s="344">
        <v>10692</v>
      </c>
      <c r="JC16" s="344">
        <v>0</v>
      </c>
      <c r="JD16" s="344">
        <v>10692</v>
      </c>
      <c r="JE16" s="348">
        <v>32076</v>
      </c>
      <c r="JF16" s="349">
        <v>32076</v>
      </c>
      <c r="JG16" s="347">
        <v>0</v>
      </c>
      <c r="JH16" s="344">
        <v>0</v>
      </c>
      <c r="JI16" s="345">
        <v>0</v>
      </c>
      <c r="JJ16" s="350">
        <v>0</v>
      </c>
      <c r="JK16" s="344">
        <v>1465458</v>
      </c>
      <c r="JL16" s="344">
        <v>763108</v>
      </c>
      <c r="JM16" s="344">
        <v>717656</v>
      </c>
      <c r="JN16" s="344">
        <v>632481</v>
      </c>
      <c r="JO16" s="344">
        <v>249138</v>
      </c>
      <c r="JP16" s="348">
        <v>3827841</v>
      </c>
      <c r="JQ16" s="346">
        <v>3827841</v>
      </c>
      <c r="JR16" s="347">
        <v>0</v>
      </c>
      <c r="JS16" s="344">
        <v>0</v>
      </c>
      <c r="JT16" s="345">
        <v>0</v>
      </c>
      <c r="JU16" s="350">
        <v>0</v>
      </c>
      <c r="JV16" s="344">
        <v>202094</v>
      </c>
      <c r="JW16" s="344">
        <v>0</v>
      </c>
      <c r="JX16" s="344">
        <v>165365</v>
      </c>
      <c r="JY16" s="344">
        <v>0</v>
      </c>
      <c r="JZ16" s="344">
        <v>0</v>
      </c>
      <c r="KA16" s="348">
        <v>367459</v>
      </c>
      <c r="KB16" s="346">
        <v>367459</v>
      </c>
      <c r="KC16" s="351">
        <v>0</v>
      </c>
      <c r="KD16" s="352">
        <v>0</v>
      </c>
      <c r="KE16" s="348">
        <v>0</v>
      </c>
      <c r="KF16" s="350">
        <v>0</v>
      </c>
      <c r="KG16" s="344">
        <v>608195</v>
      </c>
      <c r="KH16" s="344">
        <v>175600</v>
      </c>
      <c r="KI16" s="344">
        <v>982705</v>
      </c>
      <c r="KJ16" s="344">
        <v>532905</v>
      </c>
      <c r="KK16" s="344">
        <v>0</v>
      </c>
      <c r="KL16" s="348">
        <v>2299405</v>
      </c>
      <c r="KM16" s="353">
        <v>2299405</v>
      </c>
      <c r="KN16" s="341">
        <v>0</v>
      </c>
      <c r="KO16" s="342">
        <v>0</v>
      </c>
      <c r="KP16" s="343">
        <v>0</v>
      </c>
      <c r="KQ16" s="403">
        <v>0</v>
      </c>
      <c r="KR16" s="344">
        <v>1230443</v>
      </c>
      <c r="KS16" s="344">
        <v>2071255</v>
      </c>
      <c r="KT16" s="344">
        <v>2592948</v>
      </c>
      <c r="KU16" s="344">
        <v>777723</v>
      </c>
      <c r="KV16" s="344">
        <v>1292369</v>
      </c>
      <c r="KW16" s="348">
        <v>7964738</v>
      </c>
      <c r="KX16" s="346">
        <v>7964738</v>
      </c>
      <c r="KY16" s="347">
        <v>0</v>
      </c>
      <c r="KZ16" s="344">
        <v>0</v>
      </c>
      <c r="LA16" s="348">
        <v>0</v>
      </c>
      <c r="LB16" s="403">
        <v>0</v>
      </c>
      <c r="LC16" s="344">
        <v>479002</v>
      </c>
      <c r="LD16" s="344">
        <v>355938</v>
      </c>
      <c r="LE16" s="344">
        <v>197957</v>
      </c>
      <c r="LF16" s="344">
        <v>426893</v>
      </c>
      <c r="LG16" s="344">
        <v>203455</v>
      </c>
      <c r="LH16" s="348">
        <v>1663245</v>
      </c>
      <c r="LI16" s="349">
        <v>1663245</v>
      </c>
      <c r="LJ16" s="347">
        <v>0</v>
      </c>
      <c r="LK16" s="344">
        <v>0</v>
      </c>
      <c r="LL16" s="348">
        <v>0</v>
      </c>
      <c r="LM16" s="403">
        <v>0</v>
      </c>
      <c r="LN16" s="344">
        <v>0</v>
      </c>
      <c r="LO16" s="344">
        <v>212983</v>
      </c>
      <c r="LP16" s="344">
        <v>498540</v>
      </c>
      <c r="LQ16" s="344">
        <v>540034</v>
      </c>
      <c r="LR16" s="344">
        <v>1417870</v>
      </c>
      <c r="LS16" s="348">
        <v>2669427</v>
      </c>
      <c r="LT16" s="346">
        <v>2669427</v>
      </c>
      <c r="LU16" s="347">
        <v>0</v>
      </c>
      <c r="LV16" s="344">
        <v>0</v>
      </c>
      <c r="LW16" s="348">
        <v>0</v>
      </c>
      <c r="LX16" s="403">
        <v>0</v>
      </c>
      <c r="LY16" s="344">
        <v>335209</v>
      </c>
      <c r="LZ16" s="344">
        <v>0</v>
      </c>
      <c r="MA16" s="344">
        <v>167336</v>
      </c>
      <c r="MB16" s="344">
        <v>1575305</v>
      </c>
      <c r="MC16" s="344">
        <v>611380</v>
      </c>
      <c r="MD16" s="348">
        <v>2689230</v>
      </c>
      <c r="ME16" s="349">
        <v>2689230</v>
      </c>
      <c r="MF16" s="347">
        <v>0</v>
      </c>
      <c r="MG16" s="344">
        <v>0</v>
      </c>
      <c r="MH16" s="348">
        <v>0</v>
      </c>
      <c r="MI16" s="403">
        <v>0</v>
      </c>
      <c r="MJ16" s="344">
        <v>938476</v>
      </c>
      <c r="MK16" s="344">
        <v>1827524</v>
      </c>
      <c r="ML16" s="344">
        <v>6246110</v>
      </c>
      <c r="MM16" s="344">
        <v>12256340</v>
      </c>
      <c r="MN16" s="344">
        <v>4589397</v>
      </c>
      <c r="MO16" s="348">
        <v>25857847</v>
      </c>
      <c r="MP16" s="353">
        <v>25857847</v>
      </c>
      <c r="MQ16" s="347">
        <v>0</v>
      </c>
      <c r="MR16" s="344">
        <v>0</v>
      </c>
      <c r="MS16" s="348">
        <v>0</v>
      </c>
      <c r="MT16" s="403">
        <v>0</v>
      </c>
      <c r="MU16" s="344">
        <v>215412</v>
      </c>
      <c r="MV16" s="344">
        <v>241770</v>
      </c>
      <c r="MW16" s="344">
        <v>5136656</v>
      </c>
      <c r="MX16" s="344">
        <v>8986016</v>
      </c>
      <c r="MY16" s="344">
        <v>3219692</v>
      </c>
      <c r="MZ16" s="348">
        <v>17799546</v>
      </c>
      <c r="NA16" s="353">
        <v>17799546</v>
      </c>
      <c r="NB16" s="347">
        <v>0</v>
      </c>
      <c r="NC16" s="344">
        <v>0</v>
      </c>
      <c r="ND16" s="348">
        <v>0</v>
      </c>
      <c r="NE16" s="403">
        <v>0</v>
      </c>
      <c r="NF16" s="344">
        <v>723064</v>
      </c>
      <c r="NG16" s="344">
        <v>1585754</v>
      </c>
      <c r="NH16" s="344">
        <v>1109454</v>
      </c>
      <c r="NI16" s="344">
        <v>3270324</v>
      </c>
      <c r="NJ16" s="344">
        <v>988709</v>
      </c>
      <c r="NK16" s="348">
        <v>7677305</v>
      </c>
      <c r="NL16" s="346">
        <v>7677305</v>
      </c>
      <c r="NM16" s="347">
        <v>0</v>
      </c>
      <c r="NN16" s="344">
        <v>0</v>
      </c>
      <c r="NO16" s="348">
        <v>0</v>
      </c>
      <c r="NP16" s="403">
        <v>0</v>
      </c>
      <c r="NQ16" s="344">
        <v>0</v>
      </c>
      <c r="NR16" s="344">
        <v>0</v>
      </c>
      <c r="NS16" s="344">
        <v>0</v>
      </c>
      <c r="NT16" s="344">
        <v>0</v>
      </c>
      <c r="NU16" s="344">
        <v>0</v>
      </c>
      <c r="NV16" s="348">
        <v>0</v>
      </c>
      <c r="NW16" s="349">
        <v>0</v>
      </c>
      <c r="NX16" s="347">
        <v>0</v>
      </c>
      <c r="NY16" s="344">
        <v>0</v>
      </c>
      <c r="NZ16" s="348">
        <v>0</v>
      </c>
      <c r="OA16" s="403">
        <v>0</v>
      </c>
      <c r="OB16" s="344">
        <v>0</v>
      </c>
      <c r="OC16" s="344">
        <v>0</v>
      </c>
      <c r="OD16" s="344">
        <v>0</v>
      </c>
      <c r="OE16" s="344">
        <v>0</v>
      </c>
      <c r="OF16" s="344">
        <v>380996</v>
      </c>
      <c r="OG16" s="348">
        <v>380996</v>
      </c>
      <c r="OH16" s="349">
        <v>380996</v>
      </c>
      <c r="OI16" s="347">
        <v>2097512</v>
      </c>
      <c r="OJ16" s="344">
        <v>1607761</v>
      </c>
      <c r="OK16" s="345">
        <v>3705273</v>
      </c>
      <c r="OL16" s="350">
        <v>0</v>
      </c>
      <c r="OM16" s="344">
        <v>24177633</v>
      </c>
      <c r="ON16" s="344">
        <v>19148775</v>
      </c>
      <c r="OO16" s="344">
        <v>25999919</v>
      </c>
      <c r="OP16" s="344">
        <v>34039892</v>
      </c>
      <c r="OQ16" s="344">
        <v>18958825</v>
      </c>
      <c r="OR16" s="348">
        <v>122325044</v>
      </c>
      <c r="OS16" s="353">
        <v>126030317</v>
      </c>
    </row>
    <row r="17" spans="2:409" s="70" customFormat="1" ht="21" customHeight="1" x14ac:dyDescent="0.2">
      <c r="B17" s="409" t="s">
        <v>11</v>
      </c>
      <c r="C17" s="325">
        <v>763541</v>
      </c>
      <c r="D17" s="326">
        <v>567162</v>
      </c>
      <c r="E17" s="364">
        <v>1330703</v>
      </c>
      <c r="F17" s="331">
        <v>0</v>
      </c>
      <c r="G17" s="326">
        <v>7078636</v>
      </c>
      <c r="H17" s="326">
        <v>7247954</v>
      </c>
      <c r="I17" s="326">
        <v>5786199</v>
      </c>
      <c r="J17" s="326">
        <v>8563076</v>
      </c>
      <c r="K17" s="326">
        <v>3982920</v>
      </c>
      <c r="L17" s="328">
        <v>32658785</v>
      </c>
      <c r="M17" s="329">
        <v>33989488</v>
      </c>
      <c r="N17" s="325">
        <v>167509</v>
      </c>
      <c r="O17" s="326">
        <v>202362</v>
      </c>
      <c r="P17" s="327">
        <v>369871</v>
      </c>
      <c r="Q17" s="325">
        <v>0</v>
      </c>
      <c r="R17" s="326">
        <v>1447020</v>
      </c>
      <c r="S17" s="326">
        <v>1547136</v>
      </c>
      <c r="T17" s="326">
        <v>1922147</v>
      </c>
      <c r="U17" s="326">
        <v>2385833</v>
      </c>
      <c r="V17" s="326">
        <v>2655847</v>
      </c>
      <c r="W17" s="327">
        <v>9957983</v>
      </c>
      <c r="X17" s="329">
        <v>10327854</v>
      </c>
      <c r="Y17" s="325">
        <v>0</v>
      </c>
      <c r="Z17" s="326">
        <v>0</v>
      </c>
      <c r="AA17" s="327">
        <v>0</v>
      </c>
      <c r="AB17" s="325">
        <v>0</v>
      </c>
      <c r="AC17" s="326">
        <v>542191</v>
      </c>
      <c r="AD17" s="326">
        <v>675288</v>
      </c>
      <c r="AE17" s="326">
        <v>1295374</v>
      </c>
      <c r="AF17" s="326">
        <v>1049883</v>
      </c>
      <c r="AG17" s="326">
        <v>1817508</v>
      </c>
      <c r="AH17" s="327">
        <v>5380244</v>
      </c>
      <c r="AI17" s="329">
        <v>5380244</v>
      </c>
      <c r="AJ17" s="325">
        <v>0</v>
      </c>
      <c r="AK17" s="326">
        <v>0</v>
      </c>
      <c r="AL17" s="327">
        <v>0</v>
      </c>
      <c r="AM17" s="325">
        <v>0</v>
      </c>
      <c r="AN17" s="326">
        <v>0</v>
      </c>
      <c r="AO17" s="326">
        <v>103771</v>
      </c>
      <c r="AP17" s="326">
        <v>23060</v>
      </c>
      <c r="AQ17" s="326">
        <v>210983</v>
      </c>
      <c r="AR17" s="326">
        <v>305951</v>
      </c>
      <c r="AS17" s="327">
        <v>643765</v>
      </c>
      <c r="AT17" s="329">
        <v>643765</v>
      </c>
      <c r="AU17" s="325">
        <v>151797</v>
      </c>
      <c r="AV17" s="326">
        <v>111817</v>
      </c>
      <c r="AW17" s="327">
        <v>263614</v>
      </c>
      <c r="AX17" s="325">
        <v>0</v>
      </c>
      <c r="AY17" s="326">
        <v>572103</v>
      </c>
      <c r="AZ17" s="326">
        <v>285174</v>
      </c>
      <c r="BA17" s="326">
        <v>453249</v>
      </c>
      <c r="BB17" s="326">
        <v>667934</v>
      </c>
      <c r="BC17" s="326">
        <v>404900</v>
      </c>
      <c r="BD17" s="327">
        <v>2383360</v>
      </c>
      <c r="BE17" s="329">
        <v>2646974</v>
      </c>
      <c r="BF17" s="325">
        <v>0</v>
      </c>
      <c r="BG17" s="326">
        <v>50161</v>
      </c>
      <c r="BH17" s="330">
        <v>50161</v>
      </c>
      <c r="BI17" s="331">
        <v>0</v>
      </c>
      <c r="BJ17" s="326">
        <v>72454</v>
      </c>
      <c r="BK17" s="326">
        <v>77687</v>
      </c>
      <c r="BL17" s="326">
        <v>0</v>
      </c>
      <c r="BM17" s="326">
        <v>135977</v>
      </c>
      <c r="BN17" s="326">
        <v>0</v>
      </c>
      <c r="BO17" s="327">
        <v>286118</v>
      </c>
      <c r="BP17" s="329">
        <v>336279</v>
      </c>
      <c r="BQ17" s="325">
        <v>15712</v>
      </c>
      <c r="BR17" s="326">
        <v>40384</v>
      </c>
      <c r="BS17" s="327">
        <v>56096</v>
      </c>
      <c r="BT17" s="325">
        <v>0</v>
      </c>
      <c r="BU17" s="326">
        <v>260272</v>
      </c>
      <c r="BV17" s="326">
        <v>405216</v>
      </c>
      <c r="BW17" s="326">
        <v>150464</v>
      </c>
      <c r="BX17" s="326">
        <v>321056</v>
      </c>
      <c r="BY17" s="326">
        <v>127488</v>
      </c>
      <c r="BZ17" s="327">
        <v>1264496</v>
      </c>
      <c r="CA17" s="329">
        <v>1320592</v>
      </c>
      <c r="CB17" s="325">
        <v>123383</v>
      </c>
      <c r="CC17" s="326">
        <v>109424</v>
      </c>
      <c r="CD17" s="327">
        <v>232807</v>
      </c>
      <c r="CE17" s="325">
        <v>0</v>
      </c>
      <c r="CF17" s="326">
        <v>2809708</v>
      </c>
      <c r="CG17" s="326">
        <v>2036987</v>
      </c>
      <c r="CH17" s="326">
        <v>1491863</v>
      </c>
      <c r="CI17" s="326">
        <v>2047715</v>
      </c>
      <c r="CJ17" s="326">
        <v>196542</v>
      </c>
      <c r="CK17" s="327">
        <v>8582815</v>
      </c>
      <c r="CL17" s="329">
        <v>8815622</v>
      </c>
      <c r="CM17" s="325">
        <v>0</v>
      </c>
      <c r="CN17" s="326">
        <v>0</v>
      </c>
      <c r="CO17" s="327">
        <v>0</v>
      </c>
      <c r="CP17" s="331">
        <v>0</v>
      </c>
      <c r="CQ17" s="326">
        <v>2046905</v>
      </c>
      <c r="CR17" s="326">
        <v>1567642</v>
      </c>
      <c r="CS17" s="326">
        <v>1005995</v>
      </c>
      <c r="CT17" s="326">
        <v>930861</v>
      </c>
      <c r="CU17" s="326">
        <v>196542</v>
      </c>
      <c r="CV17" s="327">
        <v>5747945</v>
      </c>
      <c r="CW17" s="329">
        <v>5747945</v>
      </c>
      <c r="CX17" s="325">
        <v>123383</v>
      </c>
      <c r="CY17" s="326">
        <v>109424</v>
      </c>
      <c r="CZ17" s="327">
        <v>232807</v>
      </c>
      <c r="DA17" s="325">
        <v>0</v>
      </c>
      <c r="DB17" s="326">
        <v>762803</v>
      </c>
      <c r="DC17" s="326">
        <v>469345</v>
      </c>
      <c r="DD17" s="326">
        <v>485868</v>
      </c>
      <c r="DE17" s="326">
        <v>1116854</v>
      </c>
      <c r="DF17" s="326">
        <v>0</v>
      </c>
      <c r="DG17" s="327">
        <v>2834870</v>
      </c>
      <c r="DH17" s="329">
        <v>3067677</v>
      </c>
      <c r="DI17" s="325">
        <v>0</v>
      </c>
      <c r="DJ17" s="326">
        <v>0</v>
      </c>
      <c r="DK17" s="330">
        <v>0</v>
      </c>
      <c r="DL17" s="331">
        <v>0</v>
      </c>
      <c r="DM17" s="326">
        <v>313188</v>
      </c>
      <c r="DN17" s="326">
        <v>420169</v>
      </c>
      <c r="DO17" s="326">
        <v>619219</v>
      </c>
      <c r="DP17" s="326">
        <v>285572</v>
      </c>
      <c r="DQ17" s="326">
        <v>344958</v>
      </c>
      <c r="DR17" s="327">
        <v>1983106</v>
      </c>
      <c r="DS17" s="329">
        <v>1983106</v>
      </c>
      <c r="DT17" s="325">
        <v>0</v>
      </c>
      <c r="DU17" s="326">
        <v>0</v>
      </c>
      <c r="DV17" s="327">
        <v>0</v>
      </c>
      <c r="DW17" s="325">
        <v>0</v>
      </c>
      <c r="DX17" s="326">
        <v>211799</v>
      </c>
      <c r="DY17" s="326">
        <v>411977</v>
      </c>
      <c r="DZ17" s="326">
        <v>619219</v>
      </c>
      <c r="EA17" s="326">
        <v>224812</v>
      </c>
      <c r="EB17" s="326">
        <v>344958</v>
      </c>
      <c r="EC17" s="327">
        <v>1812765</v>
      </c>
      <c r="ED17" s="329">
        <v>1812765</v>
      </c>
      <c r="EE17" s="325">
        <v>0</v>
      </c>
      <c r="EF17" s="330">
        <v>0</v>
      </c>
      <c r="EG17" s="327">
        <v>0</v>
      </c>
      <c r="EH17" s="325">
        <v>0</v>
      </c>
      <c r="EI17" s="326">
        <v>101389</v>
      </c>
      <c r="EJ17" s="326">
        <v>8192</v>
      </c>
      <c r="EK17" s="326">
        <v>0</v>
      </c>
      <c r="EL17" s="326">
        <v>60760</v>
      </c>
      <c r="EM17" s="326">
        <v>0</v>
      </c>
      <c r="EN17" s="330">
        <v>170341</v>
      </c>
      <c r="EO17" s="329">
        <v>170341</v>
      </c>
      <c r="EP17" s="325">
        <v>0</v>
      </c>
      <c r="EQ17" s="326">
        <v>0</v>
      </c>
      <c r="ER17" s="330">
        <v>0</v>
      </c>
      <c r="ES17" s="331">
        <v>0</v>
      </c>
      <c r="ET17" s="326">
        <v>0</v>
      </c>
      <c r="EU17" s="326">
        <v>0</v>
      </c>
      <c r="EV17" s="326">
        <v>0</v>
      </c>
      <c r="EW17" s="326">
        <v>0</v>
      </c>
      <c r="EX17" s="326">
        <v>0</v>
      </c>
      <c r="EY17" s="327">
        <v>0</v>
      </c>
      <c r="EZ17" s="329">
        <v>0</v>
      </c>
      <c r="FA17" s="325">
        <v>0</v>
      </c>
      <c r="FB17" s="326">
        <v>0</v>
      </c>
      <c r="FC17" s="330">
        <v>0</v>
      </c>
      <c r="FD17" s="331">
        <v>0</v>
      </c>
      <c r="FE17" s="326">
        <v>0</v>
      </c>
      <c r="FF17" s="326">
        <v>0</v>
      </c>
      <c r="FG17" s="326">
        <v>0</v>
      </c>
      <c r="FH17" s="326">
        <v>0</v>
      </c>
      <c r="FI17" s="326">
        <v>0</v>
      </c>
      <c r="FJ17" s="327">
        <v>0</v>
      </c>
      <c r="FK17" s="329">
        <v>0</v>
      </c>
      <c r="FL17" s="325">
        <v>152472</v>
      </c>
      <c r="FM17" s="326">
        <v>158368</v>
      </c>
      <c r="FN17" s="327">
        <v>310840</v>
      </c>
      <c r="FO17" s="325">
        <v>0</v>
      </c>
      <c r="FP17" s="326">
        <v>278576</v>
      </c>
      <c r="FQ17" s="326">
        <v>926924</v>
      </c>
      <c r="FR17" s="326">
        <v>437992</v>
      </c>
      <c r="FS17" s="326">
        <v>643888</v>
      </c>
      <c r="FT17" s="326">
        <v>310100</v>
      </c>
      <c r="FU17" s="327">
        <v>2597480</v>
      </c>
      <c r="FV17" s="329">
        <v>2908320</v>
      </c>
      <c r="FW17" s="332">
        <v>101080</v>
      </c>
      <c r="FX17" s="326">
        <v>158368</v>
      </c>
      <c r="FY17" s="330">
        <v>259448</v>
      </c>
      <c r="FZ17" s="331">
        <v>0</v>
      </c>
      <c r="GA17" s="326">
        <v>244256</v>
      </c>
      <c r="GB17" s="326">
        <v>657996</v>
      </c>
      <c r="GC17" s="326">
        <v>437992</v>
      </c>
      <c r="GD17" s="326">
        <v>604168</v>
      </c>
      <c r="GE17" s="326">
        <v>292280</v>
      </c>
      <c r="GF17" s="327">
        <v>2236692</v>
      </c>
      <c r="GG17" s="333">
        <v>2496140</v>
      </c>
      <c r="GH17" s="332">
        <v>23232</v>
      </c>
      <c r="GI17" s="326">
        <v>0</v>
      </c>
      <c r="GJ17" s="330">
        <v>23232</v>
      </c>
      <c r="GK17" s="331">
        <v>0</v>
      </c>
      <c r="GL17" s="326">
        <v>0</v>
      </c>
      <c r="GM17" s="326">
        <v>22528</v>
      </c>
      <c r="GN17" s="326">
        <v>0</v>
      </c>
      <c r="GO17" s="326">
        <v>27720</v>
      </c>
      <c r="GP17" s="326">
        <v>17820</v>
      </c>
      <c r="GQ17" s="327">
        <v>68068</v>
      </c>
      <c r="GR17" s="329">
        <v>91300</v>
      </c>
      <c r="GS17" s="325">
        <v>28160</v>
      </c>
      <c r="GT17" s="326">
        <v>0</v>
      </c>
      <c r="GU17" s="327">
        <v>28160</v>
      </c>
      <c r="GV17" s="325">
        <v>0</v>
      </c>
      <c r="GW17" s="326">
        <v>34320</v>
      </c>
      <c r="GX17" s="326">
        <v>246400</v>
      </c>
      <c r="GY17" s="326">
        <v>0</v>
      </c>
      <c r="GZ17" s="326">
        <v>12000</v>
      </c>
      <c r="HA17" s="326">
        <v>0</v>
      </c>
      <c r="HB17" s="330">
        <v>292720</v>
      </c>
      <c r="HC17" s="329">
        <v>320880</v>
      </c>
      <c r="HD17" s="325">
        <v>320177</v>
      </c>
      <c r="HE17" s="326">
        <v>97008</v>
      </c>
      <c r="HF17" s="330">
        <v>417185</v>
      </c>
      <c r="HG17" s="331">
        <v>0</v>
      </c>
      <c r="HH17" s="326">
        <v>2230144</v>
      </c>
      <c r="HI17" s="326">
        <v>2316738</v>
      </c>
      <c r="HJ17" s="326">
        <v>1314978</v>
      </c>
      <c r="HK17" s="326">
        <v>3200068</v>
      </c>
      <c r="HL17" s="326">
        <v>475473</v>
      </c>
      <c r="HM17" s="327">
        <v>9537401</v>
      </c>
      <c r="HN17" s="328">
        <v>9954586</v>
      </c>
      <c r="HO17" s="332">
        <v>0</v>
      </c>
      <c r="HP17" s="326">
        <v>0</v>
      </c>
      <c r="HQ17" s="327">
        <v>0</v>
      </c>
      <c r="HR17" s="325">
        <v>0</v>
      </c>
      <c r="HS17" s="326">
        <v>0</v>
      </c>
      <c r="HT17" s="326">
        <v>0</v>
      </c>
      <c r="HU17" s="326">
        <v>0</v>
      </c>
      <c r="HV17" s="326">
        <v>0</v>
      </c>
      <c r="HW17" s="326">
        <v>0</v>
      </c>
      <c r="HX17" s="330">
        <v>0</v>
      </c>
      <c r="HY17" s="329">
        <v>0</v>
      </c>
      <c r="HZ17" s="334">
        <v>0</v>
      </c>
      <c r="IA17" s="335">
        <v>0</v>
      </c>
      <c r="IB17" s="336">
        <v>0</v>
      </c>
      <c r="IC17" s="337">
        <v>0</v>
      </c>
      <c r="ID17" s="335">
        <v>1471003</v>
      </c>
      <c r="IE17" s="338">
        <v>1769789</v>
      </c>
      <c r="IF17" s="336">
        <v>1648070</v>
      </c>
      <c r="IG17" s="335">
        <v>1458698</v>
      </c>
      <c r="IH17" s="336">
        <v>219840</v>
      </c>
      <c r="II17" s="339">
        <v>6567400</v>
      </c>
      <c r="IJ17" s="340">
        <v>6567400</v>
      </c>
      <c r="IK17" s="341">
        <v>0</v>
      </c>
      <c r="IL17" s="342">
        <v>0</v>
      </c>
      <c r="IM17" s="343">
        <v>0</v>
      </c>
      <c r="IN17" s="403">
        <v>0</v>
      </c>
      <c r="IO17" s="344">
        <v>148001</v>
      </c>
      <c r="IP17" s="344">
        <v>0</v>
      </c>
      <c r="IQ17" s="344">
        <v>152076</v>
      </c>
      <c r="IR17" s="344">
        <v>0</v>
      </c>
      <c r="IS17" s="344">
        <v>0</v>
      </c>
      <c r="IT17" s="345">
        <v>300077</v>
      </c>
      <c r="IU17" s="346">
        <v>300077</v>
      </c>
      <c r="IV17" s="347">
        <v>0</v>
      </c>
      <c r="IW17" s="344">
        <v>0</v>
      </c>
      <c r="IX17" s="348">
        <v>0</v>
      </c>
      <c r="IY17" s="403">
        <v>0</v>
      </c>
      <c r="IZ17" s="344">
        <v>0</v>
      </c>
      <c r="JA17" s="344">
        <v>16836</v>
      </c>
      <c r="JB17" s="344">
        <v>0</v>
      </c>
      <c r="JC17" s="344">
        <v>0</v>
      </c>
      <c r="JD17" s="344">
        <v>0</v>
      </c>
      <c r="JE17" s="348">
        <v>16836</v>
      </c>
      <c r="JF17" s="349">
        <v>16836</v>
      </c>
      <c r="JG17" s="347">
        <v>0</v>
      </c>
      <c r="JH17" s="344">
        <v>0</v>
      </c>
      <c r="JI17" s="345">
        <v>0</v>
      </c>
      <c r="JJ17" s="350">
        <v>0</v>
      </c>
      <c r="JK17" s="344">
        <v>712120</v>
      </c>
      <c r="JL17" s="344">
        <v>269876</v>
      </c>
      <c r="JM17" s="344">
        <v>268827</v>
      </c>
      <c r="JN17" s="344">
        <v>391219</v>
      </c>
      <c r="JO17" s="344">
        <v>194050</v>
      </c>
      <c r="JP17" s="348">
        <v>1836092</v>
      </c>
      <c r="JQ17" s="346">
        <v>1836092</v>
      </c>
      <c r="JR17" s="347">
        <v>0</v>
      </c>
      <c r="JS17" s="344">
        <v>0</v>
      </c>
      <c r="JT17" s="345">
        <v>0</v>
      </c>
      <c r="JU17" s="350">
        <v>0</v>
      </c>
      <c r="JV17" s="344">
        <v>85277</v>
      </c>
      <c r="JW17" s="344">
        <v>213107</v>
      </c>
      <c r="JX17" s="344">
        <v>245434</v>
      </c>
      <c r="JY17" s="344">
        <v>0</v>
      </c>
      <c r="JZ17" s="344">
        <v>0</v>
      </c>
      <c r="KA17" s="348">
        <v>543818</v>
      </c>
      <c r="KB17" s="346">
        <v>543818</v>
      </c>
      <c r="KC17" s="351">
        <v>0</v>
      </c>
      <c r="KD17" s="352">
        <v>0</v>
      </c>
      <c r="KE17" s="348">
        <v>0</v>
      </c>
      <c r="KF17" s="350">
        <v>0</v>
      </c>
      <c r="KG17" s="344">
        <v>109036</v>
      </c>
      <c r="KH17" s="344">
        <v>333597</v>
      </c>
      <c r="KI17" s="344">
        <v>718453</v>
      </c>
      <c r="KJ17" s="344">
        <v>0</v>
      </c>
      <c r="KK17" s="344">
        <v>0</v>
      </c>
      <c r="KL17" s="348">
        <v>1161086</v>
      </c>
      <c r="KM17" s="353">
        <v>1161086</v>
      </c>
      <c r="KN17" s="341">
        <v>0</v>
      </c>
      <c r="KO17" s="342">
        <v>0</v>
      </c>
      <c r="KP17" s="343">
        <v>0</v>
      </c>
      <c r="KQ17" s="403">
        <v>0</v>
      </c>
      <c r="KR17" s="344">
        <v>241879</v>
      </c>
      <c r="KS17" s="344">
        <v>746913</v>
      </c>
      <c r="KT17" s="344">
        <v>263280</v>
      </c>
      <c r="KU17" s="344">
        <v>785837</v>
      </c>
      <c r="KV17" s="344">
        <v>25790</v>
      </c>
      <c r="KW17" s="348">
        <v>2063699</v>
      </c>
      <c r="KX17" s="346">
        <v>2063699</v>
      </c>
      <c r="KY17" s="347">
        <v>0</v>
      </c>
      <c r="KZ17" s="344">
        <v>0</v>
      </c>
      <c r="LA17" s="348">
        <v>0</v>
      </c>
      <c r="LB17" s="403">
        <v>0</v>
      </c>
      <c r="LC17" s="344">
        <v>0</v>
      </c>
      <c r="LD17" s="344">
        <v>0</v>
      </c>
      <c r="LE17" s="344">
        <v>0</v>
      </c>
      <c r="LF17" s="344">
        <v>0</v>
      </c>
      <c r="LG17" s="344">
        <v>0</v>
      </c>
      <c r="LH17" s="348">
        <v>0</v>
      </c>
      <c r="LI17" s="349">
        <v>0</v>
      </c>
      <c r="LJ17" s="347">
        <v>0</v>
      </c>
      <c r="LK17" s="344">
        <v>0</v>
      </c>
      <c r="LL17" s="348">
        <v>0</v>
      </c>
      <c r="LM17" s="403">
        <v>0</v>
      </c>
      <c r="LN17" s="344">
        <v>0</v>
      </c>
      <c r="LO17" s="344">
        <v>0</v>
      </c>
      <c r="LP17" s="344">
        <v>0</v>
      </c>
      <c r="LQ17" s="344">
        <v>0</v>
      </c>
      <c r="LR17" s="344">
        <v>0</v>
      </c>
      <c r="LS17" s="348">
        <v>0</v>
      </c>
      <c r="LT17" s="346">
        <v>0</v>
      </c>
      <c r="LU17" s="347">
        <v>0</v>
      </c>
      <c r="LV17" s="344">
        <v>0</v>
      </c>
      <c r="LW17" s="348">
        <v>0</v>
      </c>
      <c r="LX17" s="403">
        <v>0</v>
      </c>
      <c r="LY17" s="344">
        <v>174690</v>
      </c>
      <c r="LZ17" s="344">
        <v>189460</v>
      </c>
      <c r="MA17" s="344">
        <v>0</v>
      </c>
      <c r="MB17" s="344">
        <v>281642</v>
      </c>
      <c r="MC17" s="344">
        <v>0</v>
      </c>
      <c r="MD17" s="348">
        <v>645792</v>
      </c>
      <c r="ME17" s="349">
        <v>645792</v>
      </c>
      <c r="MF17" s="347">
        <v>0</v>
      </c>
      <c r="MG17" s="344">
        <v>0</v>
      </c>
      <c r="MH17" s="348">
        <v>0</v>
      </c>
      <c r="MI17" s="403">
        <v>0</v>
      </c>
      <c r="MJ17" s="344">
        <v>499634</v>
      </c>
      <c r="MK17" s="344">
        <v>518769</v>
      </c>
      <c r="ML17" s="344">
        <v>2130555</v>
      </c>
      <c r="MM17" s="344">
        <v>6956945</v>
      </c>
      <c r="MN17" s="344">
        <v>2345694</v>
      </c>
      <c r="MO17" s="348">
        <v>12451597</v>
      </c>
      <c r="MP17" s="353">
        <v>12451597</v>
      </c>
      <c r="MQ17" s="347">
        <v>0</v>
      </c>
      <c r="MR17" s="344">
        <v>0</v>
      </c>
      <c r="MS17" s="348">
        <v>0</v>
      </c>
      <c r="MT17" s="403">
        <v>0</v>
      </c>
      <c r="MU17" s="344">
        <v>0</v>
      </c>
      <c r="MV17" s="344">
        <v>0</v>
      </c>
      <c r="MW17" s="344">
        <v>936330</v>
      </c>
      <c r="MX17" s="344">
        <v>4420411</v>
      </c>
      <c r="MY17" s="344">
        <v>598958</v>
      </c>
      <c r="MZ17" s="348">
        <v>5955699</v>
      </c>
      <c r="NA17" s="353">
        <v>5955699</v>
      </c>
      <c r="NB17" s="347">
        <v>0</v>
      </c>
      <c r="NC17" s="344">
        <v>0</v>
      </c>
      <c r="ND17" s="348">
        <v>0</v>
      </c>
      <c r="NE17" s="403">
        <v>0</v>
      </c>
      <c r="NF17" s="344">
        <v>499634</v>
      </c>
      <c r="NG17" s="344">
        <v>518769</v>
      </c>
      <c r="NH17" s="344">
        <v>1194225</v>
      </c>
      <c r="NI17" s="344">
        <v>2210286</v>
      </c>
      <c r="NJ17" s="344">
        <v>1746736</v>
      </c>
      <c r="NK17" s="348">
        <v>6169650</v>
      </c>
      <c r="NL17" s="346">
        <v>6169650</v>
      </c>
      <c r="NM17" s="347">
        <v>0</v>
      </c>
      <c r="NN17" s="344">
        <v>0</v>
      </c>
      <c r="NO17" s="348">
        <v>0</v>
      </c>
      <c r="NP17" s="403">
        <v>0</v>
      </c>
      <c r="NQ17" s="344">
        <v>0</v>
      </c>
      <c r="NR17" s="344">
        <v>0</v>
      </c>
      <c r="NS17" s="344">
        <v>0</v>
      </c>
      <c r="NT17" s="344">
        <v>0</v>
      </c>
      <c r="NU17" s="344">
        <v>0</v>
      </c>
      <c r="NV17" s="348">
        <v>0</v>
      </c>
      <c r="NW17" s="349">
        <v>0</v>
      </c>
      <c r="NX17" s="347">
        <v>0</v>
      </c>
      <c r="NY17" s="344">
        <v>0</v>
      </c>
      <c r="NZ17" s="348">
        <v>0</v>
      </c>
      <c r="OA17" s="403">
        <v>0</v>
      </c>
      <c r="OB17" s="344">
        <v>0</v>
      </c>
      <c r="OC17" s="344">
        <v>0</v>
      </c>
      <c r="OD17" s="344">
        <v>0</v>
      </c>
      <c r="OE17" s="344">
        <v>326248</v>
      </c>
      <c r="OF17" s="344">
        <v>0</v>
      </c>
      <c r="OG17" s="348">
        <v>326248</v>
      </c>
      <c r="OH17" s="349">
        <v>326248</v>
      </c>
      <c r="OI17" s="347">
        <v>763541</v>
      </c>
      <c r="OJ17" s="344">
        <v>567162</v>
      </c>
      <c r="OK17" s="345">
        <v>1330703</v>
      </c>
      <c r="OL17" s="350">
        <v>0</v>
      </c>
      <c r="OM17" s="344">
        <v>9049273</v>
      </c>
      <c r="ON17" s="344">
        <v>9536512</v>
      </c>
      <c r="OO17" s="344">
        <v>9564824</v>
      </c>
      <c r="OP17" s="344">
        <v>16978719</v>
      </c>
      <c r="OQ17" s="344">
        <v>6548454</v>
      </c>
      <c r="OR17" s="348">
        <v>51677782</v>
      </c>
      <c r="OS17" s="353">
        <v>53008485</v>
      </c>
    </row>
    <row r="18" spans="2:409" s="70" customFormat="1" ht="21" customHeight="1" x14ac:dyDescent="0.2">
      <c r="B18" s="409" t="s">
        <v>12</v>
      </c>
      <c r="C18" s="325">
        <v>951795</v>
      </c>
      <c r="D18" s="326">
        <v>2323495</v>
      </c>
      <c r="E18" s="327">
        <v>3275290</v>
      </c>
      <c r="F18" s="328">
        <v>0</v>
      </c>
      <c r="G18" s="326">
        <v>6966558</v>
      </c>
      <c r="H18" s="365">
        <v>11015179</v>
      </c>
      <c r="I18" s="365">
        <v>9097177</v>
      </c>
      <c r="J18" s="365">
        <v>12662422</v>
      </c>
      <c r="K18" s="365">
        <v>4076145</v>
      </c>
      <c r="L18" s="330">
        <v>43817481</v>
      </c>
      <c r="M18" s="329">
        <v>47092771</v>
      </c>
      <c r="N18" s="325">
        <v>304977</v>
      </c>
      <c r="O18" s="326">
        <v>813310</v>
      </c>
      <c r="P18" s="327">
        <v>1118287</v>
      </c>
      <c r="Q18" s="325">
        <v>0</v>
      </c>
      <c r="R18" s="326">
        <v>1855848</v>
      </c>
      <c r="S18" s="326">
        <v>4012821</v>
      </c>
      <c r="T18" s="326">
        <v>2476771</v>
      </c>
      <c r="U18" s="326">
        <v>5039056</v>
      </c>
      <c r="V18" s="326">
        <v>2293842</v>
      </c>
      <c r="W18" s="327">
        <v>15678338</v>
      </c>
      <c r="X18" s="329">
        <v>16796625</v>
      </c>
      <c r="Y18" s="325">
        <v>0</v>
      </c>
      <c r="Z18" s="326">
        <v>0</v>
      </c>
      <c r="AA18" s="327">
        <v>0</v>
      </c>
      <c r="AB18" s="325">
        <v>0</v>
      </c>
      <c r="AC18" s="326">
        <v>1077173</v>
      </c>
      <c r="AD18" s="326">
        <v>2018566</v>
      </c>
      <c r="AE18" s="326">
        <v>1610257</v>
      </c>
      <c r="AF18" s="326">
        <v>3007259</v>
      </c>
      <c r="AG18" s="326">
        <v>1500697</v>
      </c>
      <c r="AH18" s="327">
        <v>9213952</v>
      </c>
      <c r="AI18" s="329">
        <v>9213952</v>
      </c>
      <c r="AJ18" s="325">
        <v>0</v>
      </c>
      <c r="AK18" s="326">
        <v>0</v>
      </c>
      <c r="AL18" s="327">
        <v>0</v>
      </c>
      <c r="AM18" s="325">
        <v>0</v>
      </c>
      <c r="AN18" s="326">
        <v>0</v>
      </c>
      <c r="AO18" s="326">
        <v>0</v>
      </c>
      <c r="AP18" s="326">
        <v>23385</v>
      </c>
      <c r="AQ18" s="326">
        <v>513996</v>
      </c>
      <c r="AR18" s="326">
        <v>149653</v>
      </c>
      <c r="AS18" s="327">
        <v>687034</v>
      </c>
      <c r="AT18" s="329">
        <v>687034</v>
      </c>
      <c r="AU18" s="325">
        <v>244425</v>
      </c>
      <c r="AV18" s="326">
        <v>704061</v>
      </c>
      <c r="AW18" s="327">
        <v>948486</v>
      </c>
      <c r="AX18" s="325">
        <v>0</v>
      </c>
      <c r="AY18" s="326">
        <v>545898</v>
      </c>
      <c r="AZ18" s="326">
        <v>1423790</v>
      </c>
      <c r="BA18" s="326">
        <v>490033</v>
      </c>
      <c r="BB18" s="326">
        <v>922272</v>
      </c>
      <c r="BC18" s="326">
        <v>446306</v>
      </c>
      <c r="BD18" s="327">
        <v>3828299</v>
      </c>
      <c r="BE18" s="329">
        <v>4776785</v>
      </c>
      <c r="BF18" s="325">
        <v>0</v>
      </c>
      <c r="BG18" s="326">
        <v>15849</v>
      </c>
      <c r="BH18" s="330">
        <v>15849</v>
      </c>
      <c r="BI18" s="331">
        <v>0</v>
      </c>
      <c r="BJ18" s="326">
        <v>44537</v>
      </c>
      <c r="BK18" s="326">
        <v>89817</v>
      </c>
      <c r="BL18" s="326">
        <v>0</v>
      </c>
      <c r="BM18" s="326">
        <v>56385</v>
      </c>
      <c r="BN18" s="326">
        <v>45962</v>
      </c>
      <c r="BO18" s="327">
        <v>236701</v>
      </c>
      <c r="BP18" s="329">
        <v>252550</v>
      </c>
      <c r="BQ18" s="325">
        <v>60552</v>
      </c>
      <c r="BR18" s="326">
        <v>93400</v>
      </c>
      <c r="BS18" s="327">
        <v>153952</v>
      </c>
      <c r="BT18" s="325">
        <v>0</v>
      </c>
      <c r="BU18" s="326">
        <v>188240</v>
      </c>
      <c r="BV18" s="326">
        <v>480648</v>
      </c>
      <c r="BW18" s="326">
        <v>353096</v>
      </c>
      <c r="BX18" s="326">
        <v>539144</v>
      </c>
      <c r="BY18" s="326">
        <v>151224</v>
      </c>
      <c r="BZ18" s="327">
        <v>1712352</v>
      </c>
      <c r="CA18" s="329">
        <v>1866304</v>
      </c>
      <c r="CB18" s="325">
        <v>149104</v>
      </c>
      <c r="CC18" s="326">
        <v>495636</v>
      </c>
      <c r="CD18" s="327">
        <v>644740</v>
      </c>
      <c r="CE18" s="325">
        <v>0</v>
      </c>
      <c r="CF18" s="326">
        <v>2748487</v>
      </c>
      <c r="CG18" s="326">
        <v>3094209</v>
      </c>
      <c r="CH18" s="326">
        <v>2878503</v>
      </c>
      <c r="CI18" s="326">
        <v>2150908</v>
      </c>
      <c r="CJ18" s="326">
        <v>288416</v>
      </c>
      <c r="CK18" s="327">
        <v>11160523</v>
      </c>
      <c r="CL18" s="329">
        <v>11805263</v>
      </c>
      <c r="CM18" s="325">
        <v>0</v>
      </c>
      <c r="CN18" s="326">
        <v>0</v>
      </c>
      <c r="CO18" s="327">
        <v>0</v>
      </c>
      <c r="CP18" s="331">
        <v>0</v>
      </c>
      <c r="CQ18" s="326">
        <v>2325736</v>
      </c>
      <c r="CR18" s="326">
        <v>2045766</v>
      </c>
      <c r="CS18" s="326">
        <v>2048589</v>
      </c>
      <c r="CT18" s="326">
        <v>1582562</v>
      </c>
      <c r="CU18" s="326">
        <v>116896</v>
      </c>
      <c r="CV18" s="327">
        <v>8119549</v>
      </c>
      <c r="CW18" s="329">
        <v>8119549</v>
      </c>
      <c r="CX18" s="325">
        <v>149104</v>
      </c>
      <c r="CY18" s="326">
        <v>495636</v>
      </c>
      <c r="CZ18" s="327">
        <v>644740</v>
      </c>
      <c r="DA18" s="325">
        <v>0</v>
      </c>
      <c r="DB18" s="326">
        <v>422751</v>
      </c>
      <c r="DC18" s="326">
        <v>1048443</v>
      </c>
      <c r="DD18" s="326">
        <v>829914</v>
      </c>
      <c r="DE18" s="326">
        <v>568346</v>
      </c>
      <c r="DF18" s="326">
        <v>171520</v>
      </c>
      <c r="DG18" s="327">
        <v>3040974</v>
      </c>
      <c r="DH18" s="329">
        <v>3685714</v>
      </c>
      <c r="DI18" s="325">
        <v>2152</v>
      </c>
      <c r="DJ18" s="326">
        <v>51373</v>
      </c>
      <c r="DK18" s="330">
        <v>53525</v>
      </c>
      <c r="DL18" s="331">
        <v>0</v>
      </c>
      <c r="DM18" s="326">
        <v>290104</v>
      </c>
      <c r="DN18" s="326">
        <v>442815</v>
      </c>
      <c r="DO18" s="326">
        <v>1035022</v>
      </c>
      <c r="DP18" s="326">
        <v>1302192</v>
      </c>
      <c r="DQ18" s="326">
        <v>464052</v>
      </c>
      <c r="DR18" s="327">
        <v>3534185</v>
      </c>
      <c r="DS18" s="329">
        <v>3587710</v>
      </c>
      <c r="DT18" s="325">
        <v>2152</v>
      </c>
      <c r="DU18" s="326">
        <v>51373</v>
      </c>
      <c r="DV18" s="327">
        <v>53525</v>
      </c>
      <c r="DW18" s="325">
        <v>0</v>
      </c>
      <c r="DX18" s="326">
        <v>290104</v>
      </c>
      <c r="DY18" s="326">
        <v>442815</v>
      </c>
      <c r="DZ18" s="326">
        <v>1035022</v>
      </c>
      <c r="EA18" s="326">
        <v>1179752</v>
      </c>
      <c r="EB18" s="326">
        <v>464052</v>
      </c>
      <c r="EC18" s="327">
        <v>3411745</v>
      </c>
      <c r="ED18" s="329">
        <v>3465270</v>
      </c>
      <c r="EE18" s="325">
        <v>0</v>
      </c>
      <c r="EF18" s="330">
        <v>0</v>
      </c>
      <c r="EG18" s="327">
        <v>0</v>
      </c>
      <c r="EH18" s="325">
        <v>0</v>
      </c>
      <c r="EI18" s="326">
        <v>0</v>
      </c>
      <c r="EJ18" s="326">
        <v>0</v>
      </c>
      <c r="EK18" s="326">
        <v>0</v>
      </c>
      <c r="EL18" s="326">
        <v>122440</v>
      </c>
      <c r="EM18" s="326">
        <v>0</v>
      </c>
      <c r="EN18" s="330">
        <v>122440</v>
      </c>
      <c r="EO18" s="329">
        <v>122440</v>
      </c>
      <c r="EP18" s="325">
        <v>0</v>
      </c>
      <c r="EQ18" s="326">
        <v>0</v>
      </c>
      <c r="ER18" s="330">
        <v>0</v>
      </c>
      <c r="ES18" s="331">
        <v>0</v>
      </c>
      <c r="ET18" s="326">
        <v>0</v>
      </c>
      <c r="EU18" s="326">
        <v>0</v>
      </c>
      <c r="EV18" s="326">
        <v>0</v>
      </c>
      <c r="EW18" s="326">
        <v>0</v>
      </c>
      <c r="EX18" s="326">
        <v>0</v>
      </c>
      <c r="EY18" s="327">
        <v>0</v>
      </c>
      <c r="EZ18" s="329">
        <v>0</v>
      </c>
      <c r="FA18" s="325">
        <v>0</v>
      </c>
      <c r="FB18" s="326">
        <v>0</v>
      </c>
      <c r="FC18" s="330">
        <v>0</v>
      </c>
      <c r="FD18" s="331">
        <v>0</v>
      </c>
      <c r="FE18" s="326">
        <v>0</v>
      </c>
      <c r="FF18" s="326">
        <v>0</v>
      </c>
      <c r="FG18" s="326">
        <v>0</v>
      </c>
      <c r="FH18" s="326">
        <v>0</v>
      </c>
      <c r="FI18" s="326">
        <v>0</v>
      </c>
      <c r="FJ18" s="327">
        <v>0</v>
      </c>
      <c r="FK18" s="329">
        <v>0</v>
      </c>
      <c r="FL18" s="325">
        <v>274272</v>
      </c>
      <c r="FM18" s="326">
        <v>336496</v>
      </c>
      <c r="FN18" s="327">
        <v>610768</v>
      </c>
      <c r="FO18" s="325">
        <v>0</v>
      </c>
      <c r="FP18" s="326">
        <v>396856</v>
      </c>
      <c r="FQ18" s="326">
        <v>1092440</v>
      </c>
      <c r="FR18" s="326">
        <v>756624</v>
      </c>
      <c r="FS18" s="326">
        <v>899672</v>
      </c>
      <c r="FT18" s="326">
        <v>271928</v>
      </c>
      <c r="FU18" s="327">
        <v>3417520</v>
      </c>
      <c r="FV18" s="329">
        <v>4028288</v>
      </c>
      <c r="FW18" s="332">
        <v>135792</v>
      </c>
      <c r="FX18" s="326">
        <v>336496</v>
      </c>
      <c r="FY18" s="330">
        <v>472288</v>
      </c>
      <c r="FZ18" s="331">
        <v>0</v>
      </c>
      <c r="GA18" s="326">
        <v>236856</v>
      </c>
      <c r="GB18" s="326">
        <v>1029432</v>
      </c>
      <c r="GC18" s="326">
        <v>651024</v>
      </c>
      <c r="GD18" s="326">
        <v>861672</v>
      </c>
      <c r="GE18" s="326">
        <v>256728</v>
      </c>
      <c r="GF18" s="327">
        <v>3035712</v>
      </c>
      <c r="GG18" s="333">
        <v>3508000</v>
      </c>
      <c r="GH18" s="332">
        <v>18480</v>
      </c>
      <c r="GI18" s="326">
        <v>0</v>
      </c>
      <c r="GJ18" s="330">
        <v>18480</v>
      </c>
      <c r="GK18" s="331">
        <v>0</v>
      </c>
      <c r="GL18" s="326">
        <v>0</v>
      </c>
      <c r="GM18" s="326">
        <v>26048</v>
      </c>
      <c r="GN18" s="326">
        <v>0</v>
      </c>
      <c r="GO18" s="326">
        <v>38000</v>
      </c>
      <c r="GP18" s="326">
        <v>15200</v>
      </c>
      <c r="GQ18" s="327">
        <v>79248</v>
      </c>
      <c r="GR18" s="329">
        <v>97728</v>
      </c>
      <c r="GS18" s="325">
        <v>120000</v>
      </c>
      <c r="GT18" s="326">
        <v>0</v>
      </c>
      <c r="GU18" s="327">
        <v>120000</v>
      </c>
      <c r="GV18" s="325">
        <v>0</v>
      </c>
      <c r="GW18" s="326">
        <v>160000</v>
      </c>
      <c r="GX18" s="326">
        <v>36960</v>
      </c>
      <c r="GY18" s="326">
        <v>105600</v>
      </c>
      <c r="GZ18" s="326">
        <v>0</v>
      </c>
      <c r="HA18" s="326">
        <v>0</v>
      </c>
      <c r="HB18" s="330">
        <v>302560</v>
      </c>
      <c r="HC18" s="329">
        <v>422560</v>
      </c>
      <c r="HD18" s="325">
        <v>221290</v>
      </c>
      <c r="HE18" s="326">
        <v>626680</v>
      </c>
      <c r="HF18" s="330">
        <v>847970</v>
      </c>
      <c r="HG18" s="331">
        <v>0</v>
      </c>
      <c r="HH18" s="326">
        <v>1675263</v>
      </c>
      <c r="HI18" s="326">
        <v>2372894</v>
      </c>
      <c r="HJ18" s="326">
        <v>1950257</v>
      </c>
      <c r="HK18" s="326">
        <v>3270594</v>
      </c>
      <c r="HL18" s="326">
        <v>757907</v>
      </c>
      <c r="HM18" s="327">
        <v>10026915</v>
      </c>
      <c r="HN18" s="328">
        <v>10874885</v>
      </c>
      <c r="HO18" s="332">
        <v>0</v>
      </c>
      <c r="HP18" s="326">
        <v>0</v>
      </c>
      <c r="HQ18" s="327">
        <v>0</v>
      </c>
      <c r="HR18" s="325">
        <v>0</v>
      </c>
      <c r="HS18" s="326">
        <v>0</v>
      </c>
      <c r="HT18" s="326">
        <v>0</v>
      </c>
      <c r="HU18" s="326">
        <v>0</v>
      </c>
      <c r="HV18" s="326">
        <v>0</v>
      </c>
      <c r="HW18" s="326">
        <v>0</v>
      </c>
      <c r="HX18" s="330">
        <v>0</v>
      </c>
      <c r="HY18" s="329">
        <v>0</v>
      </c>
      <c r="HZ18" s="357">
        <v>0</v>
      </c>
      <c r="IA18" s="355">
        <v>0</v>
      </c>
      <c r="IB18" s="357">
        <v>0</v>
      </c>
      <c r="IC18" s="354">
        <v>0</v>
      </c>
      <c r="ID18" s="355">
        <v>1709596</v>
      </c>
      <c r="IE18" s="356">
        <v>2421837</v>
      </c>
      <c r="IF18" s="357">
        <v>1862101</v>
      </c>
      <c r="IG18" s="355">
        <v>3248825</v>
      </c>
      <c r="IH18" s="357">
        <v>1931487</v>
      </c>
      <c r="II18" s="358">
        <v>11173846</v>
      </c>
      <c r="IJ18" s="357">
        <v>11173846</v>
      </c>
      <c r="IK18" s="341">
        <v>0</v>
      </c>
      <c r="IL18" s="342">
        <v>0</v>
      </c>
      <c r="IM18" s="343">
        <v>0</v>
      </c>
      <c r="IN18" s="403">
        <v>0</v>
      </c>
      <c r="IO18" s="344">
        <v>22256</v>
      </c>
      <c r="IP18" s="344">
        <v>0</v>
      </c>
      <c r="IQ18" s="344">
        <v>0</v>
      </c>
      <c r="IR18" s="344">
        <v>0</v>
      </c>
      <c r="IS18" s="344">
        <v>0</v>
      </c>
      <c r="IT18" s="345">
        <v>22256</v>
      </c>
      <c r="IU18" s="346">
        <v>22256</v>
      </c>
      <c r="IV18" s="347">
        <v>0</v>
      </c>
      <c r="IW18" s="344">
        <v>0</v>
      </c>
      <c r="IX18" s="348">
        <v>0</v>
      </c>
      <c r="IY18" s="403">
        <v>0</v>
      </c>
      <c r="IZ18" s="344">
        <v>0</v>
      </c>
      <c r="JA18" s="344">
        <v>0</v>
      </c>
      <c r="JB18" s="344">
        <v>0</v>
      </c>
      <c r="JC18" s="344">
        <v>0</v>
      </c>
      <c r="JD18" s="344">
        <v>0</v>
      </c>
      <c r="JE18" s="348">
        <v>0</v>
      </c>
      <c r="JF18" s="349">
        <v>0</v>
      </c>
      <c r="JG18" s="347">
        <v>0</v>
      </c>
      <c r="JH18" s="344">
        <v>0</v>
      </c>
      <c r="JI18" s="345">
        <v>0</v>
      </c>
      <c r="JJ18" s="350">
        <v>0</v>
      </c>
      <c r="JK18" s="344">
        <v>828081</v>
      </c>
      <c r="JL18" s="344">
        <v>872071</v>
      </c>
      <c r="JM18" s="344">
        <v>509990</v>
      </c>
      <c r="JN18" s="344">
        <v>149475</v>
      </c>
      <c r="JO18" s="344">
        <v>377603</v>
      </c>
      <c r="JP18" s="348">
        <v>2737220</v>
      </c>
      <c r="JQ18" s="346">
        <v>2737220</v>
      </c>
      <c r="JR18" s="347">
        <v>0</v>
      </c>
      <c r="JS18" s="344">
        <v>0</v>
      </c>
      <c r="JT18" s="345">
        <v>0</v>
      </c>
      <c r="JU18" s="350">
        <v>0</v>
      </c>
      <c r="JV18" s="344">
        <v>0</v>
      </c>
      <c r="JW18" s="344">
        <v>0</v>
      </c>
      <c r="JX18" s="344">
        <v>0</v>
      </c>
      <c r="JY18" s="344">
        <v>0</v>
      </c>
      <c r="JZ18" s="344">
        <v>0</v>
      </c>
      <c r="KA18" s="348">
        <v>0</v>
      </c>
      <c r="KB18" s="346">
        <v>0</v>
      </c>
      <c r="KC18" s="351">
        <v>0</v>
      </c>
      <c r="KD18" s="352">
        <v>0</v>
      </c>
      <c r="KE18" s="348">
        <v>0</v>
      </c>
      <c r="KF18" s="350">
        <v>0</v>
      </c>
      <c r="KG18" s="344">
        <v>423804</v>
      </c>
      <c r="KH18" s="344">
        <v>538038</v>
      </c>
      <c r="KI18" s="344">
        <v>738481</v>
      </c>
      <c r="KJ18" s="344">
        <v>1141302</v>
      </c>
      <c r="KK18" s="344">
        <v>590748</v>
      </c>
      <c r="KL18" s="348">
        <v>3432373</v>
      </c>
      <c r="KM18" s="353">
        <v>3432373</v>
      </c>
      <c r="KN18" s="341">
        <v>0</v>
      </c>
      <c r="KO18" s="342">
        <v>0</v>
      </c>
      <c r="KP18" s="343">
        <v>0</v>
      </c>
      <c r="KQ18" s="403">
        <v>0</v>
      </c>
      <c r="KR18" s="344">
        <v>435455</v>
      </c>
      <c r="KS18" s="344">
        <v>252371</v>
      </c>
      <c r="KT18" s="344">
        <v>255163</v>
      </c>
      <c r="KU18" s="344">
        <v>782996</v>
      </c>
      <c r="KV18" s="344">
        <v>532004</v>
      </c>
      <c r="KW18" s="348">
        <v>2257989</v>
      </c>
      <c r="KX18" s="346">
        <v>2257989</v>
      </c>
      <c r="KY18" s="347">
        <v>0</v>
      </c>
      <c r="KZ18" s="344">
        <v>0</v>
      </c>
      <c r="LA18" s="348">
        <v>0</v>
      </c>
      <c r="LB18" s="403">
        <v>0</v>
      </c>
      <c r="LC18" s="344">
        <v>0</v>
      </c>
      <c r="LD18" s="344">
        <v>564849</v>
      </c>
      <c r="LE18" s="344">
        <v>98480</v>
      </c>
      <c r="LF18" s="344">
        <v>447275</v>
      </c>
      <c r="LG18" s="344">
        <v>0</v>
      </c>
      <c r="LH18" s="348">
        <v>1110604</v>
      </c>
      <c r="LI18" s="349">
        <v>1110604</v>
      </c>
      <c r="LJ18" s="347">
        <v>0</v>
      </c>
      <c r="LK18" s="344">
        <v>0</v>
      </c>
      <c r="LL18" s="348">
        <v>0</v>
      </c>
      <c r="LM18" s="403">
        <v>0</v>
      </c>
      <c r="LN18" s="344">
        <v>0</v>
      </c>
      <c r="LO18" s="344">
        <v>0</v>
      </c>
      <c r="LP18" s="344">
        <v>259987</v>
      </c>
      <c r="LQ18" s="344">
        <v>0</v>
      </c>
      <c r="LR18" s="344">
        <v>431132</v>
      </c>
      <c r="LS18" s="348">
        <v>691119</v>
      </c>
      <c r="LT18" s="346">
        <v>691119</v>
      </c>
      <c r="LU18" s="347">
        <v>0</v>
      </c>
      <c r="LV18" s="344">
        <v>0</v>
      </c>
      <c r="LW18" s="348">
        <v>0</v>
      </c>
      <c r="LX18" s="403">
        <v>0</v>
      </c>
      <c r="LY18" s="344">
        <v>0</v>
      </c>
      <c r="LZ18" s="344">
        <v>194508</v>
      </c>
      <c r="MA18" s="344">
        <v>0</v>
      </c>
      <c r="MB18" s="344">
        <v>727777</v>
      </c>
      <c r="MC18" s="344">
        <v>0</v>
      </c>
      <c r="MD18" s="348">
        <v>922285</v>
      </c>
      <c r="ME18" s="349">
        <v>922285</v>
      </c>
      <c r="MF18" s="347">
        <v>0</v>
      </c>
      <c r="MG18" s="344">
        <v>0</v>
      </c>
      <c r="MH18" s="348">
        <v>0</v>
      </c>
      <c r="MI18" s="403">
        <v>0</v>
      </c>
      <c r="MJ18" s="344">
        <v>279750</v>
      </c>
      <c r="MK18" s="344">
        <v>842176</v>
      </c>
      <c r="ML18" s="344">
        <v>4791718</v>
      </c>
      <c r="MM18" s="344">
        <v>5230303</v>
      </c>
      <c r="MN18" s="344">
        <v>2824291</v>
      </c>
      <c r="MO18" s="348">
        <v>13968238</v>
      </c>
      <c r="MP18" s="353">
        <v>13968238</v>
      </c>
      <c r="MQ18" s="347">
        <v>0</v>
      </c>
      <c r="MR18" s="344">
        <v>0</v>
      </c>
      <c r="MS18" s="348">
        <v>0</v>
      </c>
      <c r="MT18" s="403">
        <v>0</v>
      </c>
      <c r="MU18" s="344">
        <v>0</v>
      </c>
      <c r="MV18" s="344">
        <v>0</v>
      </c>
      <c r="MW18" s="344">
        <v>2311530</v>
      </c>
      <c r="MX18" s="344">
        <v>2476398</v>
      </c>
      <c r="MY18" s="344">
        <v>1347212</v>
      </c>
      <c r="MZ18" s="348">
        <v>6135140</v>
      </c>
      <c r="NA18" s="353">
        <v>6135140</v>
      </c>
      <c r="NB18" s="347">
        <v>0</v>
      </c>
      <c r="NC18" s="344">
        <v>0</v>
      </c>
      <c r="ND18" s="348">
        <v>0</v>
      </c>
      <c r="NE18" s="403">
        <v>0</v>
      </c>
      <c r="NF18" s="344">
        <v>279750</v>
      </c>
      <c r="NG18" s="344">
        <v>842176</v>
      </c>
      <c r="NH18" s="344">
        <v>2480188</v>
      </c>
      <c r="NI18" s="344">
        <v>2753905</v>
      </c>
      <c r="NJ18" s="344">
        <v>1477079</v>
      </c>
      <c r="NK18" s="348">
        <v>7833098</v>
      </c>
      <c r="NL18" s="346">
        <v>7833098</v>
      </c>
      <c r="NM18" s="347">
        <v>0</v>
      </c>
      <c r="NN18" s="344">
        <v>0</v>
      </c>
      <c r="NO18" s="348">
        <v>0</v>
      </c>
      <c r="NP18" s="403">
        <v>0</v>
      </c>
      <c r="NQ18" s="344">
        <v>0</v>
      </c>
      <c r="NR18" s="344">
        <v>0</v>
      </c>
      <c r="NS18" s="344">
        <v>0</v>
      </c>
      <c r="NT18" s="344">
        <v>0</v>
      </c>
      <c r="NU18" s="344">
        <v>0</v>
      </c>
      <c r="NV18" s="348">
        <v>0</v>
      </c>
      <c r="NW18" s="349">
        <v>0</v>
      </c>
      <c r="NX18" s="347">
        <v>0</v>
      </c>
      <c r="NY18" s="344">
        <v>0</v>
      </c>
      <c r="NZ18" s="348">
        <v>0</v>
      </c>
      <c r="OA18" s="403">
        <v>0</v>
      </c>
      <c r="OB18" s="344">
        <v>0</v>
      </c>
      <c r="OC18" s="344">
        <v>0</v>
      </c>
      <c r="OD18" s="344">
        <v>0</v>
      </c>
      <c r="OE18" s="344">
        <v>0</v>
      </c>
      <c r="OF18" s="344">
        <v>0</v>
      </c>
      <c r="OG18" s="348">
        <v>0</v>
      </c>
      <c r="OH18" s="349">
        <v>0</v>
      </c>
      <c r="OI18" s="347">
        <v>951795</v>
      </c>
      <c r="OJ18" s="344">
        <v>2323495</v>
      </c>
      <c r="OK18" s="345">
        <v>3275290</v>
      </c>
      <c r="OL18" s="350">
        <v>0</v>
      </c>
      <c r="OM18" s="344">
        <v>8955904</v>
      </c>
      <c r="ON18" s="344">
        <v>14279192</v>
      </c>
      <c r="OO18" s="344">
        <v>15750996</v>
      </c>
      <c r="OP18" s="344">
        <v>21141550</v>
      </c>
      <c r="OQ18" s="344">
        <v>8831923</v>
      </c>
      <c r="OR18" s="348">
        <v>68959565</v>
      </c>
      <c r="OS18" s="353">
        <v>72234855</v>
      </c>
    </row>
    <row r="19" spans="2:409" s="70" customFormat="1" ht="21" customHeight="1" x14ac:dyDescent="0.2">
      <c r="B19" s="409" t="s">
        <v>13</v>
      </c>
      <c r="C19" s="325">
        <v>78609</v>
      </c>
      <c r="D19" s="326">
        <v>160179</v>
      </c>
      <c r="E19" s="327">
        <v>238788</v>
      </c>
      <c r="F19" s="325">
        <v>0</v>
      </c>
      <c r="G19" s="365">
        <v>2834674</v>
      </c>
      <c r="H19" s="326">
        <v>4569930</v>
      </c>
      <c r="I19" s="326">
        <v>5096398</v>
      </c>
      <c r="J19" s="326">
        <v>3457782</v>
      </c>
      <c r="K19" s="326">
        <v>4609779</v>
      </c>
      <c r="L19" s="330">
        <v>20568563</v>
      </c>
      <c r="M19" s="329">
        <v>20807351</v>
      </c>
      <c r="N19" s="325">
        <v>24340</v>
      </c>
      <c r="O19" s="326">
        <v>44148</v>
      </c>
      <c r="P19" s="327">
        <v>68488</v>
      </c>
      <c r="Q19" s="325">
        <v>0</v>
      </c>
      <c r="R19" s="326">
        <v>552977</v>
      </c>
      <c r="S19" s="326">
        <v>1912990</v>
      </c>
      <c r="T19" s="326">
        <v>1580607</v>
      </c>
      <c r="U19" s="326">
        <v>1291508</v>
      </c>
      <c r="V19" s="326">
        <v>2926531</v>
      </c>
      <c r="W19" s="327">
        <v>8264613</v>
      </c>
      <c r="X19" s="329">
        <v>8333101</v>
      </c>
      <c r="Y19" s="325">
        <v>0</v>
      </c>
      <c r="Z19" s="326">
        <v>0</v>
      </c>
      <c r="AA19" s="327">
        <v>0</v>
      </c>
      <c r="AB19" s="325">
        <v>0</v>
      </c>
      <c r="AC19" s="326">
        <v>220598</v>
      </c>
      <c r="AD19" s="326">
        <v>621413</v>
      </c>
      <c r="AE19" s="326">
        <v>721711</v>
      </c>
      <c r="AF19" s="326">
        <v>707169</v>
      </c>
      <c r="AG19" s="326">
        <v>1753210</v>
      </c>
      <c r="AH19" s="327">
        <v>4024101</v>
      </c>
      <c r="AI19" s="329">
        <v>4024101</v>
      </c>
      <c r="AJ19" s="325">
        <v>0</v>
      </c>
      <c r="AK19" s="326">
        <v>0</v>
      </c>
      <c r="AL19" s="327">
        <v>0</v>
      </c>
      <c r="AM19" s="325">
        <v>0</v>
      </c>
      <c r="AN19" s="326">
        <v>0</v>
      </c>
      <c r="AO19" s="326">
        <v>0</v>
      </c>
      <c r="AP19" s="326">
        <v>0</v>
      </c>
      <c r="AQ19" s="326">
        <v>140242</v>
      </c>
      <c r="AR19" s="326">
        <v>330013</v>
      </c>
      <c r="AS19" s="327">
        <v>470255</v>
      </c>
      <c r="AT19" s="329">
        <v>470255</v>
      </c>
      <c r="AU19" s="325">
        <v>0</v>
      </c>
      <c r="AV19" s="326">
        <v>44148</v>
      </c>
      <c r="AW19" s="327">
        <v>44148</v>
      </c>
      <c r="AX19" s="325">
        <v>0</v>
      </c>
      <c r="AY19" s="326">
        <v>137646</v>
      </c>
      <c r="AZ19" s="326">
        <v>952249</v>
      </c>
      <c r="BA19" s="326">
        <v>577234</v>
      </c>
      <c r="BB19" s="326">
        <v>221321</v>
      </c>
      <c r="BC19" s="326">
        <v>613016</v>
      </c>
      <c r="BD19" s="327">
        <v>2501466</v>
      </c>
      <c r="BE19" s="329">
        <v>2545614</v>
      </c>
      <c r="BF19" s="325">
        <v>16084</v>
      </c>
      <c r="BG19" s="326">
        <v>0</v>
      </c>
      <c r="BH19" s="330">
        <v>16084</v>
      </c>
      <c r="BI19" s="331">
        <v>0</v>
      </c>
      <c r="BJ19" s="326">
        <v>9917</v>
      </c>
      <c r="BK19" s="326">
        <v>31416</v>
      </c>
      <c r="BL19" s="326">
        <v>10966</v>
      </c>
      <c r="BM19" s="326">
        <v>0</v>
      </c>
      <c r="BN19" s="326">
        <v>32900</v>
      </c>
      <c r="BO19" s="327">
        <v>85199</v>
      </c>
      <c r="BP19" s="329">
        <v>101283</v>
      </c>
      <c r="BQ19" s="325">
        <v>8256</v>
      </c>
      <c r="BR19" s="326">
        <v>0</v>
      </c>
      <c r="BS19" s="327">
        <v>8256</v>
      </c>
      <c r="BT19" s="325">
        <v>0</v>
      </c>
      <c r="BU19" s="326">
        <v>184816</v>
      </c>
      <c r="BV19" s="326">
        <v>307912</v>
      </c>
      <c r="BW19" s="326">
        <v>270696</v>
      </c>
      <c r="BX19" s="326">
        <v>222776</v>
      </c>
      <c r="BY19" s="326">
        <v>197392</v>
      </c>
      <c r="BZ19" s="327">
        <v>1183592</v>
      </c>
      <c r="CA19" s="329">
        <v>1191848</v>
      </c>
      <c r="CB19" s="325">
        <v>0</v>
      </c>
      <c r="CC19" s="326">
        <v>40115</v>
      </c>
      <c r="CD19" s="327">
        <v>40115</v>
      </c>
      <c r="CE19" s="325">
        <v>0</v>
      </c>
      <c r="CF19" s="326">
        <v>733108</v>
      </c>
      <c r="CG19" s="326">
        <v>703586</v>
      </c>
      <c r="CH19" s="326">
        <v>827262</v>
      </c>
      <c r="CI19" s="326">
        <v>375375</v>
      </c>
      <c r="CJ19" s="326">
        <v>313969</v>
      </c>
      <c r="CK19" s="327">
        <v>2953300</v>
      </c>
      <c r="CL19" s="329">
        <v>2993415</v>
      </c>
      <c r="CM19" s="325">
        <v>0</v>
      </c>
      <c r="CN19" s="326">
        <v>0</v>
      </c>
      <c r="CO19" s="327">
        <v>0</v>
      </c>
      <c r="CP19" s="331">
        <v>0</v>
      </c>
      <c r="CQ19" s="326">
        <v>561141</v>
      </c>
      <c r="CR19" s="326">
        <v>608853</v>
      </c>
      <c r="CS19" s="326">
        <v>742450</v>
      </c>
      <c r="CT19" s="326">
        <v>375375</v>
      </c>
      <c r="CU19" s="326">
        <v>27428</v>
      </c>
      <c r="CV19" s="327">
        <v>2315247</v>
      </c>
      <c r="CW19" s="329">
        <v>2315247</v>
      </c>
      <c r="CX19" s="325">
        <v>0</v>
      </c>
      <c r="CY19" s="326">
        <v>40115</v>
      </c>
      <c r="CZ19" s="327">
        <v>40115</v>
      </c>
      <c r="DA19" s="325">
        <v>0</v>
      </c>
      <c r="DB19" s="326">
        <v>171967</v>
      </c>
      <c r="DC19" s="326">
        <v>94733</v>
      </c>
      <c r="DD19" s="326">
        <v>84812</v>
      </c>
      <c r="DE19" s="326">
        <v>0</v>
      </c>
      <c r="DF19" s="326">
        <v>286541</v>
      </c>
      <c r="DG19" s="327">
        <v>638053</v>
      </c>
      <c r="DH19" s="329">
        <v>678168</v>
      </c>
      <c r="DI19" s="325">
        <v>0</v>
      </c>
      <c r="DJ19" s="326">
        <v>27708</v>
      </c>
      <c r="DK19" s="330">
        <v>27708</v>
      </c>
      <c r="DL19" s="331">
        <v>0</v>
      </c>
      <c r="DM19" s="326">
        <v>263893</v>
      </c>
      <c r="DN19" s="326">
        <v>134997</v>
      </c>
      <c r="DO19" s="326">
        <v>103588</v>
      </c>
      <c r="DP19" s="326">
        <v>30940</v>
      </c>
      <c r="DQ19" s="326">
        <v>110653</v>
      </c>
      <c r="DR19" s="327">
        <v>644071</v>
      </c>
      <c r="DS19" s="329">
        <v>671779</v>
      </c>
      <c r="DT19" s="325">
        <v>0</v>
      </c>
      <c r="DU19" s="326">
        <v>27708</v>
      </c>
      <c r="DV19" s="327">
        <v>27708</v>
      </c>
      <c r="DW19" s="325">
        <v>0</v>
      </c>
      <c r="DX19" s="326">
        <v>263893</v>
      </c>
      <c r="DY19" s="326">
        <v>67803</v>
      </c>
      <c r="DZ19" s="326">
        <v>103588</v>
      </c>
      <c r="EA19" s="326">
        <v>30940</v>
      </c>
      <c r="EB19" s="326">
        <v>110653</v>
      </c>
      <c r="EC19" s="327">
        <v>576877</v>
      </c>
      <c r="ED19" s="329">
        <v>604585</v>
      </c>
      <c r="EE19" s="325">
        <v>0</v>
      </c>
      <c r="EF19" s="330">
        <v>0</v>
      </c>
      <c r="EG19" s="327">
        <v>0</v>
      </c>
      <c r="EH19" s="325">
        <v>0</v>
      </c>
      <c r="EI19" s="326">
        <v>0</v>
      </c>
      <c r="EJ19" s="326">
        <v>67194</v>
      </c>
      <c r="EK19" s="326">
        <v>0</v>
      </c>
      <c r="EL19" s="326">
        <v>0</v>
      </c>
      <c r="EM19" s="326">
        <v>0</v>
      </c>
      <c r="EN19" s="330">
        <v>67194</v>
      </c>
      <c r="EO19" s="329">
        <v>67194</v>
      </c>
      <c r="EP19" s="325">
        <v>0</v>
      </c>
      <c r="EQ19" s="326">
        <v>0</v>
      </c>
      <c r="ER19" s="330">
        <v>0</v>
      </c>
      <c r="ES19" s="331">
        <v>0</v>
      </c>
      <c r="ET19" s="326">
        <v>0</v>
      </c>
      <c r="EU19" s="326">
        <v>0</v>
      </c>
      <c r="EV19" s="326">
        <v>0</v>
      </c>
      <c r="EW19" s="326">
        <v>0</v>
      </c>
      <c r="EX19" s="326">
        <v>0</v>
      </c>
      <c r="EY19" s="327">
        <v>0</v>
      </c>
      <c r="EZ19" s="329">
        <v>0</v>
      </c>
      <c r="FA19" s="325">
        <v>0</v>
      </c>
      <c r="FB19" s="326">
        <v>0</v>
      </c>
      <c r="FC19" s="330">
        <v>0</v>
      </c>
      <c r="FD19" s="331">
        <v>0</v>
      </c>
      <c r="FE19" s="326">
        <v>0</v>
      </c>
      <c r="FF19" s="326">
        <v>0</v>
      </c>
      <c r="FG19" s="326">
        <v>0</v>
      </c>
      <c r="FH19" s="326">
        <v>0</v>
      </c>
      <c r="FI19" s="326">
        <v>0</v>
      </c>
      <c r="FJ19" s="327">
        <v>0</v>
      </c>
      <c r="FK19" s="329">
        <v>0</v>
      </c>
      <c r="FL19" s="325">
        <v>3440</v>
      </c>
      <c r="FM19" s="326">
        <v>48208</v>
      </c>
      <c r="FN19" s="327">
        <v>51648</v>
      </c>
      <c r="FO19" s="325">
        <v>0</v>
      </c>
      <c r="FP19" s="326">
        <v>103472</v>
      </c>
      <c r="FQ19" s="326">
        <v>465088</v>
      </c>
      <c r="FR19" s="326">
        <v>314124</v>
      </c>
      <c r="FS19" s="326">
        <v>366320</v>
      </c>
      <c r="FT19" s="326">
        <v>315524</v>
      </c>
      <c r="FU19" s="327">
        <v>1564528</v>
      </c>
      <c r="FV19" s="329">
        <v>1616176</v>
      </c>
      <c r="FW19" s="332">
        <v>3440</v>
      </c>
      <c r="FX19" s="326">
        <v>24976</v>
      </c>
      <c r="FY19" s="330">
        <v>28416</v>
      </c>
      <c r="FZ19" s="331">
        <v>0</v>
      </c>
      <c r="GA19" s="326">
        <v>103472</v>
      </c>
      <c r="GB19" s="326">
        <v>428128</v>
      </c>
      <c r="GC19" s="326">
        <v>255888</v>
      </c>
      <c r="GD19" s="326">
        <v>257488</v>
      </c>
      <c r="GE19" s="326">
        <v>275968</v>
      </c>
      <c r="GF19" s="327">
        <v>1320944</v>
      </c>
      <c r="GG19" s="333">
        <v>1349360</v>
      </c>
      <c r="GH19" s="332">
        <v>0</v>
      </c>
      <c r="GI19" s="326">
        <v>23232</v>
      </c>
      <c r="GJ19" s="330">
        <v>23232</v>
      </c>
      <c r="GK19" s="331">
        <v>0</v>
      </c>
      <c r="GL19" s="326">
        <v>0</v>
      </c>
      <c r="GM19" s="326">
        <v>36960</v>
      </c>
      <c r="GN19" s="326">
        <v>52712</v>
      </c>
      <c r="GO19" s="326">
        <v>23232</v>
      </c>
      <c r="GP19" s="326">
        <v>24948</v>
      </c>
      <c r="GQ19" s="327">
        <v>137852</v>
      </c>
      <c r="GR19" s="329">
        <v>161084</v>
      </c>
      <c r="GS19" s="325">
        <v>0</v>
      </c>
      <c r="GT19" s="326">
        <v>0</v>
      </c>
      <c r="GU19" s="327">
        <v>0</v>
      </c>
      <c r="GV19" s="325">
        <v>0</v>
      </c>
      <c r="GW19" s="326">
        <v>0</v>
      </c>
      <c r="GX19" s="326">
        <v>0</v>
      </c>
      <c r="GY19" s="326">
        <v>5524</v>
      </c>
      <c r="GZ19" s="326">
        <v>85600</v>
      </c>
      <c r="HA19" s="326">
        <v>14608</v>
      </c>
      <c r="HB19" s="330">
        <v>105732</v>
      </c>
      <c r="HC19" s="329">
        <v>105732</v>
      </c>
      <c r="HD19" s="325">
        <v>50829</v>
      </c>
      <c r="HE19" s="326">
        <v>0</v>
      </c>
      <c r="HF19" s="330">
        <v>50829</v>
      </c>
      <c r="HG19" s="331">
        <v>0</v>
      </c>
      <c r="HH19" s="326">
        <v>1181224</v>
      </c>
      <c r="HI19" s="326">
        <v>1353269</v>
      </c>
      <c r="HJ19" s="326">
        <v>2270817</v>
      </c>
      <c r="HK19" s="326">
        <v>1393639</v>
      </c>
      <c r="HL19" s="326">
        <v>943102</v>
      </c>
      <c r="HM19" s="327">
        <v>7142051</v>
      </c>
      <c r="HN19" s="328">
        <v>7192880</v>
      </c>
      <c r="HO19" s="332">
        <v>0</v>
      </c>
      <c r="HP19" s="326">
        <v>0</v>
      </c>
      <c r="HQ19" s="327">
        <v>0</v>
      </c>
      <c r="HR19" s="325">
        <v>0</v>
      </c>
      <c r="HS19" s="326">
        <v>0</v>
      </c>
      <c r="HT19" s="326">
        <v>0</v>
      </c>
      <c r="HU19" s="326">
        <v>0</v>
      </c>
      <c r="HV19" s="326">
        <v>0</v>
      </c>
      <c r="HW19" s="326">
        <v>0</v>
      </c>
      <c r="HX19" s="330">
        <v>0</v>
      </c>
      <c r="HY19" s="329">
        <v>0</v>
      </c>
      <c r="HZ19" s="334">
        <v>0</v>
      </c>
      <c r="IA19" s="335">
        <v>0</v>
      </c>
      <c r="IB19" s="336">
        <v>0</v>
      </c>
      <c r="IC19" s="337">
        <v>0</v>
      </c>
      <c r="ID19" s="335">
        <v>1109701</v>
      </c>
      <c r="IE19" s="338">
        <v>931175</v>
      </c>
      <c r="IF19" s="336">
        <v>817935</v>
      </c>
      <c r="IG19" s="335">
        <v>819550</v>
      </c>
      <c r="IH19" s="336">
        <v>812110</v>
      </c>
      <c r="II19" s="339">
        <v>4490471</v>
      </c>
      <c r="IJ19" s="340">
        <v>4490471</v>
      </c>
      <c r="IK19" s="341">
        <v>0</v>
      </c>
      <c r="IL19" s="342">
        <v>0</v>
      </c>
      <c r="IM19" s="343">
        <v>0</v>
      </c>
      <c r="IN19" s="403">
        <v>0</v>
      </c>
      <c r="IO19" s="344">
        <v>0</v>
      </c>
      <c r="IP19" s="344">
        <v>0</v>
      </c>
      <c r="IQ19" s="344">
        <v>0</v>
      </c>
      <c r="IR19" s="344">
        <v>0</v>
      </c>
      <c r="IS19" s="344">
        <v>0</v>
      </c>
      <c r="IT19" s="345">
        <v>0</v>
      </c>
      <c r="IU19" s="346">
        <v>0</v>
      </c>
      <c r="IV19" s="347">
        <v>0</v>
      </c>
      <c r="IW19" s="344">
        <v>0</v>
      </c>
      <c r="IX19" s="348">
        <v>0</v>
      </c>
      <c r="IY19" s="403">
        <v>0</v>
      </c>
      <c r="IZ19" s="344">
        <v>0</v>
      </c>
      <c r="JA19" s="344">
        <v>0</v>
      </c>
      <c r="JB19" s="344">
        <v>0</v>
      </c>
      <c r="JC19" s="344">
        <v>0</v>
      </c>
      <c r="JD19" s="344">
        <v>0</v>
      </c>
      <c r="JE19" s="348">
        <v>0</v>
      </c>
      <c r="JF19" s="349">
        <v>0</v>
      </c>
      <c r="JG19" s="347">
        <v>0</v>
      </c>
      <c r="JH19" s="344">
        <v>0</v>
      </c>
      <c r="JI19" s="345">
        <v>0</v>
      </c>
      <c r="JJ19" s="350">
        <v>0</v>
      </c>
      <c r="JK19" s="344">
        <v>749468</v>
      </c>
      <c r="JL19" s="344">
        <v>459280</v>
      </c>
      <c r="JM19" s="344">
        <v>184203</v>
      </c>
      <c r="JN19" s="344">
        <v>308499</v>
      </c>
      <c r="JO19" s="344">
        <v>0</v>
      </c>
      <c r="JP19" s="348">
        <v>1701450</v>
      </c>
      <c r="JQ19" s="346">
        <v>1701450</v>
      </c>
      <c r="JR19" s="347">
        <v>0</v>
      </c>
      <c r="JS19" s="344">
        <v>0</v>
      </c>
      <c r="JT19" s="345">
        <v>0</v>
      </c>
      <c r="JU19" s="350">
        <v>0</v>
      </c>
      <c r="JV19" s="344">
        <v>0</v>
      </c>
      <c r="JW19" s="344">
        <v>123084</v>
      </c>
      <c r="JX19" s="344">
        <v>386717</v>
      </c>
      <c r="JY19" s="344">
        <v>0</v>
      </c>
      <c r="JZ19" s="344">
        <v>55908</v>
      </c>
      <c r="KA19" s="348">
        <v>565709</v>
      </c>
      <c r="KB19" s="346">
        <v>565709</v>
      </c>
      <c r="KC19" s="351">
        <v>0</v>
      </c>
      <c r="KD19" s="352">
        <v>0</v>
      </c>
      <c r="KE19" s="348">
        <v>0</v>
      </c>
      <c r="KF19" s="350">
        <v>0</v>
      </c>
      <c r="KG19" s="344">
        <v>120040</v>
      </c>
      <c r="KH19" s="344">
        <v>348811</v>
      </c>
      <c r="KI19" s="344">
        <v>0</v>
      </c>
      <c r="KJ19" s="344">
        <v>0</v>
      </c>
      <c r="KK19" s="344">
        <v>284442</v>
      </c>
      <c r="KL19" s="348">
        <v>753293</v>
      </c>
      <c r="KM19" s="353">
        <v>753293</v>
      </c>
      <c r="KN19" s="341">
        <v>0</v>
      </c>
      <c r="KO19" s="342">
        <v>0</v>
      </c>
      <c r="KP19" s="343">
        <v>0</v>
      </c>
      <c r="KQ19" s="403">
        <v>0</v>
      </c>
      <c r="KR19" s="344">
        <v>240193</v>
      </c>
      <c r="KS19" s="344">
        <v>0</v>
      </c>
      <c r="KT19" s="344">
        <v>247015</v>
      </c>
      <c r="KU19" s="344">
        <v>511051</v>
      </c>
      <c r="KV19" s="344">
        <v>471760</v>
      </c>
      <c r="KW19" s="348">
        <v>1470019</v>
      </c>
      <c r="KX19" s="346">
        <v>1470019</v>
      </c>
      <c r="KY19" s="347">
        <v>0</v>
      </c>
      <c r="KZ19" s="344">
        <v>0</v>
      </c>
      <c r="LA19" s="348">
        <v>0</v>
      </c>
      <c r="LB19" s="403">
        <v>0</v>
      </c>
      <c r="LC19" s="344">
        <v>0</v>
      </c>
      <c r="LD19" s="344">
        <v>0</v>
      </c>
      <c r="LE19" s="344">
        <v>0</v>
      </c>
      <c r="LF19" s="344">
        <v>0</v>
      </c>
      <c r="LG19" s="344">
        <v>0</v>
      </c>
      <c r="LH19" s="348">
        <v>0</v>
      </c>
      <c r="LI19" s="349">
        <v>0</v>
      </c>
      <c r="LJ19" s="347">
        <v>0</v>
      </c>
      <c r="LK19" s="344">
        <v>0</v>
      </c>
      <c r="LL19" s="348">
        <v>0</v>
      </c>
      <c r="LM19" s="403">
        <v>0</v>
      </c>
      <c r="LN19" s="344">
        <v>0</v>
      </c>
      <c r="LO19" s="344">
        <v>0</v>
      </c>
      <c r="LP19" s="344">
        <v>0</v>
      </c>
      <c r="LQ19" s="344">
        <v>0</v>
      </c>
      <c r="LR19" s="344">
        <v>0</v>
      </c>
      <c r="LS19" s="348">
        <v>0</v>
      </c>
      <c r="LT19" s="346">
        <v>0</v>
      </c>
      <c r="LU19" s="347">
        <v>0</v>
      </c>
      <c r="LV19" s="344">
        <v>0</v>
      </c>
      <c r="LW19" s="348">
        <v>0</v>
      </c>
      <c r="LX19" s="403">
        <v>0</v>
      </c>
      <c r="LY19" s="344">
        <v>0</v>
      </c>
      <c r="LZ19" s="344">
        <v>0</v>
      </c>
      <c r="MA19" s="344">
        <v>0</v>
      </c>
      <c r="MB19" s="344">
        <v>0</v>
      </c>
      <c r="MC19" s="344">
        <v>0</v>
      </c>
      <c r="MD19" s="348">
        <v>0</v>
      </c>
      <c r="ME19" s="349">
        <v>0</v>
      </c>
      <c r="MF19" s="347">
        <v>0</v>
      </c>
      <c r="MG19" s="344">
        <v>0</v>
      </c>
      <c r="MH19" s="348">
        <v>0</v>
      </c>
      <c r="MI19" s="403">
        <v>0</v>
      </c>
      <c r="MJ19" s="344">
        <v>0</v>
      </c>
      <c r="MK19" s="344">
        <v>273179</v>
      </c>
      <c r="ML19" s="344">
        <v>2854380</v>
      </c>
      <c r="MM19" s="344">
        <v>3224713</v>
      </c>
      <c r="MN19" s="344">
        <v>1202189</v>
      </c>
      <c r="MO19" s="348">
        <v>7554461</v>
      </c>
      <c r="MP19" s="353">
        <v>7554461</v>
      </c>
      <c r="MQ19" s="347">
        <v>0</v>
      </c>
      <c r="MR19" s="344">
        <v>0</v>
      </c>
      <c r="MS19" s="348">
        <v>0</v>
      </c>
      <c r="MT19" s="403">
        <v>0</v>
      </c>
      <c r="MU19" s="344">
        <v>0</v>
      </c>
      <c r="MV19" s="344">
        <v>0</v>
      </c>
      <c r="MW19" s="344">
        <v>1438837</v>
      </c>
      <c r="MX19" s="344">
        <v>2907273</v>
      </c>
      <c r="MY19" s="344">
        <v>1202189</v>
      </c>
      <c r="MZ19" s="348">
        <v>5548299</v>
      </c>
      <c r="NA19" s="353">
        <v>5548299</v>
      </c>
      <c r="NB19" s="347">
        <v>0</v>
      </c>
      <c r="NC19" s="344">
        <v>0</v>
      </c>
      <c r="ND19" s="348">
        <v>0</v>
      </c>
      <c r="NE19" s="403">
        <v>0</v>
      </c>
      <c r="NF19" s="344">
        <v>0</v>
      </c>
      <c r="NG19" s="344">
        <v>273179</v>
      </c>
      <c r="NH19" s="344">
        <v>1415543</v>
      </c>
      <c r="NI19" s="344">
        <v>317440</v>
      </c>
      <c r="NJ19" s="344">
        <v>0</v>
      </c>
      <c r="NK19" s="348">
        <v>2006162</v>
      </c>
      <c r="NL19" s="346">
        <v>2006162</v>
      </c>
      <c r="NM19" s="347">
        <v>0</v>
      </c>
      <c r="NN19" s="344">
        <v>0</v>
      </c>
      <c r="NO19" s="348">
        <v>0</v>
      </c>
      <c r="NP19" s="403">
        <v>0</v>
      </c>
      <c r="NQ19" s="344">
        <v>0</v>
      </c>
      <c r="NR19" s="344">
        <v>0</v>
      </c>
      <c r="NS19" s="344">
        <v>0</v>
      </c>
      <c r="NT19" s="344">
        <v>0</v>
      </c>
      <c r="NU19" s="344">
        <v>0</v>
      </c>
      <c r="NV19" s="348">
        <v>0</v>
      </c>
      <c r="NW19" s="349">
        <v>0</v>
      </c>
      <c r="NX19" s="347">
        <v>0</v>
      </c>
      <c r="NY19" s="344">
        <v>0</v>
      </c>
      <c r="NZ19" s="348">
        <v>0</v>
      </c>
      <c r="OA19" s="403">
        <v>0</v>
      </c>
      <c r="OB19" s="344">
        <v>0</v>
      </c>
      <c r="OC19" s="344">
        <v>0</v>
      </c>
      <c r="OD19" s="344">
        <v>0</v>
      </c>
      <c r="OE19" s="344">
        <v>0</v>
      </c>
      <c r="OF19" s="344">
        <v>0</v>
      </c>
      <c r="OG19" s="348">
        <v>0</v>
      </c>
      <c r="OH19" s="349">
        <v>0</v>
      </c>
      <c r="OI19" s="347">
        <v>78609</v>
      </c>
      <c r="OJ19" s="344">
        <v>160179</v>
      </c>
      <c r="OK19" s="345">
        <v>238788</v>
      </c>
      <c r="OL19" s="350">
        <v>0</v>
      </c>
      <c r="OM19" s="344">
        <v>3944375</v>
      </c>
      <c r="ON19" s="344">
        <v>5774284</v>
      </c>
      <c r="OO19" s="344">
        <v>8768713</v>
      </c>
      <c r="OP19" s="344">
        <v>7502045</v>
      </c>
      <c r="OQ19" s="344">
        <v>6624078</v>
      </c>
      <c r="OR19" s="348">
        <v>32613495</v>
      </c>
      <c r="OS19" s="353">
        <v>32852283</v>
      </c>
    </row>
    <row r="20" spans="2:409" s="70" customFormat="1" ht="21" customHeight="1" x14ac:dyDescent="0.2">
      <c r="B20" s="409" t="s">
        <v>15</v>
      </c>
      <c r="C20" s="325">
        <v>92888</v>
      </c>
      <c r="D20" s="326">
        <v>563697</v>
      </c>
      <c r="E20" s="327">
        <v>656585</v>
      </c>
      <c r="F20" s="328">
        <v>0</v>
      </c>
      <c r="G20" s="326">
        <v>1897401</v>
      </c>
      <c r="H20" s="326">
        <v>1146172</v>
      </c>
      <c r="I20" s="326">
        <v>2428779</v>
      </c>
      <c r="J20" s="326">
        <v>2449931</v>
      </c>
      <c r="K20" s="326">
        <v>332004</v>
      </c>
      <c r="L20" s="328">
        <v>8254287</v>
      </c>
      <c r="M20" s="329">
        <v>8910872</v>
      </c>
      <c r="N20" s="325">
        <v>0</v>
      </c>
      <c r="O20" s="326">
        <v>29948</v>
      </c>
      <c r="P20" s="327">
        <v>29948</v>
      </c>
      <c r="Q20" s="325">
        <v>0</v>
      </c>
      <c r="R20" s="326">
        <v>644854</v>
      </c>
      <c r="S20" s="326">
        <v>409074</v>
      </c>
      <c r="T20" s="326">
        <v>280502</v>
      </c>
      <c r="U20" s="326">
        <v>1467697</v>
      </c>
      <c r="V20" s="326">
        <v>287684</v>
      </c>
      <c r="W20" s="327">
        <v>3089811</v>
      </c>
      <c r="X20" s="329">
        <v>3119759</v>
      </c>
      <c r="Y20" s="325">
        <v>0</v>
      </c>
      <c r="Z20" s="326">
        <v>0</v>
      </c>
      <c r="AA20" s="327">
        <v>0</v>
      </c>
      <c r="AB20" s="325">
        <v>0</v>
      </c>
      <c r="AC20" s="326">
        <v>216486</v>
      </c>
      <c r="AD20" s="326">
        <v>103148</v>
      </c>
      <c r="AE20" s="326">
        <v>46748</v>
      </c>
      <c r="AF20" s="326">
        <v>1120948</v>
      </c>
      <c r="AG20" s="326">
        <v>280724</v>
      </c>
      <c r="AH20" s="327">
        <v>1768054</v>
      </c>
      <c r="AI20" s="329">
        <v>1768054</v>
      </c>
      <c r="AJ20" s="325">
        <v>0</v>
      </c>
      <c r="AK20" s="326">
        <v>0</v>
      </c>
      <c r="AL20" s="327">
        <v>0</v>
      </c>
      <c r="AM20" s="325">
        <v>0</v>
      </c>
      <c r="AN20" s="326">
        <v>0</v>
      </c>
      <c r="AO20" s="326">
        <v>46763</v>
      </c>
      <c r="AP20" s="326">
        <v>0</v>
      </c>
      <c r="AQ20" s="326">
        <v>81841</v>
      </c>
      <c r="AR20" s="326">
        <v>0</v>
      </c>
      <c r="AS20" s="327">
        <v>128604</v>
      </c>
      <c r="AT20" s="329">
        <v>128604</v>
      </c>
      <c r="AU20" s="325">
        <v>0</v>
      </c>
      <c r="AV20" s="326">
        <v>19036</v>
      </c>
      <c r="AW20" s="327">
        <v>19036</v>
      </c>
      <c r="AX20" s="325">
        <v>0</v>
      </c>
      <c r="AY20" s="326">
        <v>276957</v>
      </c>
      <c r="AZ20" s="326">
        <v>144997</v>
      </c>
      <c r="BA20" s="326">
        <v>120994</v>
      </c>
      <c r="BB20" s="326">
        <v>183188</v>
      </c>
      <c r="BC20" s="326">
        <v>0</v>
      </c>
      <c r="BD20" s="327">
        <v>726136</v>
      </c>
      <c r="BE20" s="329">
        <v>745172</v>
      </c>
      <c r="BF20" s="325">
        <v>0</v>
      </c>
      <c r="BG20" s="326">
        <v>0</v>
      </c>
      <c r="BH20" s="330">
        <v>0</v>
      </c>
      <c r="BI20" s="331">
        <v>0</v>
      </c>
      <c r="BJ20" s="326">
        <v>21707</v>
      </c>
      <c r="BK20" s="326">
        <v>69838</v>
      </c>
      <c r="BL20" s="326">
        <v>0</v>
      </c>
      <c r="BM20" s="326">
        <v>0</v>
      </c>
      <c r="BN20" s="326">
        <v>0</v>
      </c>
      <c r="BO20" s="327">
        <v>91545</v>
      </c>
      <c r="BP20" s="329">
        <v>91545</v>
      </c>
      <c r="BQ20" s="325">
        <v>0</v>
      </c>
      <c r="BR20" s="326">
        <v>10912</v>
      </c>
      <c r="BS20" s="327">
        <v>10912</v>
      </c>
      <c r="BT20" s="325">
        <v>0</v>
      </c>
      <c r="BU20" s="326">
        <v>129704</v>
      </c>
      <c r="BV20" s="326">
        <v>44328</v>
      </c>
      <c r="BW20" s="326">
        <v>112760</v>
      </c>
      <c r="BX20" s="326">
        <v>81720</v>
      </c>
      <c r="BY20" s="326">
        <v>6960</v>
      </c>
      <c r="BZ20" s="327">
        <v>375472</v>
      </c>
      <c r="CA20" s="329">
        <v>386384</v>
      </c>
      <c r="CB20" s="325">
        <v>19225</v>
      </c>
      <c r="CC20" s="326">
        <v>0</v>
      </c>
      <c r="CD20" s="327">
        <v>19225</v>
      </c>
      <c r="CE20" s="325">
        <v>0</v>
      </c>
      <c r="CF20" s="326">
        <v>257091</v>
      </c>
      <c r="CG20" s="326">
        <v>232156</v>
      </c>
      <c r="CH20" s="326">
        <v>732601</v>
      </c>
      <c r="CI20" s="326">
        <v>87664</v>
      </c>
      <c r="CJ20" s="326">
        <v>0</v>
      </c>
      <c r="CK20" s="327">
        <v>1309512</v>
      </c>
      <c r="CL20" s="329">
        <v>1328737</v>
      </c>
      <c r="CM20" s="325">
        <v>0</v>
      </c>
      <c r="CN20" s="326">
        <v>0</v>
      </c>
      <c r="CO20" s="327">
        <v>0</v>
      </c>
      <c r="CP20" s="331">
        <v>0</v>
      </c>
      <c r="CQ20" s="326">
        <v>192376</v>
      </c>
      <c r="CR20" s="326">
        <v>232156</v>
      </c>
      <c r="CS20" s="326">
        <v>239576</v>
      </c>
      <c r="CT20" s="326">
        <v>87664</v>
      </c>
      <c r="CU20" s="326">
        <v>0</v>
      </c>
      <c r="CV20" s="327">
        <v>751772</v>
      </c>
      <c r="CW20" s="329">
        <v>751772</v>
      </c>
      <c r="CX20" s="325">
        <v>19225</v>
      </c>
      <c r="CY20" s="326">
        <v>0</v>
      </c>
      <c r="CZ20" s="327">
        <v>19225</v>
      </c>
      <c r="DA20" s="325">
        <v>0</v>
      </c>
      <c r="DB20" s="326">
        <v>64715</v>
      </c>
      <c r="DC20" s="326">
        <v>0</v>
      </c>
      <c r="DD20" s="326">
        <v>493025</v>
      </c>
      <c r="DE20" s="326">
        <v>0</v>
      </c>
      <c r="DF20" s="326">
        <v>0</v>
      </c>
      <c r="DG20" s="327">
        <v>557740</v>
      </c>
      <c r="DH20" s="329">
        <v>576965</v>
      </c>
      <c r="DI20" s="325">
        <v>0</v>
      </c>
      <c r="DJ20" s="326">
        <v>0</v>
      </c>
      <c r="DK20" s="330">
        <v>0</v>
      </c>
      <c r="DL20" s="331">
        <v>0</v>
      </c>
      <c r="DM20" s="326">
        <v>0</v>
      </c>
      <c r="DN20" s="326">
        <v>24668</v>
      </c>
      <c r="DO20" s="326">
        <v>0</v>
      </c>
      <c r="DP20" s="326">
        <v>481351</v>
      </c>
      <c r="DQ20" s="326">
        <v>0</v>
      </c>
      <c r="DR20" s="327">
        <v>506019</v>
      </c>
      <c r="DS20" s="329">
        <v>506019</v>
      </c>
      <c r="DT20" s="325">
        <v>0</v>
      </c>
      <c r="DU20" s="326">
        <v>0</v>
      </c>
      <c r="DV20" s="327">
        <v>0</v>
      </c>
      <c r="DW20" s="325">
        <v>0</v>
      </c>
      <c r="DX20" s="326">
        <v>0</v>
      </c>
      <c r="DY20" s="326">
        <v>24668</v>
      </c>
      <c r="DZ20" s="326">
        <v>0</v>
      </c>
      <c r="EA20" s="326">
        <v>481351</v>
      </c>
      <c r="EB20" s="326">
        <v>0</v>
      </c>
      <c r="EC20" s="327">
        <v>506019</v>
      </c>
      <c r="ED20" s="329">
        <v>506019</v>
      </c>
      <c r="EE20" s="325">
        <v>0</v>
      </c>
      <c r="EF20" s="330">
        <v>0</v>
      </c>
      <c r="EG20" s="327">
        <v>0</v>
      </c>
      <c r="EH20" s="325">
        <v>0</v>
      </c>
      <c r="EI20" s="326">
        <v>0</v>
      </c>
      <c r="EJ20" s="326">
        <v>0</v>
      </c>
      <c r="EK20" s="326">
        <v>0</v>
      </c>
      <c r="EL20" s="326">
        <v>0</v>
      </c>
      <c r="EM20" s="326">
        <v>0</v>
      </c>
      <c r="EN20" s="330">
        <v>0</v>
      </c>
      <c r="EO20" s="329">
        <v>0</v>
      </c>
      <c r="EP20" s="325">
        <v>0</v>
      </c>
      <c r="EQ20" s="326">
        <v>0</v>
      </c>
      <c r="ER20" s="330">
        <v>0</v>
      </c>
      <c r="ES20" s="331">
        <v>0</v>
      </c>
      <c r="ET20" s="326">
        <v>0</v>
      </c>
      <c r="EU20" s="326">
        <v>0</v>
      </c>
      <c r="EV20" s="326">
        <v>0</v>
      </c>
      <c r="EW20" s="326">
        <v>0</v>
      </c>
      <c r="EX20" s="326">
        <v>0</v>
      </c>
      <c r="EY20" s="327">
        <v>0</v>
      </c>
      <c r="EZ20" s="329">
        <v>0</v>
      </c>
      <c r="FA20" s="325">
        <v>0</v>
      </c>
      <c r="FB20" s="326">
        <v>0</v>
      </c>
      <c r="FC20" s="330">
        <v>0</v>
      </c>
      <c r="FD20" s="331">
        <v>0</v>
      </c>
      <c r="FE20" s="326">
        <v>0</v>
      </c>
      <c r="FF20" s="326">
        <v>0</v>
      </c>
      <c r="FG20" s="326">
        <v>0</v>
      </c>
      <c r="FH20" s="326">
        <v>0</v>
      </c>
      <c r="FI20" s="326">
        <v>0</v>
      </c>
      <c r="FJ20" s="327">
        <v>0</v>
      </c>
      <c r="FK20" s="329">
        <v>0</v>
      </c>
      <c r="FL20" s="325">
        <v>6400</v>
      </c>
      <c r="FM20" s="326">
        <v>43600</v>
      </c>
      <c r="FN20" s="327">
        <v>50000</v>
      </c>
      <c r="FO20" s="325">
        <v>0</v>
      </c>
      <c r="FP20" s="326">
        <v>44160</v>
      </c>
      <c r="FQ20" s="326">
        <v>110696</v>
      </c>
      <c r="FR20" s="326">
        <v>214472</v>
      </c>
      <c r="FS20" s="326">
        <v>108144</v>
      </c>
      <c r="FT20" s="326">
        <v>44320</v>
      </c>
      <c r="FU20" s="327">
        <v>521792</v>
      </c>
      <c r="FV20" s="329">
        <v>571792</v>
      </c>
      <c r="FW20" s="332">
        <v>6400</v>
      </c>
      <c r="FX20" s="326">
        <v>43600</v>
      </c>
      <c r="FY20" s="330">
        <v>50000</v>
      </c>
      <c r="FZ20" s="331">
        <v>0</v>
      </c>
      <c r="GA20" s="326">
        <v>44160</v>
      </c>
      <c r="GB20" s="326">
        <v>110696</v>
      </c>
      <c r="GC20" s="326">
        <v>214472</v>
      </c>
      <c r="GD20" s="326">
        <v>108144</v>
      </c>
      <c r="GE20" s="326">
        <v>44320</v>
      </c>
      <c r="GF20" s="327">
        <v>521792</v>
      </c>
      <c r="GG20" s="333">
        <v>571792</v>
      </c>
      <c r="GH20" s="332">
        <v>0</v>
      </c>
      <c r="GI20" s="326">
        <v>0</v>
      </c>
      <c r="GJ20" s="330">
        <v>0</v>
      </c>
      <c r="GK20" s="331">
        <v>0</v>
      </c>
      <c r="GL20" s="326">
        <v>0</v>
      </c>
      <c r="GM20" s="326">
        <v>0</v>
      </c>
      <c r="GN20" s="326">
        <v>0</v>
      </c>
      <c r="GO20" s="326">
        <v>0</v>
      </c>
      <c r="GP20" s="326">
        <v>0</v>
      </c>
      <c r="GQ20" s="327">
        <v>0</v>
      </c>
      <c r="GR20" s="329">
        <v>0</v>
      </c>
      <c r="GS20" s="325">
        <v>0</v>
      </c>
      <c r="GT20" s="326">
        <v>0</v>
      </c>
      <c r="GU20" s="327">
        <v>0</v>
      </c>
      <c r="GV20" s="325">
        <v>0</v>
      </c>
      <c r="GW20" s="326">
        <v>0</v>
      </c>
      <c r="GX20" s="326">
        <v>0</v>
      </c>
      <c r="GY20" s="326">
        <v>0</v>
      </c>
      <c r="GZ20" s="326">
        <v>0</v>
      </c>
      <c r="HA20" s="326">
        <v>0</v>
      </c>
      <c r="HB20" s="330">
        <v>0</v>
      </c>
      <c r="HC20" s="329">
        <v>0</v>
      </c>
      <c r="HD20" s="325">
        <v>67263</v>
      </c>
      <c r="HE20" s="326">
        <v>490149</v>
      </c>
      <c r="HF20" s="330">
        <v>557412</v>
      </c>
      <c r="HG20" s="331">
        <v>0</v>
      </c>
      <c r="HH20" s="326">
        <v>951296</v>
      </c>
      <c r="HI20" s="326">
        <v>369578</v>
      </c>
      <c r="HJ20" s="326">
        <v>1201204</v>
      </c>
      <c r="HK20" s="326">
        <v>305075</v>
      </c>
      <c r="HL20" s="326">
        <v>0</v>
      </c>
      <c r="HM20" s="327">
        <v>2827153</v>
      </c>
      <c r="HN20" s="328">
        <v>3384565</v>
      </c>
      <c r="HO20" s="332">
        <v>0</v>
      </c>
      <c r="HP20" s="326">
        <v>0</v>
      </c>
      <c r="HQ20" s="327">
        <v>0</v>
      </c>
      <c r="HR20" s="325">
        <v>0</v>
      </c>
      <c r="HS20" s="326">
        <v>0</v>
      </c>
      <c r="HT20" s="326">
        <v>0</v>
      </c>
      <c r="HU20" s="326">
        <v>0</v>
      </c>
      <c r="HV20" s="326">
        <v>0</v>
      </c>
      <c r="HW20" s="326">
        <v>0</v>
      </c>
      <c r="HX20" s="330">
        <v>0</v>
      </c>
      <c r="HY20" s="329">
        <v>0</v>
      </c>
      <c r="HZ20" s="357">
        <v>0</v>
      </c>
      <c r="IA20" s="355">
        <v>82556</v>
      </c>
      <c r="IB20" s="357">
        <v>82556</v>
      </c>
      <c r="IC20" s="354">
        <v>0</v>
      </c>
      <c r="ID20" s="355">
        <v>1070818</v>
      </c>
      <c r="IE20" s="356">
        <v>792709</v>
      </c>
      <c r="IF20" s="357">
        <v>766197</v>
      </c>
      <c r="IG20" s="355">
        <v>427072</v>
      </c>
      <c r="IH20" s="357">
        <v>270281</v>
      </c>
      <c r="II20" s="358">
        <v>3327077</v>
      </c>
      <c r="IJ20" s="357">
        <v>3409633</v>
      </c>
      <c r="IK20" s="341">
        <v>0</v>
      </c>
      <c r="IL20" s="342">
        <v>0</v>
      </c>
      <c r="IM20" s="343">
        <v>0</v>
      </c>
      <c r="IN20" s="403">
        <v>0</v>
      </c>
      <c r="IO20" s="344">
        <v>100048</v>
      </c>
      <c r="IP20" s="344">
        <v>0</v>
      </c>
      <c r="IQ20" s="344">
        <v>0</v>
      </c>
      <c r="IR20" s="344">
        <v>245020</v>
      </c>
      <c r="IS20" s="344">
        <v>0</v>
      </c>
      <c r="IT20" s="345">
        <v>345068</v>
      </c>
      <c r="IU20" s="346">
        <v>345068</v>
      </c>
      <c r="IV20" s="347">
        <v>0</v>
      </c>
      <c r="IW20" s="344">
        <v>0</v>
      </c>
      <c r="IX20" s="348">
        <v>0</v>
      </c>
      <c r="IY20" s="403">
        <v>0</v>
      </c>
      <c r="IZ20" s="344">
        <v>0</v>
      </c>
      <c r="JA20" s="344">
        <v>0</v>
      </c>
      <c r="JB20" s="344">
        <v>0</v>
      </c>
      <c r="JC20" s="344">
        <v>0</v>
      </c>
      <c r="JD20" s="344">
        <v>0</v>
      </c>
      <c r="JE20" s="348">
        <v>0</v>
      </c>
      <c r="JF20" s="349">
        <v>0</v>
      </c>
      <c r="JG20" s="347">
        <v>0</v>
      </c>
      <c r="JH20" s="344">
        <v>0</v>
      </c>
      <c r="JI20" s="345">
        <v>0</v>
      </c>
      <c r="JJ20" s="350">
        <v>0</v>
      </c>
      <c r="JK20" s="344">
        <v>245817</v>
      </c>
      <c r="JL20" s="344">
        <v>290654</v>
      </c>
      <c r="JM20" s="344">
        <v>32756</v>
      </c>
      <c r="JN20" s="344">
        <v>128849</v>
      </c>
      <c r="JO20" s="344">
        <v>0</v>
      </c>
      <c r="JP20" s="348">
        <v>698076</v>
      </c>
      <c r="JQ20" s="346">
        <v>698076</v>
      </c>
      <c r="JR20" s="347">
        <v>0</v>
      </c>
      <c r="JS20" s="344">
        <v>82556</v>
      </c>
      <c r="JT20" s="345">
        <v>82556</v>
      </c>
      <c r="JU20" s="350">
        <v>0</v>
      </c>
      <c r="JV20" s="344">
        <v>0</v>
      </c>
      <c r="JW20" s="344">
        <v>0</v>
      </c>
      <c r="JX20" s="344">
        <v>0</v>
      </c>
      <c r="JY20" s="344">
        <v>53203</v>
      </c>
      <c r="JZ20" s="344">
        <v>0</v>
      </c>
      <c r="KA20" s="348">
        <v>53203</v>
      </c>
      <c r="KB20" s="346">
        <v>135759</v>
      </c>
      <c r="KC20" s="351">
        <v>0</v>
      </c>
      <c r="KD20" s="352">
        <v>0</v>
      </c>
      <c r="KE20" s="348">
        <v>0</v>
      </c>
      <c r="KF20" s="350">
        <v>0</v>
      </c>
      <c r="KG20" s="344">
        <v>115175</v>
      </c>
      <c r="KH20" s="344">
        <v>0</v>
      </c>
      <c r="KI20" s="344">
        <v>0</v>
      </c>
      <c r="KJ20" s="344">
        <v>0</v>
      </c>
      <c r="KK20" s="344">
        <v>270281</v>
      </c>
      <c r="KL20" s="348">
        <v>385456</v>
      </c>
      <c r="KM20" s="353">
        <v>385456</v>
      </c>
      <c r="KN20" s="341">
        <v>0</v>
      </c>
      <c r="KO20" s="342">
        <v>0</v>
      </c>
      <c r="KP20" s="343">
        <v>0</v>
      </c>
      <c r="KQ20" s="403">
        <v>0</v>
      </c>
      <c r="KR20" s="344">
        <v>471514</v>
      </c>
      <c r="KS20" s="344">
        <v>326198</v>
      </c>
      <c r="KT20" s="344">
        <v>250858</v>
      </c>
      <c r="KU20" s="344">
        <v>0</v>
      </c>
      <c r="KV20" s="344">
        <v>0</v>
      </c>
      <c r="KW20" s="348">
        <v>1048570</v>
      </c>
      <c r="KX20" s="346">
        <v>1048570</v>
      </c>
      <c r="KY20" s="347">
        <v>0</v>
      </c>
      <c r="KZ20" s="344">
        <v>0</v>
      </c>
      <c r="LA20" s="348">
        <v>0</v>
      </c>
      <c r="LB20" s="403">
        <v>0</v>
      </c>
      <c r="LC20" s="344">
        <v>0</v>
      </c>
      <c r="LD20" s="344">
        <v>0</v>
      </c>
      <c r="LE20" s="344">
        <v>0</v>
      </c>
      <c r="LF20" s="344">
        <v>0</v>
      </c>
      <c r="LG20" s="344">
        <v>0</v>
      </c>
      <c r="LH20" s="348">
        <v>0</v>
      </c>
      <c r="LI20" s="349">
        <v>0</v>
      </c>
      <c r="LJ20" s="347">
        <v>0</v>
      </c>
      <c r="LK20" s="344">
        <v>0</v>
      </c>
      <c r="LL20" s="348">
        <v>0</v>
      </c>
      <c r="LM20" s="403">
        <v>0</v>
      </c>
      <c r="LN20" s="344">
        <v>0</v>
      </c>
      <c r="LO20" s="344">
        <v>0</v>
      </c>
      <c r="LP20" s="344">
        <v>0</v>
      </c>
      <c r="LQ20" s="344">
        <v>0</v>
      </c>
      <c r="LR20" s="344">
        <v>0</v>
      </c>
      <c r="LS20" s="348">
        <v>0</v>
      </c>
      <c r="LT20" s="346">
        <v>0</v>
      </c>
      <c r="LU20" s="347">
        <v>0</v>
      </c>
      <c r="LV20" s="344">
        <v>0</v>
      </c>
      <c r="LW20" s="348">
        <v>0</v>
      </c>
      <c r="LX20" s="403">
        <v>0</v>
      </c>
      <c r="LY20" s="344">
        <v>138264</v>
      </c>
      <c r="LZ20" s="344">
        <v>175857</v>
      </c>
      <c r="MA20" s="344">
        <v>482583</v>
      </c>
      <c r="MB20" s="344">
        <v>0</v>
      </c>
      <c r="MC20" s="344">
        <v>0</v>
      </c>
      <c r="MD20" s="348">
        <v>796704</v>
      </c>
      <c r="ME20" s="349">
        <v>796704</v>
      </c>
      <c r="MF20" s="347">
        <v>0</v>
      </c>
      <c r="MG20" s="344">
        <v>0</v>
      </c>
      <c r="MH20" s="348">
        <v>0</v>
      </c>
      <c r="MI20" s="403">
        <v>0</v>
      </c>
      <c r="MJ20" s="344">
        <v>240240</v>
      </c>
      <c r="MK20" s="344">
        <v>523558</v>
      </c>
      <c r="ML20" s="344">
        <v>1018360</v>
      </c>
      <c r="MM20" s="344">
        <v>4435039</v>
      </c>
      <c r="MN20" s="344">
        <v>600341</v>
      </c>
      <c r="MO20" s="348">
        <v>6817538</v>
      </c>
      <c r="MP20" s="353">
        <v>6817538</v>
      </c>
      <c r="MQ20" s="347">
        <v>0</v>
      </c>
      <c r="MR20" s="344">
        <v>0</v>
      </c>
      <c r="MS20" s="348">
        <v>0</v>
      </c>
      <c r="MT20" s="403">
        <v>0</v>
      </c>
      <c r="MU20" s="344">
        <v>0</v>
      </c>
      <c r="MV20" s="344">
        <v>0</v>
      </c>
      <c r="MW20" s="344">
        <v>487016</v>
      </c>
      <c r="MX20" s="344">
        <v>3278840</v>
      </c>
      <c r="MY20" s="344">
        <v>303276</v>
      </c>
      <c r="MZ20" s="348">
        <v>4069132</v>
      </c>
      <c r="NA20" s="353">
        <v>4069132</v>
      </c>
      <c r="NB20" s="347">
        <v>0</v>
      </c>
      <c r="NC20" s="344">
        <v>0</v>
      </c>
      <c r="ND20" s="348">
        <v>0</v>
      </c>
      <c r="NE20" s="403">
        <v>0</v>
      </c>
      <c r="NF20" s="344">
        <v>240240</v>
      </c>
      <c r="NG20" s="344">
        <v>523558</v>
      </c>
      <c r="NH20" s="344">
        <v>531344</v>
      </c>
      <c r="NI20" s="344">
        <v>1156199</v>
      </c>
      <c r="NJ20" s="344">
        <v>297065</v>
      </c>
      <c r="NK20" s="348">
        <v>2748406</v>
      </c>
      <c r="NL20" s="346">
        <v>2748406</v>
      </c>
      <c r="NM20" s="347">
        <v>0</v>
      </c>
      <c r="NN20" s="344">
        <v>0</v>
      </c>
      <c r="NO20" s="348">
        <v>0</v>
      </c>
      <c r="NP20" s="403">
        <v>0</v>
      </c>
      <c r="NQ20" s="344">
        <v>0</v>
      </c>
      <c r="NR20" s="344">
        <v>0</v>
      </c>
      <c r="NS20" s="344">
        <v>0</v>
      </c>
      <c r="NT20" s="344">
        <v>0</v>
      </c>
      <c r="NU20" s="344">
        <v>0</v>
      </c>
      <c r="NV20" s="348">
        <v>0</v>
      </c>
      <c r="NW20" s="349">
        <v>0</v>
      </c>
      <c r="NX20" s="347">
        <v>0</v>
      </c>
      <c r="NY20" s="344">
        <v>0</v>
      </c>
      <c r="NZ20" s="348">
        <v>0</v>
      </c>
      <c r="OA20" s="403">
        <v>0</v>
      </c>
      <c r="OB20" s="344">
        <v>0</v>
      </c>
      <c r="OC20" s="344">
        <v>0</v>
      </c>
      <c r="OD20" s="344">
        <v>0</v>
      </c>
      <c r="OE20" s="344">
        <v>0</v>
      </c>
      <c r="OF20" s="344">
        <v>0</v>
      </c>
      <c r="OG20" s="348">
        <v>0</v>
      </c>
      <c r="OH20" s="349">
        <v>0</v>
      </c>
      <c r="OI20" s="347">
        <v>92888</v>
      </c>
      <c r="OJ20" s="344">
        <v>646253</v>
      </c>
      <c r="OK20" s="345">
        <v>739141</v>
      </c>
      <c r="OL20" s="350">
        <v>0</v>
      </c>
      <c r="OM20" s="344">
        <v>3208459</v>
      </c>
      <c r="ON20" s="344">
        <v>2462439</v>
      </c>
      <c r="OO20" s="344">
        <v>4213336</v>
      </c>
      <c r="OP20" s="344">
        <v>7312042</v>
      </c>
      <c r="OQ20" s="344">
        <v>1202626</v>
      </c>
      <c r="OR20" s="348">
        <v>18398902</v>
      </c>
      <c r="OS20" s="353">
        <v>19138043</v>
      </c>
    </row>
    <row r="21" spans="2:409" s="70" customFormat="1" ht="21" customHeight="1" x14ac:dyDescent="0.2">
      <c r="B21" s="409" t="s">
        <v>16</v>
      </c>
      <c r="C21" s="325">
        <v>469253</v>
      </c>
      <c r="D21" s="326">
        <v>802477</v>
      </c>
      <c r="E21" s="327">
        <v>1271730</v>
      </c>
      <c r="F21" s="328">
        <v>0</v>
      </c>
      <c r="G21" s="326">
        <v>3369556</v>
      </c>
      <c r="H21" s="326">
        <v>7800486</v>
      </c>
      <c r="I21" s="326">
        <v>3603502</v>
      </c>
      <c r="J21" s="326">
        <v>3653975</v>
      </c>
      <c r="K21" s="326">
        <v>3155069</v>
      </c>
      <c r="L21" s="328">
        <v>21582588</v>
      </c>
      <c r="M21" s="329">
        <v>22854318</v>
      </c>
      <c r="N21" s="325">
        <v>176788</v>
      </c>
      <c r="O21" s="326">
        <v>184996</v>
      </c>
      <c r="P21" s="327">
        <v>361784</v>
      </c>
      <c r="Q21" s="325">
        <v>0</v>
      </c>
      <c r="R21" s="326">
        <v>653835</v>
      </c>
      <c r="S21" s="326">
        <v>1537060</v>
      </c>
      <c r="T21" s="326">
        <v>699428</v>
      </c>
      <c r="U21" s="326">
        <v>806936</v>
      </c>
      <c r="V21" s="326">
        <v>1294866</v>
      </c>
      <c r="W21" s="327">
        <v>4992125</v>
      </c>
      <c r="X21" s="329">
        <v>5353909</v>
      </c>
      <c r="Y21" s="325">
        <v>0</v>
      </c>
      <c r="Z21" s="326">
        <v>0</v>
      </c>
      <c r="AA21" s="327">
        <v>0</v>
      </c>
      <c r="AB21" s="325">
        <v>0</v>
      </c>
      <c r="AC21" s="326">
        <v>215396</v>
      </c>
      <c r="AD21" s="326">
        <v>365006</v>
      </c>
      <c r="AE21" s="326">
        <v>327273</v>
      </c>
      <c r="AF21" s="326">
        <v>105765</v>
      </c>
      <c r="AG21" s="326">
        <v>521463</v>
      </c>
      <c r="AH21" s="327">
        <v>1534903</v>
      </c>
      <c r="AI21" s="329">
        <v>1534903</v>
      </c>
      <c r="AJ21" s="325">
        <v>0</v>
      </c>
      <c r="AK21" s="326">
        <v>0</v>
      </c>
      <c r="AL21" s="327">
        <v>0</v>
      </c>
      <c r="AM21" s="325">
        <v>0</v>
      </c>
      <c r="AN21" s="326">
        <v>0</v>
      </c>
      <c r="AO21" s="326">
        <v>0</v>
      </c>
      <c r="AP21" s="326">
        <v>22773</v>
      </c>
      <c r="AQ21" s="326">
        <v>69875</v>
      </c>
      <c r="AR21" s="326">
        <v>189834</v>
      </c>
      <c r="AS21" s="327">
        <v>282482</v>
      </c>
      <c r="AT21" s="329">
        <v>282482</v>
      </c>
      <c r="AU21" s="325">
        <v>105773</v>
      </c>
      <c r="AV21" s="326">
        <v>158020</v>
      </c>
      <c r="AW21" s="327">
        <v>263793</v>
      </c>
      <c r="AX21" s="325">
        <v>0</v>
      </c>
      <c r="AY21" s="326">
        <v>289327</v>
      </c>
      <c r="AZ21" s="326">
        <v>782246</v>
      </c>
      <c r="BA21" s="326">
        <v>147022</v>
      </c>
      <c r="BB21" s="326">
        <v>403888</v>
      </c>
      <c r="BC21" s="326">
        <v>365145</v>
      </c>
      <c r="BD21" s="327">
        <v>1987628</v>
      </c>
      <c r="BE21" s="329">
        <v>2251421</v>
      </c>
      <c r="BF21" s="325">
        <v>38799</v>
      </c>
      <c r="BG21" s="326">
        <v>0</v>
      </c>
      <c r="BH21" s="330">
        <v>38799</v>
      </c>
      <c r="BI21" s="331">
        <v>0</v>
      </c>
      <c r="BJ21" s="326">
        <v>22056</v>
      </c>
      <c r="BK21" s="326">
        <v>123264</v>
      </c>
      <c r="BL21" s="326">
        <v>0</v>
      </c>
      <c r="BM21" s="326">
        <v>26080</v>
      </c>
      <c r="BN21" s="326">
        <v>0</v>
      </c>
      <c r="BO21" s="327">
        <v>171400</v>
      </c>
      <c r="BP21" s="329">
        <v>210199</v>
      </c>
      <c r="BQ21" s="325">
        <v>32216</v>
      </c>
      <c r="BR21" s="326">
        <v>26976</v>
      </c>
      <c r="BS21" s="327">
        <v>59192</v>
      </c>
      <c r="BT21" s="325">
        <v>0</v>
      </c>
      <c r="BU21" s="326">
        <v>127056</v>
      </c>
      <c r="BV21" s="326">
        <v>266544</v>
      </c>
      <c r="BW21" s="326">
        <v>202360</v>
      </c>
      <c r="BX21" s="326">
        <v>201328</v>
      </c>
      <c r="BY21" s="326">
        <v>218424</v>
      </c>
      <c r="BZ21" s="327">
        <v>1015712</v>
      </c>
      <c r="CA21" s="329">
        <v>1074904</v>
      </c>
      <c r="CB21" s="325">
        <v>41963</v>
      </c>
      <c r="CC21" s="326">
        <v>313338</v>
      </c>
      <c r="CD21" s="327">
        <v>355301</v>
      </c>
      <c r="CE21" s="325">
        <v>0</v>
      </c>
      <c r="CF21" s="326">
        <v>1253521</v>
      </c>
      <c r="CG21" s="326">
        <v>3336237</v>
      </c>
      <c r="CH21" s="326">
        <v>1145526</v>
      </c>
      <c r="CI21" s="326">
        <v>386139</v>
      </c>
      <c r="CJ21" s="326">
        <v>80094</v>
      </c>
      <c r="CK21" s="327">
        <v>6201517</v>
      </c>
      <c r="CL21" s="329">
        <v>6556818</v>
      </c>
      <c r="CM21" s="325">
        <v>0</v>
      </c>
      <c r="CN21" s="326">
        <v>0</v>
      </c>
      <c r="CO21" s="327">
        <v>0</v>
      </c>
      <c r="CP21" s="331">
        <v>0</v>
      </c>
      <c r="CQ21" s="326">
        <v>686278</v>
      </c>
      <c r="CR21" s="326">
        <v>1540877</v>
      </c>
      <c r="CS21" s="326">
        <v>597362</v>
      </c>
      <c r="CT21" s="326">
        <v>346547</v>
      </c>
      <c r="CU21" s="326">
        <v>0</v>
      </c>
      <c r="CV21" s="327">
        <v>3171064</v>
      </c>
      <c r="CW21" s="329">
        <v>3171064</v>
      </c>
      <c r="CX21" s="325">
        <v>41963</v>
      </c>
      <c r="CY21" s="326">
        <v>313338</v>
      </c>
      <c r="CZ21" s="327">
        <v>355301</v>
      </c>
      <c r="DA21" s="325">
        <v>0</v>
      </c>
      <c r="DB21" s="326">
        <v>567243</v>
      </c>
      <c r="DC21" s="326">
        <v>1795360</v>
      </c>
      <c r="DD21" s="326">
        <v>548164</v>
      </c>
      <c r="DE21" s="326">
        <v>39592</v>
      </c>
      <c r="DF21" s="326">
        <v>80094</v>
      </c>
      <c r="DG21" s="327">
        <v>3030453</v>
      </c>
      <c r="DH21" s="329">
        <v>3385754</v>
      </c>
      <c r="DI21" s="325">
        <v>0</v>
      </c>
      <c r="DJ21" s="326">
        <v>18725</v>
      </c>
      <c r="DK21" s="330">
        <v>18725</v>
      </c>
      <c r="DL21" s="331">
        <v>0</v>
      </c>
      <c r="DM21" s="326">
        <v>33578</v>
      </c>
      <c r="DN21" s="326">
        <v>110757</v>
      </c>
      <c r="DO21" s="326">
        <v>133510</v>
      </c>
      <c r="DP21" s="326">
        <v>86358</v>
      </c>
      <c r="DQ21" s="326">
        <v>66574</v>
      </c>
      <c r="DR21" s="327">
        <v>430777</v>
      </c>
      <c r="DS21" s="329">
        <v>449502</v>
      </c>
      <c r="DT21" s="325">
        <v>0</v>
      </c>
      <c r="DU21" s="326">
        <v>18725</v>
      </c>
      <c r="DV21" s="327">
        <v>18725</v>
      </c>
      <c r="DW21" s="325">
        <v>0</v>
      </c>
      <c r="DX21" s="326">
        <v>0</v>
      </c>
      <c r="DY21" s="326">
        <v>94509</v>
      </c>
      <c r="DZ21" s="326">
        <v>43136</v>
      </c>
      <c r="EA21" s="326">
        <v>86358</v>
      </c>
      <c r="EB21" s="326">
        <v>66574</v>
      </c>
      <c r="EC21" s="327">
        <v>290577</v>
      </c>
      <c r="ED21" s="329">
        <v>309302</v>
      </c>
      <c r="EE21" s="325">
        <v>0</v>
      </c>
      <c r="EF21" s="330">
        <v>0</v>
      </c>
      <c r="EG21" s="327">
        <v>0</v>
      </c>
      <c r="EH21" s="325">
        <v>0</v>
      </c>
      <c r="EI21" s="326">
        <v>33578</v>
      </c>
      <c r="EJ21" s="326">
        <v>16248</v>
      </c>
      <c r="EK21" s="326">
        <v>90374</v>
      </c>
      <c r="EL21" s="326">
        <v>0</v>
      </c>
      <c r="EM21" s="326">
        <v>0</v>
      </c>
      <c r="EN21" s="330">
        <v>140200</v>
      </c>
      <c r="EO21" s="329">
        <v>140200</v>
      </c>
      <c r="EP21" s="325">
        <v>0</v>
      </c>
      <c r="EQ21" s="326">
        <v>0</v>
      </c>
      <c r="ER21" s="330">
        <v>0</v>
      </c>
      <c r="ES21" s="331">
        <v>0</v>
      </c>
      <c r="ET21" s="326">
        <v>0</v>
      </c>
      <c r="EU21" s="326">
        <v>0</v>
      </c>
      <c r="EV21" s="326">
        <v>0</v>
      </c>
      <c r="EW21" s="326">
        <v>0</v>
      </c>
      <c r="EX21" s="326">
        <v>0</v>
      </c>
      <c r="EY21" s="327">
        <v>0</v>
      </c>
      <c r="EZ21" s="329">
        <v>0</v>
      </c>
      <c r="FA21" s="325">
        <v>0</v>
      </c>
      <c r="FB21" s="326">
        <v>0</v>
      </c>
      <c r="FC21" s="330">
        <v>0</v>
      </c>
      <c r="FD21" s="331">
        <v>0</v>
      </c>
      <c r="FE21" s="326">
        <v>0</v>
      </c>
      <c r="FF21" s="326">
        <v>0</v>
      </c>
      <c r="FG21" s="326">
        <v>0</v>
      </c>
      <c r="FH21" s="326">
        <v>0</v>
      </c>
      <c r="FI21" s="326">
        <v>0</v>
      </c>
      <c r="FJ21" s="327">
        <v>0</v>
      </c>
      <c r="FK21" s="329">
        <v>0</v>
      </c>
      <c r="FL21" s="325">
        <v>37512</v>
      </c>
      <c r="FM21" s="326">
        <v>285418</v>
      </c>
      <c r="FN21" s="327">
        <v>322930</v>
      </c>
      <c r="FO21" s="325">
        <v>0</v>
      </c>
      <c r="FP21" s="326">
        <v>153120</v>
      </c>
      <c r="FQ21" s="326">
        <v>681312</v>
      </c>
      <c r="FR21" s="326">
        <v>458272</v>
      </c>
      <c r="FS21" s="326">
        <v>297328</v>
      </c>
      <c r="FT21" s="326">
        <v>147768</v>
      </c>
      <c r="FU21" s="327">
        <v>1737800</v>
      </c>
      <c r="FV21" s="329">
        <v>2060730</v>
      </c>
      <c r="FW21" s="332">
        <v>37512</v>
      </c>
      <c r="FX21" s="326">
        <v>118720</v>
      </c>
      <c r="FY21" s="330">
        <v>156232</v>
      </c>
      <c r="FZ21" s="331">
        <v>0</v>
      </c>
      <c r="GA21" s="326">
        <v>124080</v>
      </c>
      <c r="GB21" s="326">
        <v>590672</v>
      </c>
      <c r="GC21" s="326">
        <v>391072</v>
      </c>
      <c r="GD21" s="326">
        <v>275312</v>
      </c>
      <c r="GE21" s="326">
        <v>147768</v>
      </c>
      <c r="GF21" s="327">
        <v>1528904</v>
      </c>
      <c r="GG21" s="333">
        <v>1685136</v>
      </c>
      <c r="GH21" s="332">
        <v>0</v>
      </c>
      <c r="GI21" s="326">
        <v>112629</v>
      </c>
      <c r="GJ21" s="330">
        <v>112629</v>
      </c>
      <c r="GK21" s="331">
        <v>0</v>
      </c>
      <c r="GL21" s="326">
        <v>29040</v>
      </c>
      <c r="GM21" s="326">
        <v>90640</v>
      </c>
      <c r="GN21" s="326">
        <v>0</v>
      </c>
      <c r="GO21" s="326">
        <v>22016</v>
      </c>
      <c r="GP21" s="326">
        <v>0</v>
      </c>
      <c r="GQ21" s="327">
        <v>141696</v>
      </c>
      <c r="GR21" s="329">
        <v>254325</v>
      </c>
      <c r="GS21" s="325">
        <v>0</v>
      </c>
      <c r="GT21" s="326">
        <v>54069</v>
      </c>
      <c r="GU21" s="327">
        <v>54069</v>
      </c>
      <c r="GV21" s="325">
        <v>0</v>
      </c>
      <c r="GW21" s="326">
        <v>0</v>
      </c>
      <c r="GX21" s="326">
        <v>0</v>
      </c>
      <c r="GY21" s="326">
        <v>67200</v>
      </c>
      <c r="GZ21" s="326">
        <v>0</v>
      </c>
      <c r="HA21" s="326">
        <v>0</v>
      </c>
      <c r="HB21" s="330">
        <v>67200</v>
      </c>
      <c r="HC21" s="329">
        <v>121269</v>
      </c>
      <c r="HD21" s="325">
        <v>212990</v>
      </c>
      <c r="HE21" s="326">
        <v>0</v>
      </c>
      <c r="HF21" s="330">
        <v>212990</v>
      </c>
      <c r="HG21" s="331">
        <v>0</v>
      </c>
      <c r="HH21" s="326">
        <v>1275502</v>
      </c>
      <c r="HI21" s="326">
        <v>2135120</v>
      </c>
      <c r="HJ21" s="326">
        <v>1166766</v>
      </c>
      <c r="HK21" s="326">
        <v>2077214</v>
      </c>
      <c r="HL21" s="326">
        <v>1565767</v>
      </c>
      <c r="HM21" s="327">
        <v>8220369</v>
      </c>
      <c r="HN21" s="328">
        <v>8433359</v>
      </c>
      <c r="HO21" s="332">
        <v>0</v>
      </c>
      <c r="HP21" s="326">
        <v>0</v>
      </c>
      <c r="HQ21" s="327">
        <v>0</v>
      </c>
      <c r="HR21" s="325">
        <v>0</v>
      </c>
      <c r="HS21" s="326">
        <v>0</v>
      </c>
      <c r="HT21" s="326">
        <v>0</v>
      </c>
      <c r="HU21" s="326">
        <v>0</v>
      </c>
      <c r="HV21" s="326">
        <v>0</v>
      </c>
      <c r="HW21" s="326">
        <v>0</v>
      </c>
      <c r="HX21" s="330">
        <v>0</v>
      </c>
      <c r="HY21" s="329">
        <v>0</v>
      </c>
      <c r="HZ21" s="334">
        <v>0</v>
      </c>
      <c r="IA21" s="335">
        <v>0</v>
      </c>
      <c r="IB21" s="336">
        <v>0</v>
      </c>
      <c r="IC21" s="337">
        <v>0</v>
      </c>
      <c r="ID21" s="335">
        <v>377981</v>
      </c>
      <c r="IE21" s="338">
        <v>1564260</v>
      </c>
      <c r="IF21" s="336">
        <v>1478781</v>
      </c>
      <c r="IG21" s="335">
        <v>984855</v>
      </c>
      <c r="IH21" s="336">
        <v>786047</v>
      </c>
      <c r="II21" s="339">
        <v>5191924</v>
      </c>
      <c r="IJ21" s="340">
        <v>5191924</v>
      </c>
      <c r="IK21" s="341">
        <v>0</v>
      </c>
      <c r="IL21" s="342">
        <v>0</v>
      </c>
      <c r="IM21" s="343">
        <v>0</v>
      </c>
      <c r="IN21" s="403">
        <v>0</v>
      </c>
      <c r="IO21" s="344">
        <v>0</v>
      </c>
      <c r="IP21" s="344">
        <v>0</v>
      </c>
      <c r="IQ21" s="344">
        <v>152080</v>
      </c>
      <c r="IR21" s="344">
        <v>227714</v>
      </c>
      <c r="IS21" s="344">
        <v>0</v>
      </c>
      <c r="IT21" s="345">
        <v>379794</v>
      </c>
      <c r="IU21" s="346">
        <v>379794</v>
      </c>
      <c r="IV21" s="347">
        <v>0</v>
      </c>
      <c r="IW21" s="344">
        <v>0</v>
      </c>
      <c r="IX21" s="348">
        <v>0</v>
      </c>
      <c r="IY21" s="403">
        <v>0</v>
      </c>
      <c r="IZ21" s="344">
        <v>0</v>
      </c>
      <c r="JA21" s="344">
        <v>0</v>
      </c>
      <c r="JB21" s="344">
        <v>0</v>
      </c>
      <c r="JC21" s="344">
        <v>0</v>
      </c>
      <c r="JD21" s="344">
        <v>0</v>
      </c>
      <c r="JE21" s="348">
        <v>0</v>
      </c>
      <c r="JF21" s="349">
        <v>0</v>
      </c>
      <c r="JG21" s="347">
        <v>0</v>
      </c>
      <c r="JH21" s="344">
        <v>0</v>
      </c>
      <c r="JI21" s="345">
        <v>0</v>
      </c>
      <c r="JJ21" s="350">
        <v>0</v>
      </c>
      <c r="JK21" s="344">
        <v>266938</v>
      </c>
      <c r="JL21" s="344">
        <v>509687</v>
      </c>
      <c r="JM21" s="344">
        <v>498368</v>
      </c>
      <c r="JN21" s="344">
        <v>134798</v>
      </c>
      <c r="JO21" s="344">
        <v>0</v>
      </c>
      <c r="JP21" s="348">
        <v>1409791</v>
      </c>
      <c r="JQ21" s="346">
        <v>1409791</v>
      </c>
      <c r="JR21" s="347">
        <v>0</v>
      </c>
      <c r="JS21" s="344">
        <v>0</v>
      </c>
      <c r="JT21" s="345">
        <v>0</v>
      </c>
      <c r="JU21" s="350">
        <v>0</v>
      </c>
      <c r="JV21" s="344">
        <v>111043</v>
      </c>
      <c r="JW21" s="344">
        <v>155900</v>
      </c>
      <c r="JX21" s="344">
        <v>84680</v>
      </c>
      <c r="JY21" s="344">
        <v>116100</v>
      </c>
      <c r="JZ21" s="344">
        <v>0</v>
      </c>
      <c r="KA21" s="348">
        <v>467723</v>
      </c>
      <c r="KB21" s="346">
        <v>467723</v>
      </c>
      <c r="KC21" s="351">
        <v>0</v>
      </c>
      <c r="KD21" s="352">
        <v>0</v>
      </c>
      <c r="KE21" s="348">
        <v>0</v>
      </c>
      <c r="KF21" s="350">
        <v>0</v>
      </c>
      <c r="KG21" s="344">
        <v>0</v>
      </c>
      <c r="KH21" s="344">
        <v>0</v>
      </c>
      <c r="KI21" s="344">
        <v>491029</v>
      </c>
      <c r="KJ21" s="344">
        <v>251745</v>
      </c>
      <c r="KK21" s="344">
        <v>0</v>
      </c>
      <c r="KL21" s="348">
        <v>742774</v>
      </c>
      <c r="KM21" s="353">
        <v>742774</v>
      </c>
      <c r="KN21" s="341">
        <v>0</v>
      </c>
      <c r="KO21" s="342">
        <v>0</v>
      </c>
      <c r="KP21" s="343">
        <v>0</v>
      </c>
      <c r="KQ21" s="403">
        <v>0</v>
      </c>
      <c r="KR21" s="344">
        <v>0</v>
      </c>
      <c r="KS21" s="344">
        <v>729915</v>
      </c>
      <c r="KT21" s="344">
        <v>252624</v>
      </c>
      <c r="KU21" s="344">
        <v>254498</v>
      </c>
      <c r="KV21" s="344">
        <v>786047</v>
      </c>
      <c r="KW21" s="348">
        <v>2023084</v>
      </c>
      <c r="KX21" s="346">
        <v>2023084</v>
      </c>
      <c r="KY21" s="347">
        <v>0</v>
      </c>
      <c r="KZ21" s="344">
        <v>0</v>
      </c>
      <c r="LA21" s="348">
        <v>0</v>
      </c>
      <c r="LB21" s="403">
        <v>0</v>
      </c>
      <c r="LC21" s="344">
        <v>0</v>
      </c>
      <c r="LD21" s="344">
        <v>0</v>
      </c>
      <c r="LE21" s="344">
        <v>0</v>
      </c>
      <c r="LF21" s="344">
        <v>0</v>
      </c>
      <c r="LG21" s="344">
        <v>0</v>
      </c>
      <c r="LH21" s="348">
        <v>0</v>
      </c>
      <c r="LI21" s="349">
        <v>0</v>
      </c>
      <c r="LJ21" s="347">
        <v>0</v>
      </c>
      <c r="LK21" s="344">
        <v>0</v>
      </c>
      <c r="LL21" s="348">
        <v>0</v>
      </c>
      <c r="LM21" s="403">
        <v>0</v>
      </c>
      <c r="LN21" s="344">
        <v>0</v>
      </c>
      <c r="LO21" s="344">
        <v>0</v>
      </c>
      <c r="LP21" s="344">
        <v>0</v>
      </c>
      <c r="LQ21" s="344">
        <v>0</v>
      </c>
      <c r="LR21" s="344">
        <v>0</v>
      </c>
      <c r="LS21" s="348">
        <v>0</v>
      </c>
      <c r="LT21" s="346">
        <v>0</v>
      </c>
      <c r="LU21" s="347">
        <v>0</v>
      </c>
      <c r="LV21" s="344">
        <v>0</v>
      </c>
      <c r="LW21" s="348">
        <v>0</v>
      </c>
      <c r="LX21" s="403">
        <v>0</v>
      </c>
      <c r="LY21" s="344">
        <v>0</v>
      </c>
      <c r="LZ21" s="344">
        <v>168758</v>
      </c>
      <c r="MA21" s="344">
        <v>0</v>
      </c>
      <c r="MB21" s="344">
        <v>0</v>
      </c>
      <c r="MC21" s="344">
        <v>0</v>
      </c>
      <c r="MD21" s="348">
        <v>168758</v>
      </c>
      <c r="ME21" s="349">
        <v>168758</v>
      </c>
      <c r="MF21" s="347">
        <v>0</v>
      </c>
      <c r="MG21" s="344">
        <v>0</v>
      </c>
      <c r="MH21" s="348">
        <v>0</v>
      </c>
      <c r="MI21" s="403">
        <v>0</v>
      </c>
      <c r="MJ21" s="344">
        <v>548841</v>
      </c>
      <c r="MK21" s="344">
        <v>1360922</v>
      </c>
      <c r="ML21" s="344">
        <v>2474413</v>
      </c>
      <c r="MM21" s="344">
        <v>4574030</v>
      </c>
      <c r="MN21" s="344">
        <v>1831748</v>
      </c>
      <c r="MO21" s="348">
        <v>10789954</v>
      </c>
      <c r="MP21" s="353">
        <v>10789954</v>
      </c>
      <c r="MQ21" s="347">
        <v>0</v>
      </c>
      <c r="MR21" s="344">
        <v>0</v>
      </c>
      <c r="MS21" s="348">
        <v>0</v>
      </c>
      <c r="MT21" s="403">
        <v>0</v>
      </c>
      <c r="MU21" s="344">
        <v>0</v>
      </c>
      <c r="MV21" s="344">
        <v>212013</v>
      </c>
      <c r="MW21" s="344">
        <v>1639172</v>
      </c>
      <c r="MX21" s="344">
        <v>2595970</v>
      </c>
      <c r="MY21" s="344">
        <v>1426804</v>
      </c>
      <c r="MZ21" s="348">
        <v>5873959</v>
      </c>
      <c r="NA21" s="353">
        <v>5873959</v>
      </c>
      <c r="NB21" s="347">
        <v>0</v>
      </c>
      <c r="NC21" s="344">
        <v>0</v>
      </c>
      <c r="ND21" s="348">
        <v>0</v>
      </c>
      <c r="NE21" s="403">
        <v>0</v>
      </c>
      <c r="NF21" s="344">
        <v>548841</v>
      </c>
      <c r="NG21" s="344">
        <v>1148909</v>
      </c>
      <c r="NH21" s="344">
        <v>835241</v>
      </c>
      <c r="NI21" s="344">
        <v>1978060</v>
      </c>
      <c r="NJ21" s="344">
        <v>0</v>
      </c>
      <c r="NK21" s="348">
        <v>4511051</v>
      </c>
      <c r="NL21" s="346">
        <v>4511051</v>
      </c>
      <c r="NM21" s="347">
        <v>0</v>
      </c>
      <c r="NN21" s="344">
        <v>0</v>
      </c>
      <c r="NO21" s="348">
        <v>0</v>
      </c>
      <c r="NP21" s="403">
        <v>0</v>
      </c>
      <c r="NQ21" s="344">
        <v>0</v>
      </c>
      <c r="NR21" s="344">
        <v>0</v>
      </c>
      <c r="NS21" s="344">
        <v>0</v>
      </c>
      <c r="NT21" s="344">
        <v>0</v>
      </c>
      <c r="NU21" s="344">
        <v>0</v>
      </c>
      <c r="NV21" s="348">
        <v>0</v>
      </c>
      <c r="NW21" s="349">
        <v>0</v>
      </c>
      <c r="NX21" s="347">
        <v>0</v>
      </c>
      <c r="NY21" s="344">
        <v>0</v>
      </c>
      <c r="NZ21" s="348">
        <v>0</v>
      </c>
      <c r="OA21" s="403">
        <v>0</v>
      </c>
      <c r="OB21" s="344">
        <v>0</v>
      </c>
      <c r="OC21" s="344">
        <v>0</v>
      </c>
      <c r="OD21" s="344">
        <v>0</v>
      </c>
      <c r="OE21" s="344">
        <v>0</v>
      </c>
      <c r="OF21" s="344">
        <v>404944</v>
      </c>
      <c r="OG21" s="348">
        <v>404944</v>
      </c>
      <c r="OH21" s="349">
        <v>404944</v>
      </c>
      <c r="OI21" s="347">
        <v>469253</v>
      </c>
      <c r="OJ21" s="344">
        <v>802477</v>
      </c>
      <c r="OK21" s="345">
        <v>1271730</v>
      </c>
      <c r="OL21" s="350">
        <v>0</v>
      </c>
      <c r="OM21" s="344">
        <v>4296378</v>
      </c>
      <c r="ON21" s="344">
        <v>10725668</v>
      </c>
      <c r="OO21" s="344">
        <v>7556696</v>
      </c>
      <c r="OP21" s="344">
        <v>9212860</v>
      </c>
      <c r="OQ21" s="344">
        <v>5772864</v>
      </c>
      <c r="OR21" s="348">
        <v>37564466</v>
      </c>
      <c r="OS21" s="353">
        <v>38836196</v>
      </c>
    </row>
    <row r="22" spans="2:409" s="70" customFormat="1" ht="21" customHeight="1" x14ac:dyDescent="0.2">
      <c r="B22" s="409" t="s">
        <v>17</v>
      </c>
      <c r="C22" s="325">
        <v>592681</v>
      </c>
      <c r="D22" s="326">
        <v>471424</v>
      </c>
      <c r="E22" s="327">
        <v>1064105</v>
      </c>
      <c r="F22" s="328">
        <v>0</v>
      </c>
      <c r="G22" s="326">
        <v>4120736</v>
      </c>
      <c r="H22" s="326">
        <v>8835083</v>
      </c>
      <c r="I22" s="326">
        <v>6041193</v>
      </c>
      <c r="J22" s="326">
        <v>2862431</v>
      </c>
      <c r="K22" s="326">
        <v>1914111</v>
      </c>
      <c r="L22" s="328">
        <v>23773554</v>
      </c>
      <c r="M22" s="329">
        <v>24837659</v>
      </c>
      <c r="N22" s="325">
        <v>117080</v>
      </c>
      <c r="O22" s="326">
        <v>102947</v>
      </c>
      <c r="P22" s="327">
        <v>220027</v>
      </c>
      <c r="Q22" s="325">
        <v>0</v>
      </c>
      <c r="R22" s="326">
        <v>1139409</v>
      </c>
      <c r="S22" s="326">
        <v>1843029</v>
      </c>
      <c r="T22" s="326">
        <v>2087179</v>
      </c>
      <c r="U22" s="326">
        <v>588081</v>
      </c>
      <c r="V22" s="326">
        <v>1014877</v>
      </c>
      <c r="W22" s="327">
        <v>6672575</v>
      </c>
      <c r="X22" s="329">
        <v>6892602</v>
      </c>
      <c r="Y22" s="325">
        <v>0</v>
      </c>
      <c r="Z22" s="326">
        <v>0</v>
      </c>
      <c r="AA22" s="327">
        <v>0</v>
      </c>
      <c r="AB22" s="325">
        <v>0</v>
      </c>
      <c r="AC22" s="326">
        <v>418807</v>
      </c>
      <c r="AD22" s="326">
        <v>642496</v>
      </c>
      <c r="AE22" s="326">
        <v>1004409</v>
      </c>
      <c r="AF22" s="326">
        <v>308105</v>
      </c>
      <c r="AG22" s="326">
        <v>633886</v>
      </c>
      <c r="AH22" s="327">
        <v>3007703</v>
      </c>
      <c r="AI22" s="329">
        <v>3007703</v>
      </c>
      <c r="AJ22" s="325">
        <v>0</v>
      </c>
      <c r="AK22" s="326">
        <v>0</v>
      </c>
      <c r="AL22" s="327">
        <v>0</v>
      </c>
      <c r="AM22" s="325">
        <v>0</v>
      </c>
      <c r="AN22" s="326">
        <v>0</v>
      </c>
      <c r="AO22" s="326">
        <v>59220</v>
      </c>
      <c r="AP22" s="326">
        <v>47374</v>
      </c>
      <c r="AQ22" s="326">
        <v>46716</v>
      </c>
      <c r="AR22" s="326">
        <v>58960</v>
      </c>
      <c r="AS22" s="327">
        <v>212270</v>
      </c>
      <c r="AT22" s="329">
        <v>212270</v>
      </c>
      <c r="AU22" s="325">
        <v>0</v>
      </c>
      <c r="AV22" s="326">
        <v>51457</v>
      </c>
      <c r="AW22" s="327">
        <v>51457</v>
      </c>
      <c r="AX22" s="325">
        <v>0</v>
      </c>
      <c r="AY22" s="326">
        <v>460693</v>
      </c>
      <c r="AZ22" s="326">
        <v>719657</v>
      </c>
      <c r="BA22" s="326">
        <v>601408</v>
      </c>
      <c r="BB22" s="326">
        <v>75180</v>
      </c>
      <c r="BC22" s="326">
        <v>232639</v>
      </c>
      <c r="BD22" s="327">
        <v>2089577</v>
      </c>
      <c r="BE22" s="329">
        <v>2141034</v>
      </c>
      <c r="BF22" s="325">
        <v>0</v>
      </c>
      <c r="BG22" s="326">
        <v>23178</v>
      </c>
      <c r="BH22" s="330">
        <v>23178</v>
      </c>
      <c r="BI22" s="331">
        <v>0</v>
      </c>
      <c r="BJ22" s="326">
        <v>24781</v>
      </c>
      <c r="BK22" s="326">
        <v>27400</v>
      </c>
      <c r="BL22" s="326">
        <v>125556</v>
      </c>
      <c r="BM22" s="326">
        <v>0</v>
      </c>
      <c r="BN22" s="326">
        <v>0</v>
      </c>
      <c r="BO22" s="327">
        <v>177737</v>
      </c>
      <c r="BP22" s="329">
        <v>200915</v>
      </c>
      <c r="BQ22" s="325">
        <v>117080</v>
      </c>
      <c r="BR22" s="326">
        <v>28312</v>
      </c>
      <c r="BS22" s="327">
        <v>145392</v>
      </c>
      <c r="BT22" s="325">
        <v>0</v>
      </c>
      <c r="BU22" s="326">
        <v>235128</v>
      </c>
      <c r="BV22" s="326">
        <v>394256</v>
      </c>
      <c r="BW22" s="326">
        <v>308432</v>
      </c>
      <c r="BX22" s="326">
        <v>158080</v>
      </c>
      <c r="BY22" s="326">
        <v>89392</v>
      </c>
      <c r="BZ22" s="327">
        <v>1185288</v>
      </c>
      <c r="CA22" s="329">
        <v>1330680</v>
      </c>
      <c r="CB22" s="325">
        <v>110186</v>
      </c>
      <c r="CC22" s="326">
        <v>79249</v>
      </c>
      <c r="CD22" s="327">
        <v>189435</v>
      </c>
      <c r="CE22" s="325">
        <v>0</v>
      </c>
      <c r="CF22" s="326">
        <v>1251730</v>
      </c>
      <c r="CG22" s="326">
        <v>3062800</v>
      </c>
      <c r="CH22" s="326">
        <v>1467590</v>
      </c>
      <c r="CI22" s="326">
        <v>174525</v>
      </c>
      <c r="CJ22" s="326">
        <v>196257</v>
      </c>
      <c r="CK22" s="327">
        <v>6152902</v>
      </c>
      <c r="CL22" s="329">
        <v>6342337</v>
      </c>
      <c r="CM22" s="325">
        <v>0</v>
      </c>
      <c r="CN22" s="326">
        <v>0</v>
      </c>
      <c r="CO22" s="327">
        <v>0</v>
      </c>
      <c r="CP22" s="331">
        <v>0</v>
      </c>
      <c r="CQ22" s="326">
        <v>1098953</v>
      </c>
      <c r="CR22" s="326">
        <v>2172083</v>
      </c>
      <c r="CS22" s="326">
        <v>1042910</v>
      </c>
      <c r="CT22" s="326">
        <v>110515</v>
      </c>
      <c r="CU22" s="326">
        <v>196257</v>
      </c>
      <c r="CV22" s="327">
        <v>4620718</v>
      </c>
      <c r="CW22" s="329">
        <v>4620718</v>
      </c>
      <c r="CX22" s="325">
        <v>110186</v>
      </c>
      <c r="CY22" s="326">
        <v>79249</v>
      </c>
      <c r="CZ22" s="327">
        <v>189435</v>
      </c>
      <c r="DA22" s="325">
        <v>0</v>
      </c>
      <c r="DB22" s="326">
        <v>152777</v>
      </c>
      <c r="DC22" s="326">
        <v>890717</v>
      </c>
      <c r="DD22" s="326">
        <v>424680</v>
      </c>
      <c r="DE22" s="326">
        <v>64010</v>
      </c>
      <c r="DF22" s="326">
        <v>0</v>
      </c>
      <c r="DG22" s="327">
        <v>1532184</v>
      </c>
      <c r="DH22" s="329">
        <v>1721619</v>
      </c>
      <c r="DI22" s="325">
        <v>0</v>
      </c>
      <c r="DJ22" s="326">
        <v>0</v>
      </c>
      <c r="DK22" s="330">
        <v>0</v>
      </c>
      <c r="DL22" s="331">
        <v>0</v>
      </c>
      <c r="DM22" s="326">
        <v>141460</v>
      </c>
      <c r="DN22" s="326">
        <v>702911</v>
      </c>
      <c r="DO22" s="326">
        <v>575586</v>
      </c>
      <c r="DP22" s="326">
        <v>1306030</v>
      </c>
      <c r="DQ22" s="326">
        <v>242271</v>
      </c>
      <c r="DR22" s="327">
        <v>2968258</v>
      </c>
      <c r="DS22" s="329">
        <v>2968258</v>
      </c>
      <c r="DT22" s="325">
        <v>0</v>
      </c>
      <c r="DU22" s="326">
        <v>0</v>
      </c>
      <c r="DV22" s="327">
        <v>0</v>
      </c>
      <c r="DW22" s="325">
        <v>0</v>
      </c>
      <c r="DX22" s="326">
        <v>141460</v>
      </c>
      <c r="DY22" s="326">
        <v>702911</v>
      </c>
      <c r="DZ22" s="326">
        <v>527102</v>
      </c>
      <c r="EA22" s="326">
        <v>1306030</v>
      </c>
      <c r="EB22" s="326">
        <v>242271</v>
      </c>
      <c r="EC22" s="327">
        <v>2919774</v>
      </c>
      <c r="ED22" s="329">
        <v>2919774</v>
      </c>
      <c r="EE22" s="325">
        <v>0</v>
      </c>
      <c r="EF22" s="330">
        <v>0</v>
      </c>
      <c r="EG22" s="327">
        <v>0</v>
      </c>
      <c r="EH22" s="325">
        <v>0</v>
      </c>
      <c r="EI22" s="326">
        <v>0</v>
      </c>
      <c r="EJ22" s="326">
        <v>0</v>
      </c>
      <c r="EK22" s="326">
        <v>48484</v>
      </c>
      <c r="EL22" s="326">
        <v>0</v>
      </c>
      <c r="EM22" s="326">
        <v>0</v>
      </c>
      <c r="EN22" s="330">
        <v>48484</v>
      </c>
      <c r="EO22" s="329">
        <v>48484</v>
      </c>
      <c r="EP22" s="325">
        <v>0</v>
      </c>
      <c r="EQ22" s="326">
        <v>0</v>
      </c>
      <c r="ER22" s="330">
        <v>0</v>
      </c>
      <c r="ES22" s="331">
        <v>0</v>
      </c>
      <c r="ET22" s="326">
        <v>0</v>
      </c>
      <c r="EU22" s="326">
        <v>0</v>
      </c>
      <c r="EV22" s="326">
        <v>0</v>
      </c>
      <c r="EW22" s="326">
        <v>0</v>
      </c>
      <c r="EX22" s="326">
        <v>0</v>
      </c>
      <c r="EY22" s="327">
        <v>0</v>
      </c>
      <c r="EZ22" s="329">
        <v>0</v>
      </c>
      <c r="FA22" s="325">
        <v>0</v>
      </c>
      <c r="FB22" s="326">
        <v>0</v>
      </c>
      <c r="FC22" s="330">
        <v>0</v>
      </c>
      <c r="FD22" s="331">
        <v>0</v>
      </c>
      <c r="FE22" s="326">
        <v>0</v>
      </c>
      <c r="FF22" s="326">
        <v>0</v>
      </c>
      <c r="FG22" s="326">
        <v>0</v>
      </c>
      <c r="FH22" s="326">
        <v>0</v>
      </c>
      <c r="FI22" s="326">
        <v>0</v>
      </c>
      <c r="FJ22" s="327">
        <v>0</v>
      </c>
      <c r="FK22" s="329">
        <v>0</v>
      </c>
      <c r="FL22" s="325">
        <v>86928</v>
      </c>
      <c r="FM22" s="326">
        <v>148152</v>
      </c>
      <c r="FN22" s="327">
        <v>235080</v>
      </c>
      <c r="FO22" s="325">
        <v>0</v>
      </c>
      <c r="FP22" s="326">
        <v>259560</v>
      </c>
      <c r="FQ22" s="326">
        <v>992744</v>
      </c>
      <c r="FR22" s="326">
        <v>501832</v>
      </c>
      <c r="FS22" s="326">
        <v>115784</v>
      </c>
      <c r="FT22" s="326">
        <v>151320</v>
      </c>
      <c r="FU22" s="327">
        <v>2021240</v>
      </c>
      <c r="FV22" s="329">
        <v>2256320</v>
      </c>
      <c r="FW22" s="332">
        <v>41952</v>
      </c>
      <c r="FX22" s="326">
        <v>137752</v>
      </c>
      <c r="FY22" s="330">
        <v>179704</v>
      </c>
      <c r="FZ22" s="331">
        <v>0</v>
      </c>
      <c r="GA22" s="326">
        <v>92360</v>
      </c>
      <c r="GB22" s="326">
        <v>946312</v>
      </c>
      <c r="GC22" s="326">
        <v>454952</v>
      </c>
      <c r="GD22" s="326">
        <v>115784</v>
      </c>
      <c r="GE22" s="326">
        <v>151320</v>
      </c>
      <c r="GF22" s="327">
        <v>1760728</v>
      </c>
      <c r="GG22" s="333">
        <v>1940432</v>
      </c>
      <c r="GH22" s="332">
        <v>0</v>
      </c>
      <c r="GI22" s="326">
        <v>0</v>
      </c>
      <c r="GJ22" s="330">
        <v>0</v>
      </c>
      <c r="GK22" s="331">
        <v>0</v>
      </c>
      <c r="GL22" s="326">
        <v>0</v>
      </c>
      <c r="GM22" s="326">
        <v>46432</v>
      </c>
      <c r="GN22" s="326">
        <v>0</v>
      </c>
      <c r="GO22" s="326">
        <v>0</v>
      </c>
      <c r="GP22" s="326">
        <v>0</v>
      </c>
      <c r="GQ22" s="327">
        <v>46432</v>
      </c>
      <c r="GR22" s="329">
        <v>46432</v>
      </c>
      <c r="GS22" s="325">
        <v>44976</v>
      </c>
      <c r="GT22" s="326">
        <v>10400</v>
      </c>
      <c r="GU22" s="327">
        <v>55376</v>
      </c>
      <c r="GV22" s="325">
        <v>0</v>
      </c>
      <c r="GW22" s="326">
        <v>167200</v>
      </c>
      <c r="GX22" s="326">
        <v>0</v>
      </c>
      <c r="GY22" s="326">
        <v>46880</v>
      </c>
      <c r="GZ22" s="326">
        <v>0</v>
      </c>
      <c r="HA22" s="326">
        <v>0</v>
      </c>
      <c r="HB22" s="330">
        <v>214080</v>
      </c>
      <c r="HC22" s="329">
        <v>269456</v>
      </c>
      <c r="HD22" s="325">
        <v>278487</v>
      </c>
      <c r="HE22" s="326">
        <v>141076</v>
      </c>
      <c r="HF22" s="330">
        <v>419563</v>
      </c>
      <c r="HG22" s="331">
        <v>0</v>
      </c>
      <c r="HH22" s="326">
        <v>1328577</v>
      </c>
      <c r="HI22" s="326">
        <v>2233599</v>
      </c>
      <c r="HJ22" s="326">
        <v>1409006</v>
      </c>
      <c r="HK22" s="326">
        <v>678011</v>
      </c>
      <c r="HL22" s="326">
        <v>309386</v>
      </c>
      <c r="HM22" s="327">
        <v>5958579</v>
      </c>
      <c r="HN22" s="328">
        <v>6378142</v>
      </c>
      <c r="HO22" s="332">
        <v>0</v>
      </c>
      <c r="HP22" s="326">
        <v>0</v>
      </c>
      <c r="HQ22" s="327">
        <v>0</v>
      </c>
      <c r="HR22" s="325">
        <v>0</v>
      </c>
      <c r="HS22" s="326">
        <v>0</v>
      </c>
      <c r="HT22" s="326">
        <v>0</v>
      </c>
      <c r="HU22" s="326">
        <v>0</v>
      </c>
      <c r="HV22" s="326">
        <v>0</v>
      </c>
      <c r="HW22" s="326">
        <v>0</v>
      </c>
      <c r="HX22" s="330">
        <v>0</v>
      </c>
      <c r="HY22" s="329">
        <v>0</v>
      </c>
      <c r="HZ22" s="357">
        <v>22351</v>
      </c>
      <c r="IA22" s="355">
        <v>0</v>
      </c>
      <c r="IB22" s="357">
        <v>22351</v>
      </c>
      <c r="IC22" s="354">
        <v>0</v>
      </c>
      <c r="ID22" s="355">
        <v>1136171</v>
      </c>
      <c r="IE22" s="356">
        <v>1981469</v>
      </c>
      <c r="IF22" s="357">
        <v>2486920</v>
      </c>
      <c r="IG22" s="355">
        <v>1264604</v>
      </c>
      <c r="IH22" s="357">
        <v>620744</v>
      </c>
      <c r="II22" s="358">
        <v>7489908</v>
      </c>
      <c r="IJ22" s="357">
        <v>7512259</v>
      </c>
      <c r="IK22" s="341">
        <v>0</v>
      </c>
      <c r="IL22" s="342">
        <v>0</v>
      </c>
      <c r="IM22" s="343">
        <v>0</v>
      </c>
      <c r="IN22" s="403">
        <v>0</v>
      </c>
      <c r="IO22" s="344">
        <v>0</v>
      </c>
      <c r="IP22" s="344">
        <v>0</v>
      </c>
      <c r="IQ22" s="344">
        <v>0</v>
      </c>
      <c r="IR22" s="344">
        <v>0</v>
      </c>
      <c r="IS22" s="344">
        <v>239936</v>
      </c>
      <c r="IT22" s="345">
        <v>239936</v>
      </c>
      <c r="IU22" s="346">
        <v>239936</v>
      </c>
      <c r="IV22" s="347">
        <v>0</v>
      </c>
      <c r="IW22" s="344">
        <v>0</v>
      </c>
      <c r="IX22" s="348">
        <v>0</v>
      </c>
      <c r="IY22" s="403">
        <v>0</v>
      </c>
      <c r="IZ22" s="344">
        <v>0</v>
      </c>
      <c r="JA22" s="344">
        <v>0</v>
      </c>
      <c r="JB22" s="344">
        <v>0</v>
      </c>
      <c r="JC22" s="344">
        <v>0</v>
      </c>
      <c r="JD22" s="344">
        <v>0</v>
      </c>
      <c r="JE22" s="348">
        <v>0</v>
      </c>
      <c r="JF22" s="349">
        <v>0</v>
      </c>
      <c r="JG22" s="347">
        <v>0</v>
      </c>
      <c r="JH22" s="344">
        <v>0</v>
      </c>
      <c r="JI22" s="345">
        <v>0</v>
      </c>
      <c r="JJ22" s="350">
        <v>0</v>
      </c>
      <c r="JK22" s="344">
        <v>731264</v>
      </c>
      <c r="JL22" s="344">
        <v>816882</v>
      </c>
      <c r="JM22" s="344">
        <v>694842</v>
      </c>
      <c r="JN22" s="344">
        <v>174296</v>
      </c>
      <c r="JO22" s="344">
        <v>0</v>
      </c>
      <c r="JP22" s="348">
        <v>2417284</v>
      </c>
      <c r="JQ22" s="346">
        <v>2417284</v>
      </c>
      <c r="JR22" s="347">
        <v>22351</v>
      </c>
      <c r="JS22" s="344">
        <v>0</v>
      </c>
      <c r="JT22" s="345">
        <v>22351</v>
      </c>
      <c r="JU22" s="350">
        <v>0</v>
      </c>
      <c r="JV22" s="344">
        <v>34469</v>
      </c>
      <c r="JW22" s="344">
        <v>56045</v>
      </c>
      <c r="JX22" s="344">
        <v>0</v>
      </c>
      <c r="JY22" s="344">
        <v>0</v>
      </c>
      <c r="JZ22" s="344">
        <v>0</v>
      </c>
      <c r="KA22" s="348">
        <v>90514</v>
      </c>
      <c r="KB22" s="346">
        <v>112865</v>
      </c>
      <c r="KC22" s="351">
        <v>0</v>
      </c>
      <c r="KD22" s="352">
        <v>0</v>
      </c>
      <c r="KE22" s="348">
        <v>0</v>
      </c>
      <c r="KF22" s="350">
        <v>0</v>
      </c>
      <c r="KG22" s="344">
        <v>128499</v>
      </c>
      <c r="KH22" s="344">
        <v>347549</v>
      </c>
      <c r="KI22" s="344">
        <v>246944</v>
      </c>
      <c r="KJ22" s="344">
        <v>272896</v>
      </c>
      <c r="KK22" s="344">
        <v>380808</v>
      </c>
      <c r="KL22" s="348">
        <v>1376696</v>
      </c>
      <c r="KM22" s="353">
        <v>1376696</v>
      </c>
      <c r="KN22" s="341">
        <v>0</v>
      </c>
      <c r="KO22" s="342">
        <v>0</v>
      </c>
      <c r="KP22" s="343">
        <v>0</v>
      </c>
      <c r="KQ22" s="403">
        <v>0</v>
      </c>
      <c r="KR22" s="344">
        <v>241939</v>
      </c>
      <c r="KS22" s="344">
        <v>760993</v>
      </c>
      <c r="KT22" s="344">
        <v>1258842</v>
      </c>
      <c r="KU22" s="344">
        <v>264629</v>
      </c>
      <c r="KV22" s="344">
        <v>0</v>
      </c>
      <c r="KW22" s="348">
        <v>2526403</v>
      </c>
      <c r="KX22" s="346">
        <v>2526403</v>
      </c>
      <c r="KY22" s="347">
        <v>0</v>
      </c>
      <c r="KZ22" s="344">
        <v>0</v>
      </c>
      <c r="LA22" s="348">
        <v>0</v>
      </c>
      <c r="LB22" s="403">
        <v>0</v>
      </c>
      <c r="LC22" s="344">
        <v>0</v>
      </c>
      <c r="LD22" s="344">
        <v>0</v>
      </c>
      <c r="LE22" s="344">
        <v>0</v>
      </c>
      <c r="LF22" s="344">
        <v>0</v>
      </c>
      <c r="LG22" s="344">
        <v>0</v>
      </c>
      <c r="LH22" s="348">
        <v>0</v>
      </c>
      <c r="LI22" s="349">
        <v>0</v>
      </c>
      <c r="LJ22" s="347">
        <v>0</v>
      </c>
      <c r="LK22" s="344">
        <v>0</v>
      </c>
      <c r="LL22" s="348">
        <v>0</v>
      </c>
      <c r="LM22" s="403">
        <v>0</v>
      </c>
      <c r="LN22" s="344">
        <v>0</v>
      </c>
      <c r="LO22" s="344">
        <v>0</v>
      </c>
      <c r="LP22" s="344">
        <v>0</v>
      </c>
      <c r="LQ22" s="344">
        <v>552783</v>
      </c>
      <c r="LR22" s="344">
        <v>0</v>
      </c>
      <c r="LS22" s="348">
        <v>552783</v>
      </c>
      <c r="LT22" s="346">
        <v>552783</v>
      </c>
      <c r="LU22" s="347">
        <v>0</v>
      </c>
      <c r="LV22" s="344">
        <v>0</v>
      </c>
      <c r="LW22" s="348">
        <v>0</v>
      </c>
      <c r="LX22" s="403">
        <v>0</v>
      </c>
      <c r="LY22" s="344">
        <v>0</v>
      </c>
      <c r="LZ22" s="344">
        <v>0</v>
      </c>
      <c r="MA22" s="344">
        <v>286292</v>
      </c>
      <c r="MB22" s="344">
        <v>0</v>
      </c>
      <c r="MC22" s="344">
        <v>0</v>
      </c>
      <c r="MD22" s="348">
        <v>286292</v>
      </c>
      <c r="ME22" s="349">
        <v>286292</v>
      </c>
      <c r="MF22" s="347">
        <v>0</v>
      </c>
      <c r="MG22" s="344">
        <v>0</v>
      </c>
      <c r="MH22" s="348">
        <v>0</v>
      </c>
      <c r="MI22" s="403">
        <v>0</v>
      </c>
      <c r="MJ22" s="344">
        <v>449778</v>
      </c>
      <c r="MK22" s="344">
        <v>556409</v>
      </c>
      <c r="ML22" s="344">
        <v>3850232</v>
      </c>
      <c r="MM22" s="344">
        <v>4097424</v>
      </c>
      <c r="MN22" s="344">
        <v>4237738</v>
      </c>
      <c r="MO22" s="348">
        <v>13191581</v>
      </c>
      <c r="MP22" s="353">
        <v>13191581</v>
      </c>
      <c r="MQ22" s="347">
        <v>0</v>
      </c>
      <c r="MR22" s="344">
        <v>0</v>
      </c>
      <c r="MS22" s="348">
        <v>0</v>
      </c>
      <c r="MT22" s="403">
        <v>0</v>
      </c>
      <c r="MU22" s="344">
        <v>0</v>
      </c>
      <c r="MV22" s="344">
        <v>0</v>
      </c>
      <c r="MW22" s="344">
        <v>2396645</v>
      </c>
      <c r="MX22" s="344">
        <v>2917632</v>
      </c>
      <c r="MY22" s="344">
        <v>2392035</v>
      </c>
      <c r="MZ22" s="348">
        <v>7706312</v>
      </c>
      <c r="NA22" s="353">
        <v>7706312</v>
      </c>
      <c r="NB22" s="347">
        <v>0</v>
      </c>
      <c r="NC22" s="344">
        <v>0</v>
      </c>
      <c r="ND22" s="348">
        <v>0</v>
      </c>
      <c r="NE22" s="403">
        <v>0</v>
      </c>
      <c r="NF22" s="344">
        <v>449778</v>
      </c>
      <c r="NG22" s="344">
        <v>556409</v>
      </c>
      <c r="NH22" s="344">
        <v>1453587</v>
      </c>
      <c r="NI22" s="344">
        <v>848670</v>
      </c>
      <c r="NJ22" s="344">
        <v>1845703</v>
      </c>
      <c r="NK22" s="348">
        <v>5154147</v>
      </c>
      <c r="NL22" s="346">
        <v>5154147</v>
      </c>
      <c r="NM22" s="347">
        <v>0</v>
      </c>
      <c r="NN22" s="344">
        <v>0</v>
      </c>
      <c r="NO22" s="348">
        <v>0</v>
      </c>
      <c r="NP22" s="403">
        <v>0</v>
      </c>
      <c r="NQ22" s="344">
        <v>0</v>
      </c>
      <c r="NR22" s="344">
        <v>0</v>
      </c>
      <c r="NS22" s="344">
        <v>0</v>
      </c>
      <c r="NT22" s="344">
        <v>0</v>
      </c>
      <c r="NU22" s="344">
        <v>0</v>
      </c>
      <c r="NV22" s="348">
        <v>0</v>
      </c>
      <c r="NW22" s="349">
        <v>0</v>
      </c>
      <c r="NX22" s="347">
        <v>0</v>
      </c>
      <c r="NY22" s="344">
        <v>0</v>
      </c>
      <c r="NZ22" s="348">
        <v>0</v>
      </c>
      <c r="OA22" s="403">
        <v>0</v>
      </c>
      <c r="OB22" s="344">
        <v>0</v>
      </c>
      <c r="OC22" s="344">
        <v>0</v>
      </c>
      <c r="OD22" s="344">
        <v>0</v>
      </c>
      <c r="OE22" s="344">
        <v>331122</v>
      </c>
      <c r="OF22" s="344">
        <v>0</v>
      </c>
      <c r="OG22" s="348">
        <v>331122</v>
      </c>
      <c r="OH22" s="349">
        <v>331122</v>
      </c>
      <c r="OI22" s="347">
        <v>615032</v>
      </c>
      <c r="OJ22" s="344">
        <v>471424</v>
      </c>
      <c r="OK22" s="345">
        <v>1086456</v>
      </c>
      <c r="OL22" s="350">
        <v>0</v>
      </c>
      <c r="OM22" s="344">
        <v>5706685</v>
      </c>
      <c r="ON22" s="344">
        <v>11372961</v>
      </c>
      <c r="OO22" s="344">
        <v>12378345</v>
      </c>
      <c r="OP22" s="344">
        <v>8224459</v>
      </c>
      <c r="OQ22" s="344">
        <v>6772593</v>
      </c>
      <c r="OR22" s="348">
        <v>44455043</v>
      </c>
      <c r="OS22" s="353">
        <v>45541499</v>
      </c>
    </row>
    <row r="23" spans="2:409" s="70" customFormat="1" ht="21" customHeight="1" x14ac:dyDescent="0.2">
      <c r="B23" s="409" t="s">
        <v>18</v>
      </c>
      <c r="C23" s="325">
        <v>506146</v>
      </c>
      <c r="D23" s="326">
        <v>833895</v>
      </c>
      <c r="E23" s="327">
        <v>1340041</v>
      </c>
      <c r="F23" s="328">
        <v>0</v>
      </c>
      <c r="G23" s="326">
        <v>8074073</v>
      </c>
      <c r="H23" s="326">
        <v>8640021</v>
      </c>
      <c r="I23" s="326">
        <v>6677809</v>
      </c>
      <c r="J23" s="326">
        <v>6168768</v>
      </c>
      <c r="K23" s="326">
        <v>3295875</v>
      </c>
      <c r="L23" s="328">
        <v>32856546</v>
      </c>
      <c r="M23" s="329">
        <v>34196587</v>
      </c>
      <c r="N23" s="325">
        <v>129190</v>
      </c>
      <c r="O23" s="326">
        <v>368836</v>
      </c>
      <c r="P23" s="327">
        <v>498026</v>
      </c>
      <c r="Q23" s="325">
        <v>0</v>
      </c>
      <c r="R23" s="326">
        <v>2110450</v>
      </c>
      <c r="S23" s="326">
        <v>2497563</v>
      </c>
      <c r="T23" s="326">
        <v>1804765</v>
      </c>
      <c r="U23" s="326">
        <v>2469030</v>
      </c>
      <c r="V23" s="326">
        <v>1956949</v>
      </c>
      <c r="W23" s="327">
        <v>10838757</v>
      </c>
      <c r="X23" s="329">
        <v>11336783</v>
      </c>
      <c r="Y23" s="325">
        <v>0</v>
      </c>
      <c r="Z23" s="326">
        <v>0</v>
      </c>
      <c r="AA23" s="327">
        <v>0</v>
      </c>
      <c r="AB23" s="325">
        <v>0</v>
      </c>
      <c r="AC23" s="326">
        <v>896954</v>
      </c>
      <c r="AD23" s="326">
        <v>1069461</v>
      </c>
      <c r="AE23" s="326">
        <v>837578</v>
      </c>
      <c r="AF23" s="326">
        <v>1578844</v>
      </c>
      <c r="AG23" s="326">
        <v>1074801</v>
      </c>
      <c r="AH23" s="327">
        <v>5457638</v>
      </c>
      <c r="AI23" s="329">
        <v>5457638</v>
      </c>
      <c r="AJ23" s="325">
        <v>0</v>
      </c>
      <c r="AK23" s="326">
        <v>0</v>
      </c>
      <c r="AL23" s="327">
        <v>0</v>
      </c>
      <c r="AM23" s="325">
        <v>0</v>
      </c>
      <c r="AN23" s="326">
        <v>0</v>
      </c>
      <c r="AO23" s="326">
        <v>25573</v>
      </c>
      <c r="AP23" s="326">
        <v>0</v>
      </c>
      <c r="AQ23" s="326">
        <v>0</v>
      </c>
      <c r="AR23" s="326">
        <v>168632</v>
      </c>
      <c r="AS23" s="327">
        <v>194205</v>
      </c>
      <c r="AT23" s="329">
        <v>194205</v>
      </c>
      <c r="AU23" s="325">
        <v>49542</v>
      </c>
      <c r="AV23" s="326">
        <v>265708</v>
      </c>
      <c r="AW23" s="327">
        <v>315250</v>
      </c>
      <c r="AX23" s="325">
        <v>0</v>
      </c>
      <c r="AY23" s="326">
        <v>560937</v>
      </c>
      <c r="AZ23" s="326">
        <v>861141</v>
      </c>
      <c r="BA23" s="326">
        <v>464250</v>
      </c>
      <c r="BB23" s="326">
        <v>320329</v>
      </c>
      <c r="BC23" s="326">
        <v>461172</v>
      </c>
      <c r="BD23" s="327">
        <v>2667829</v>
      </c>
      <c r="BE23" s="329">
        <v>2983079</v>
      </c>
      <c r="BF23" s="325">
        <v>0</v>
      </c>
      <c r="BG23" s="326">
        <v>56488</v>
      </c>
      <c r="BH23" s="330">
        <v>56488</v>
      </c>
      <c r="BI23" s="331">
        <v>0</v>
      </c>
      <c r="BJ23" s="326">
        <v>122623</v>
      </c>
      <c r="BK23" s="326">
        <v>118116</v>
      </c>
      <c r="BL23" s="326">
        <v>139233</v>
      </c>
      <c r="BM23" s="326">
        <v>170105</v>
      </c>
      <c r="BN23" s="326">
        <v>0</v>
      </c>
      <c r="BO23" s="327">
        <v>550077</v>
      </c>
      <c r="BP23" s="329">
        <v>606565</v>
      </c>
      <c r="BQ23" s="325">
        <v>79648</v>
      </c>
      <c r="BR23" s="326">
        <v>46640</v>
      </c>
      <c r="BS23" s="327">
        <v>126288</v>
      </c>
      <c r="BT23" s="325">
        <v>0</v>
      </c>
      <c r="BU23" s="326">
        <v>529936</v>
      </c>
      <c r="BV23" s="326">
        <v>423272</v>
      </c>
      <c r="BW23" s="326">
        <v>363704</v>
      </c>
      <c r="BX23" s="326">
        <v>399752</v>
      </c>
      <c r="BY23" s="326">
        <v>252344</v>
      </c>
      <c r="BZ23" s="327">
        <v>1969008</v>
      </c>
      <c r="CA23" s="329">
        <v>2095296</v>
      </c>
      <c r="CB23" s="325">
        <v>41490</v>
      </c>
      <c r="CC23" s="326">
        <v>306507</v>
      </c>
      <c r="CD23" s="327">
        <v>347997</v>
      </c>
      <c r="CE23" s="325">
        <v>0</v>
      </c>
      <c r="CF23" s="326">
        <v>2658030</v>
      </c>
      <c r="CG23" s="326">
        <v>2477875</v>
      </c>
      <c r="CH23" s="326">
        <v>1715750</v>
      </c>
      <c r="CI23" s="326">
        <v>592350</v>
      </c>
      <c r="CJ23" s="326">
        <v>198265</v>
      </c>
      <c r="CK23" s="327">
        <v>7642270</v>
      </c>
      <c r="CL23" s="329">
        <v>7990267</v>
      </c>
      <c r="CM23" s="325">
        <v>0</v>
      </c>
      <c r="CN23" s="326">
        <v>0</v>
      </c>
      <c r="CO23" s="327">
        <v>0</v>
      </c>
      <c r="CP23" s="331">
        <v>0</v>
      </c>
      <c r="CQ23" s="326">
        <v>2165490</v>
      </c>
      <c r="CR23" s="326">
        <v>1793915</v>
      </c>
      <c r="CS23" s="326">
        <v>1632332</v>
      </c>
      <c r="CT23" s="326">
        <v>555325</v>
      </c>
      <c r="CU23" s="326">
        <v>296460</v>
      </c>
      <c r="CV23" s="327">
        <v>6443522</v>
      </c>
      <c r="CW23" s="329">
        <v>6443522</v>
      </c>
      <c r="CX23" s="325">
        <v>41490</v>
      </c>
      <c r="CY23" s="326">
        <v>306507</v>
      </c>
      <c r="CZ23" s="327">
        <v>347997</v>
      </c>
      <c r="DA23" s="325">
        <v>0</v>
      </c>
      <c r="DB23" s="326">
        <v>492540</v>
      </c>
      <c r="DC23" s="326">
        <v>683960</v>
      </c>
      <c r="DD23" s="326">
        <v>83418</v>
      </c>
      <c r="DE23" s="326">
        <v>37025</v>
      </c>
      <c r="DF23" s="326">
        <v>-98195</v>
      </c>
      <c r="DG23" s="327">
        <v>1198748</v>
      </c>
      <c r="DH23" s="329">
        <v>1546745</v>
      </c>
      <c r="DI23" s="325">
        <v>0</v>
      </c>
      <c r="DJ23" s="326">
        <v>17352</v>
      </c>
      <c r="DK23" s="330">
        <v>17352</v>
      </c>
      <c r="DL23" s="331">
        <v>0</v>
      </c>
      <c r="DM23" s="326">
        <v>216506</v>
      </c>
      <c r="DN23" s="326">
        <v>442230</v>
      </c>
      <c r="DO23" s="326">
        <v>1035521</v>
      </c>
      <c r="DP23" s="326">
        <v>497401</v>
      </c>
      <c r="DQ23" s="326">
        <v>215</v>
      </c>
      <c r="DR23" s="327">
        <v>2191873</v>
      </c>
      <c r="DS23" s="329">
        <v>2209225</v>
      </c>
      <c r="DT23" s="325">
        <v>0</v>
      </c>
      <c r="DU23" s="326">
        <v>17352</v>
      </c>
      <c r="DV23" s="327">
        <v>17352</v>
      </c>
      <c r="DW23" s="325">
        <v>0</v>
      </c>
      <c r="DX23" s="326">
        <v>216506</v>
      </c>
      <c r="DY23" s="326">
        <v>442230</v>
      </c>
      <c r="DZ23" s="326">
        <v>1035521</v>
      </c>
      <c r="EA23" s="326">
        <v>497401</v>
      </c>
      <c r="EB23" s="326">
        <v>215</v>
      </c>
      <c r="EC23" s="327">
        <v>2191873</v>
      </c>
      <c r="ED23" s="329">
        <v>2209225</v>
      </c>
      <c r="EE23" s="325">
        <v>0</v>
      </c>
      <c r="EF23" s="330">
        <v>0</v>
      </c>
      <c r="EG23" s="327">
        <v>0</v>
      </c>
      <c r="EH23" s="325">
        <v>0</v>
      </c>
      <c r="EI23" s="326">
        <v>0</v>
      </c>
      <c r="EJ23" s="326">
        <v>0</v>
      </c>
      <c r="EK23" s="326">
        <v>0</v>
      </c>
      <c r="EL23" s="326">
        <v>0</v>
      </c>
      <c r="EM23" s="326">
        <v>0</v>
      </c>
      <c r="EN23" s="330">
        <v>0</v>
      </c>
      <c r="EO23" s="329">
        <v>0</v>
      </c>
      <c r="EP23" s="325">
        <v>0</v>
      </c>
      <c r="EQ23" s="326">
        <v>0</v>
      </c>
      <c r="ER23" s="330">
        <v>0</v>
      </c>
      <c r="ES23" s="331">
        <v>0</v>
      </c>
      <c r="ET23" s="326">
        <v>0</v>
      </c>
      <c r="EU23" s="326">
        <v>0</v>
      </c>
      <c r="EV23" s="326">
        <v>0</v>
      </c>
      <c r="EW23" s="326">
        <v>0</v>
      </c>
      <c r="EX23" s="326">
        <v>0</v>
      </c>
      <c r="EY23" s="327">
        <v>0</v>
      </c>
      <c r="EZ23" s="329">
        <v>0</v>
      </c>
      <c r="FA23" s="325">
        <v>0</v>
      </c>
      <c r="FB23" s="326">
        <v>0</v>
      </c>
      <c r="FC23" s="330">
        <v>0</v>
      </c>
      <c r="FD23" s="331">
        <v>0</v>
      </c>
      <c r="FE23" s="326">
        <v>0</v>
      </c>
      <c r="FF23" s="326">
        <v>0</v>
      </c>
      <c r="FG23" s="326">
        <v>0</v>
      </c>
      <c r="FH23" s="326">
        <v>0</v>
      </c>
      <c r="FI23" s="326">
        <v>0</v>
      </c>
      <c r="FJ23" s="327">
        <v>0</v>
      </c>
      <c r="FK23" s="329">
        <v>0</v>
      </c>
      <c r="FL23" s="325">
        <v>167968</v>
      </c>
      <c r="FM23" s="326">
        <v>141200</v>
      </c>
      <c r="FN23" s="327">
        <v>309168</v>
      </c>
      <c r="FO23" s="325">
        <v>0</v>
      </c>
      <c r="FP23" s="326">
        <v>347448</v>
      </c>
      <c r="FQ23" s="326">
        <v>758336</v>
      </c>
      <c r="FR23" s="326">
        <v>384868</v>
      </c>
      <c r="FS23" s="326">
        <v>406512</v>
      </c>
      <c r="FT23" s="326">
        <v>414854</v>
      </c>
      <c r="FU23" s="327">
        <v>2312018</v>
      </c>
      <c r="FV23" s="329">
        <v>2621186</v>
      </c>
      <c r="FW23" s="332">
        <v>34368</v>
      </c>
      <c r="FX23" s="326">
        <v>141200</v>
      </c>
      <c r="FY23" s="330">
        <v>175568</v>
      </c>
      <c r="FZ23" s="331">
        <v>0</v>
      </c>
      <c r="GA23" s="326">
        <v>287448</v>
      </c>
      <c r="GB23" s="326">
        <v>717776</v>
      </c>
      <c r="GC23" s="326">
        <v>358468</v>
      </c>
      <c r="GD23" s="326">
        <v>406512</v>
      </c>
      <c r="GE23" s="326">
        <v>290054</v>
      </c>
      <c r="GF23" s="327">
        <v>2060258</v>
      </c>
      <c r="GG23" s="333">
        <v>2235826</v>
      </c>
      <c r="GH23" s="332">
        <v>0</v>
      </c>
      <c r="GI23" s="326">
        <v>0</v>
      </c>
      <c r="GJ23" s="330">
        <v>0</v>
      </c>
      <c r="GK23" s="331">
        <v>0</v>
      </c>
      <c r="GL23" s="326">
        <v>28000</v>
      </c>
      <c r="GM23" s="326">
        <v>40560</v>
      </c>
      <c r="GN23" s="326">
        <v>26400</v>
      </c>
      <c r="GO23" s="326">
        <v>0</v>
      </c>
      <c r="GP23" s="326">
        <v>0</v>
      </c>
      <c r="GQ23" s="327">
        <v>94960</v>
      </c>
      <c r="GR23" s="329">
        <v>94960</v>
      </c>
      <c r="GS23" s="325">
        <v>133600</v>
      </c>
      <c r="GT23" s="326">
        <v>0</v>
      </c>
      <c r="GU23" s="327">
        <v>133600</v>
      </c>
      <c r="GV23" s="325">
        <v>0</v>
      </c>
      <c r="GW23" s="326">
        <v>32000</v>
      </c>
      <c r="GX23" s="326">
        <v>0</v>
      </c>
      <c r="GY23" s="326">
        <v>0</v>
      </c>
      <c r="GZ23" s="326">
        <v>0</v>
      </c>
      <c r="HA23" s="326">
        <v>124800</v>
      </c>
      <c r="HB23" s="330">
        <v>156800</v>
      </c>
      <c r="HC23" s="329">
        <v>290400</v>
      </c>
      <c r="HD23" s="325">
        <v>167498</v>
      </c>
      <c r="HE23" s="326">
        <v>0</v>
      </c>
      <c r="HF23" s="330">
        <v>167498</v>
      </c>
      <c r="HG23" s="331">
        <v>0</v>
      </c>
      <c r="HH23" s="326">
        <v>2741639</v>
      </c>
      <c r="HI23" s="326">
        <v>2464017</v>
      </c>
      <c r="HJ23" s="326">
        <v>1736905</v>
      </c>
      <c r="HK23" s="326">
        <v>2203475</v>
      </c>
      <c r="HL23" s="326">
        <v>725592</v>
      </c>
      <c r="HM23" s="327">
        <v>9871628</v>
      </c>
      <c r="HN23" s="328">
        <v>10039126</v>
      </c>
      <c r="HO23" s="332">
        <v>0</v>
      </c>
      <c r="HP23" s="326">
        <v>0</v>
      </c>
      <c r="HQ23" s="327">
        <v>0</v>
      </c>
      <c r="HR23" s="325">
        <v>0</v>
      </c>
      <c r="HS23" s="326">
        <v>0</v>
      </c>
      <c r="HT23" s="326">
        <v>0</v>
      </c>
      <c r="HU23" s="326">
        <v>0</v>
      </c>
      <c r="HV23" s="326">
        <v>0</v>
      </c>
      <c r="HW23" s="326">
        <v>0</v>
      </c>
      <c r="HX23" s="330">
        <v>0</v>
      </c>
      <c r="HY23" s="329">
        <v>0</v>
      </c>
      <c r="HZ23" s="334">
        <v>46082</v>
      </c>
      <c r="IA23" s="335">
        <v>0</v>
      </c>
      <c r="IB23" s="336">
        <v>46082</v>
      </c>
      <c r="IC23" s="337">
        <v>0</v>
      </c>
      <c r="ID23" s="335">
        <v>1798281</v>
      </c>
      <c r="IE23" s="338">
        <v>1825180</v>
      </c>
      <c r="IF23" s="336">
        <v>3780470</v>
      </c>
      <c r="IG23" s="335">
        <v>2709546</v>
      </c>
      <c r="IH23" s="336">
        <v>1104154</v>
      </c>
      <c r="II23" s="339">
        <v>11217631</v>
      </c>
      <c r="IJ23" s="340">
        <v>11263713</v>
      </c>
      <c r="IK23" s="341">
        <v>0</v>
      </c>
      <c r="IL23" s="342">
        <v>0</v>
      </c>
      <c r="IM23" s="343">
        <v>0</v>
      </c>
      <c r="IN23" s="403">
        <v>0</v>
      </c>
      <c r="IO23" s="344">
        <v>0</v>
      </c>
      <c r="IP23" s="344">
        <v>0</v>
      </c>
      <c r="IQ23" s="344">
        <v>0</v>
      </c>
      <c r="IR23" s="344">
        <v>0</v>
      </c>
      <c r="IS23" s="344">
        <v>566692</v>
      </c>
      <c r="IT23" s="345">
        <v>566692</v>
      </c>
      <c r="IU23" s="346">
        <v>566692</v>
      </c>
      <c r="IV23" s="347">
        <v>0</v>
      </c>
      <c r="IW23" s="344">
        <v>0</v>
      </c>
      <c r="IX23" s="348">
        <v>0</v>
      </c>
      <c r="IY23" s="403">
        <v>0</v>
      </c>
      <c r="IZ23" s="344">
        <v>0</v>
      </c>
      <c r="JA23" s="344">
        <v>0</v>
      </c>
      <c r="JB23" s="344">
        <v>0</v>
      </c>
      <c r="JC23" s="344">
        <v>0</v>
      </c>
      <c r="JD23" s="344">
        <v>0</v>
      </c>
      <c r="JE23" s="348">
        <v>0</v>
      </c>
      <c r="JF23" s="349">
        <v>0</v>
      </c>
      <c r="JG23" s="347">
        <v>0</v>
      </c>
      <c r="JH23" s="344">
        <v>0</v>
      </c>
      <c r="JI23" s="345">
        <v>0</v>
      </c>
      <c r="JJ23" s="350">
        <v>0</v>
      </c>
      <c r="JK23" s="344">
        <v>806305</v>
      </c>
      <c r="JL23" s="344">
        <v>798194</v>
      </c>
      <c r="JM23" s="344">
        <v>207784</v>
      </c>
      <c r="JN23" s="344">
        <v>0</v>
      </c>
      <c r="JO23" s="344">
        <v>0</v>
      </c>
      <c r="JP23" s="348">
        <v>1812283</v>
      </c>
      <c r="JQ23" s="346">
        <v>1812283</v>
      </c>
      <c r="JR23" s="347">
        <v>0</v>
      </c>
      <c r="JS23" s="344">
        <v>0</v>
      </c>
      <c r="JT23" s="345">
        <v>0</v>
      </c>
      <c r="JU23" s="350">
        <v>0</v>
      </c>
      <c r="JV23" s="344">
        <v>0</v>
      </c>
      <c r="JW23" s="344">
        <v>113053</v>
      </c>
      <c r="JX23" s="344">
        <v>533203</v>
      </c>
      <c r="JY23" s="344">
        <v>274871</v>
      </c>
      <c r="JZ23" s="344">
        <v>0</v>
      </c>
      <c r="KA23" s="348">
        <v>921127</v>
      </c>
      <c r="KB23" s="346">
        <v>921127</v>
      </c>
      <c r="KC23" s="351">
        <v>46082</v>
      </c>
      <c r="KD23" s="352">
        <v>0</v>
      </c>
      <c r="KE23" s="348">
        <v>46082</v>
      </c>
      <c r="KF23" s="350">
        <v>0</v>
      </c>
      <c r="KG23" s="344">
        <v>513284</v>
      </c>
      <c r="KH23" s="344">
        <v>295078</v>
      </c>
      <c r="KI23" s="344">
        <v>1180667</v>
      </c>
      <c r="KJ23" s="344">
        <v>802424</v>
      </c>
      <c r="KK23" s="344">
        <v>0</v>
      </c>
      <c r="KL23" s="348">
        <v>2791453</v>
      </c>
      <c r="KM23" s="353">
        <v>2837535</v>
      </c>
      <c r="KN23" s="341">
        <v>0</v>
      </c>
      <c r="KO23" s="342">
        <v>0</v>
      </c>
      <c r="KP23" s="343">
        <v>0</v>
      </c>
      <c r="KQ23" s="403">
        <v>0</v>
      </c>
      <c r="KR23" s="344">
        <v>478692</v>
      </c>
      <c r="KS23" s="344">
        <v>618855</v>
      </c>
      <c r="KT23" s="344">
        <v>1027482</v>
      </c>
      <c r="KU23" s="344">
        <v>1051242</v>
      </c>
      <c r="KV23" s="344">
        <v>537462</v>
      </c>
      <c r="KW23" s="348">
        <v>3713733</v>
      </c>
      <c r="KX23" s="346">
        <v>3713733</v>
      </c>
      <c r="KY23" s="347">
        <v>0</v>
      </c>
      <c r="KZ23" s="344">
        <v>0</v>
      </c>
      <c r="LA23" s="348">
        <v>0</v>
      </c>
      <c r="LB23" s="403">
        <v>0</v>
      </c>
      <c r="LC23" s="344">
        <v>0</v>
      </c>
      <c r="LD23" s="344">
        <v>0</v>
      </c>
      <c r="LE23" s="344">
        <v>0</v>
      </c>
      <c r="LF23" s="344">
        <v>0</v>
      </c>
      <c r="LG23" s="344">
        <v>0</v>
      </c>
      <c r="LH23" s="348">
        <v>0</v>
      </c>
      <c r="LI23" s="349">
        <v>0</v>
      </c>
      <c r="LJ23" s="347">
        <v>0</v>
      </c>
      <c r="LK23" s="344">
        <v>0</v>
      </c>
      <c r="LL23" s="348">
        <v>0</v>
      </c>
      <c r="LM23" s="403">
        <v>0</v>
      </c>
      <c r="LN23" s="344">
        <v>0</v>
      </c>
      <c r="LO23" s="344">
        <v>0</v>
      </c>
      <c r="LP23" s="344">
        <v>264969</v>
      </c>
      <c r="LQ23" s="344">
        <v>285694</v>
      </c>
      <c r="LR23" s="344">
        <v>0</v>
      </c>
      <c r="LS23" s="348">
        <v>550663</v>
      </c>
      <c r="LT23" s="346">
        <v>550663</v>
      </c>
      <c r="LU23" s="347">
        <v>0</v>
      </c>
      <c r="LV23" s="344">
        <v>0</v>
      </c>
      <c r="LW23" s="348">
        <v>0</v>
      </c>
      <c r="LX23" s="403">
        <v>0</v>
      </c>
      <c r="LY23" s="344">
        <v>0</v>
      </c>
      <c r="LZ23" s="344">
        <v>0</v>
      </c>
      <c r="MA23" s="344">
        <v>566365</v>
      </c>
      <c r="MB23" s="344">
        <v>295315</v>
      </c>
      <c r="MC23" s="344">
        <v>0</v>
      </c>
      <c r="MD23" s="348">
        <v>861680</v>
      </c>
      <c r="ME23" s="349">
        <v>861680</v>
      </c>
      <c r="MF23" s="347">
        <v>0</v>
      </c>
      <c r="MG23" s="344">
        <v>0</v>
      </c>
      <c r="MH23" s="348">
        <v>0</v>
      </c>
      <c r="MI23" s="403">
        <v>0</v>
      </c>
      <c r="MJ23" s="344">
        <v>0</v>
      </c>
      <c r="MK23" s="344">
        <v>1682560</v>
      </c>
      <c r="ML23" s="344">
        <v>3933632</v>
      </c>
      <c r="MM23" s="344">
        <v>7397883</v>
      </c>
      <c r="MN23" s="344">
        <v>2378000</v>
      </c>
      <c r="MO23" s="348">
        <v>15392075</v>
      </c>
      <c r="MP23" s="353">
        <v>15392075</v>
      </c>
      <c r="MQ23" s="347">
        <v>0</v>
      </c>
      <c r="MR23" s="344">
        <v>0</v>
      </c>
      <c r="MS23" s="348">
        <v>0</v>
      </c>
      <c r="MT23" s="403">
        <v>0</v>
      </c>
      <c r="MU23" s="344">
        <v>0</v>
      </c>
      <c r="MV23" s="344">
        <v>0</v>
      </c>
      <c r="MW23" s="344">
        <v>1611509</v>
      </c>
      <c r="MX23" s="344">
        <v>5077526</v>
      </c>
      <c r="MY23" s="344">
        <v>1621358</v>
      </c>
      <c r="MZ23" s="348">
        <v>8310393</v>
      </c>
      <c r="NA23" s="353">
        <v>8310393</v>
      </c>
      <c r="NB23" s="347">
        <v>0</v>
      </c>
      <c r="NC23" s="344">
        <v>0</v>
      </c>
      <c r="ND23" s="348">
        <v>0</v>
      </c>
      <c r="NE23" s="403">
        <v>0</v>
      </c>
      <c r="NF23" s="344">
        <v>0</v>
      </c>
      <c r="NG23" s="344">
        <v>1682560</v>
      </c>
      <c r="NH23" s="344">
        <v>2322123</v>
      </c>
      <c r="NI23" s="344">
        <v>1725573</v>
      </c>
      <c r="NJ23" s="344">
        <v>359227</v>
      </c>
      <c r="NK23" s="348">
        <v>6089483</v>
      </c>
      <c r="NL23" s="346">
        <v>6089483</v>
      </c>
      <c r="NM23" s="347">
        <v>0</v>
      </c>
      <c r="NN23" s="344">
        <v>0</v>
      </c>
      <c r="NO23" s="348">
        <v>0</v>
      </c>
      <c r="NP23" s="403">
        <v>0</v>
      </c>
      <c r="NQ23" s="344">
        <v>0</v>
      </c>
      <c r="NR23" s="344">
        <v>0</v>
      </c>
      <c r="NS23" s="344">
        <v>0</v>
      </c>
      <c r="NT23" s="344">
        <v>218952</v>
      </c>
      <c r="NU23" s="344">
        <v>0</v>
      </c>
      <c r="NV23" s="348">
        <v>218952</v>
      </c>
      <c r="NW23" s="349">
        <v>218952</v>
      </c>
      <c r="NX23" s="347">
        <v>0</v>
      </c>
      <c r="NY23" s="344">
        <v>0</v>
      </c>
      <c r="NZ23" s="348">
        <v>0</v>
      </c>
      <c r="OA23" s="403">
        <v>0</v>
      </c>
      <c r="OB23" s="344">
        <v>0</v>
      </c>
      <c r="OC23" s="344">
        <v>0</v>
      </c>
      <c r="OD23" s="344">
        <v>0</v>
      </c>
      <c r="OE23" s="344">
        <v>375832</v>
      </c>
      <c r="OF23" s="344">
        <v>397415</v>
      </c>
      <c r="OG23" s="348">
        <v>773247</v>
      </c>
      <c r="OH23" s="349">
        <v>773247</v>
      </c>
      <c r="OI23" s="347">
        <v>552228</v>
      </c>
      <c r="OJ23" s="344">
        <v>833895</v>
      </c>
      <c r="OK23" s="345">
        <v>1386123</v>
      </c>
      <c r="OL23" s="350">
        <v>0</v>
      </c>
      <c r="OM23" s="344">
        <v>9872354</v>
      </c>
      <c r="ON23" s="344">
        <v>12147761</v>
      </c>
      <c r="OO23" s="344">
        <v>14391911</v>
      </c>
      <c r="OP23" s="344">
        <v>16276197</v>
      </c>
      <c r="OQ23" s="344">
        <v>6778029</v>
      </c>
      <c r="OR23" s="348">
        <v>59466252</v>
      </c>
      <c r="OS23" s="353">
        <v>60852375</v>
      </c>
    </row>
    <row r="24" spans="2:409" s="70" customFormat="1" ht="21" customHeight="1" x14ac:dyDescent="0.2">
      <c r="B24" s="409" t="s">
        <v>19</v>
      </c>
      <c r="C24" s="325">
        <v>243409</v>
      </c>
      <c r="D24" s="326">
        <v>485299</v>
      </c>
      <c r="E24" s="327">
        <v>728708</v>
      </c>
      <c r="F24" s="328">
        <v>0</v>
      </c>
      <c r="G24" s="326">
        <v>3216201</v>
      </c>
      <c r="H24" s="326">
        <v>4064587</v>
      </c>
      <c r="I24" s="326">
        <v>2882076</v>
      </c>
      <c r="J24" s="326">
        <v>2029170</v>
      </c>
      <c r="K24" s="326">
        <v>1855295</v>
      </c>
      <c r="L24" s="328">
        <v>14047329</v>
      </c>
      <c r="M24" s="329">
        <v>14776037</v>
      </c>
      <c r="N24" s="325">
        <v>17512</v>
      </c>
      <c r="O24" s="326">
        <v>134643</v>
      </c>
      <c r="P24" s="327">
        <v>152155</v>
      </c>
      <c r="Q24" s="325">
        <v>0</v>
      </c>
      <c r="R24" s="326">
        <v>1097655</v>
      </c>
      <c r="S24" s="326">
        <v>987448</v>
      </c>
      <c r="T24" s="326">
        <v>1202266</v>
      </c>
      <c r="U24" s="326">
        <v>738046</v>
      </c>
      <c r="V24" s="326">
        <v>1079615</v>
      </c>
      <c r="W24" s="327">
        <v>5105030</v>
      </c>
      <c r="X24" s="329">
        <v>5257185</v>
      </c>
      <c r="Y24" s="325">
        <v>0</v>
      </c>
      <c r="Z24" s="326">
        <v>0</v>
      </c>
      <c r="AA24" s="327">
        <v>0</v>
      </c>
      <c r="AB24" s="325">
        <v>0</v>
      </c>
      <c r="AC24" s="326">
        <v>252349</v>
      </c>
      <c r="AD24" s="326">
        <v>307898</v>
      </c>
      <c r="AE24" s="326">
        <v>583444</v>
      </c>
      <c r="AF24" s="326">
        <v>351641</v>
      </c>
      <c r="AG24" s="326">
        <v>528927</v>
      </c>
      <c r="AH24" s="327">
        <v>2024259</v>
      </c>
      <c r="AI24" s="329">
        <v>2024259</v>
      </c>
      <c r="AJ24" s="325">
        <v>0</v>
      </c>
      <c r="AK24" s="326">
        <v>0</v>
      </c>
      <c r="AL24" s="327">
        <v>0</v>
      </c>
      <c r="AM24" s="325">
        <v>0</v>
      </c>
      <c r="AN24" s="326">
        <v>0</v>
      </c>
      <c r="AO24" s="326">
        <v>0</v>
      </c>
      <c r="AP24" s="326">
        <v>82910</v>
      </c>
      <c r="AQ24" s="326">
        <v>79700</v>
      </c>
      <c r="AR24" s="326">
        <v>206834</v>
      </c>
      <c r="AS24" s="327">
        <v>369444</v>
      </c>
      <c r="AT24" s="329">
        <v>369444</v>
      </c>
      <c r="AU24" s="325">
        <v>0</v>
      </c>
      <c r="AV24" s="326">
        <v>54363</v>
      </c>
      <c r="AW24" s="327">
        <v>54363</v>
      </c>
      <c r="AX24" s="325">
        <v>0</v>
      </c>
      <c r="AY24" s="326">
        <v>537620</v>
      </c>
      <c r="AZ24" s="326">
        <v>387297</v>
      </c>
      <c r="BA24" s="326">
        <v>308248</v>
      </c>
      <c r="BB24" s="326">
        <v>211337</v>
      </c>
      <c r="BC24" s="326">
        <v>184646</v>
      </c>
      <c r="BD24" s="327">
        <v>1629148</v>
      </c>
      <c r="BE24" s="329">
        <v>1683511</v>
      </c>
      <c r="BF24" s="325">
        <v>0</v>
      </c>
      <c r="BG24" s="326">
        <v>0</v>
      </c>
      <c r="BH24" s="330">
        <v>0</v>
      </c>
      <c r="BI24" s="331">
        <v>0</v>
      </c>
      <c r="BJ24" s="326">
        <v>25294</v>
      </c>
      <c r="BK24" s="326">
        <v>7925</v>
      </c>
      <c r="BL24" s="326">
        <v>0</v>
      </c>
      <c r="BM24" s="326">
        <v>0</v>
      </c>
      <c r="BN24" s="326">
        <v>0</v>
      </c>
      <c r="BO24" s="327">
        <v>33219</v>
      </c>
      <c r="BP24" s="329">
        <v>33219</v>
      </c>
      <c r="BQ24" s="325">
        <v>17512</v>
      </c>
      <c r="BR24" s="326">
        <v>80280</v>
      </c>
      <c r="BS24" s="327">
        <v>97792</v>
      </c>
      <c r="BT24" s="325">
        <v>0</v>
      </c>
      <c r="BU24" s="326">
        <v>282392</v>
      </c>
      <c r="BV24" s="326">
        <v>284328</v>
      </c>
      <c r="BW24" s="326">
        <v>227664</v>
      </c>
      <c r="BX24" s="326">
        <v>95368</v>
      </c>
      <c r="BY24" s="326">
        <v>159208</v>
      </c>
      <c r="BZ24" s="327">
        <v>1048960</v>
      </c>
      <c r="CA24" s="329">
        <v>1146752</v>
      </c>
      <c r="CB24" s="325">
        <v>42823</v>
      </c>
      <c r="CC24" s="326">
        <v>119582</v>
      </c>
      <c r="CD24" s="327">
        <v>162405</v>
      </c>
      <c r="CE24" s="325">
        <v>0</v>
      </c>
      <c r="CF24" s="326">
        <v>1008740</v>
      </c>
      <c r="CG24" s="326">
        <v>1354492</v>
      </c>
      <c r="CH24" s="326">
        <v>498835</v>
      </c>
      <c r="CI24" s="326">
        <v>257996</v>
      </c>
      <c r="CJ24" s="326">
        <v>21342</v>
      </c>
      <c r="CK24" s="327">
        <v>3141405</v>
      </c>
      <c r="CL24" s="329">
        <v>3303810</v>
      </c>
      <c r="CM24" s="325">
        <v>0</v>
      </c>
      <c r="CN24" s="326">
        <v>0</v>
      </c>
      <c r="CO24" s="327">
        <v>0</v>
      </c>
      <c r="CP24" s="331">
        <v>0</v>
      </c>
      <c r="CQ24" s="326">
        <v>797814</v>
      </c>
      <c r="CR24" s="326">
        <v>923629</v>
      </c>
      <c r="CS24" s="326">
        <v>332488</v>
      </c>
      <c r="CT24" s="326">
        <v>115083</v>
      </c>
      <c r="CU24" s="326">
        <v>21342</v>
      </c>
      <c r="CV24" s="327">
        <v>2190356</v>
      </c>
      <c r="CW24" s="329">
        <v>2190356</v>
      </c>
      <c r="CX24" s="325">
        <v>42823</v>
      </c>
      <c r="CY24" s="326">
        <v>119582</v>
      </c>
      <c r="CZ24" s="327">
        <v>162405</v>
      </c>
      <c r="DA24" s="325">
        <v>0</v>
      </c>
      <c r="DB24" s="326">
        <v>210926</v>
      </c>
      <c r="DC24" s="326">
        <v>430863</v>
      </c>
      <c r="DD24" s="326">
        <v>166347</v>
      </c>
      <c r="DE24" s="326">
        <v>142913</v>
      </c>
      <c r="DF24" s="326">
        <v>0</v>
      </c>
      <c r="DG24" s="327">
        <v>951049</v>
      </c>
      <c r="DH24" s="329">
        <v>1113454</v>
      </c>
      <c r="DI24" s="325">
        <v>0</v>
      </c>
      <c r="DJ24" s="326">
        <v>0</v>
      </c>
      <c r="DK24" s="330">
        <v>0</v>
      </c>
      <c r="DL24" s="331">
        <v>0</v>
      </c>
      <c r="DM24" s="326">
        <v>0</v>
      </c>
      <c r="DN24" s="326">
        <v>32344</v>
      </c>
      <c r="DO24" s="326">
        <v>-4391</v>
      </c>
      <c r="DP24" s="326">
        <v>0</v>
      </c>
      <c r="DQ24" s="326">
        <v>0</v>
      </c>
      <c r="DR24" s="327">
        <v>27953</v>
      </c>
      <c r="DS24" s="329">
        <v>27953</v>
      </c>
      <c r="DT24" s="325">
        <v>0</v>
      </c>
      <c r="DU24" s="326">
        <v>0</v>
      </c>
      <c r="DV24" s="327">
        <v>0</v>
      </c>
      <c r="DW24" s="325">
        <v>0</v>
      </c>
      <c r="DX24" s="326">
        <v>0</v>
      </c>
      <c r="DY24" s="326">
        <v>0</v>
      </c>
      <c r="DZ24" s="326">
        <v>223937</v>
      </c>
      <c r="EA24" s="326">
        <v>0</v>
      </c>
      <c r="EB24" s="326">
        <v>0</v>
      </c>
      <c r="EC24" s="327">
        <v>223937</v>
      </c>
      <c r="ED24" s="329">
        <v>223937</v>
      </c>
      <c r="EE24" s="325">
        <v>0</v>
      </c>
      <c r="EF24" s="330">
        <v>0</v>
      </c>
      <c r="EG24" s="327">
        <v>0</v>
      </c>
      <c r="EH24" s="325">
        <v>0</v>
      </c>
      <c r="EI24" s="326">
        <v>0</v>
      </c>
      <c r="EJ24" s="326">
        <v>32344</v>
      </c>
      <c r="EK24" s="326">
        <v>-228328</v>
      </c>
      <c r="EL24" s="326">
        <v>0</v>
      </c>
      <c r="EM24" s="326">
        <v>0</v>
      </c>
      <c r="EN24" s="330">
        <v>-195984</v>
      </c>
      <c r="EO24" s="329">
        <v>-195984</v>
      </c>
      <c r="EP24" s="325">
        <v>0</v>
      </c>
      <c r="EQ24" s="326">
        <v>0</v>
      </c>
      <c r="ER24" s="330">
        <v>0</v>
      </c>
      <c r="ES24" s="331">
        <v>0</v>
      </c>
      <c r="ET24" s="326">
        <v>0</v>
      </c>
      <c r="EU24" s="326">
        <v>0</v>
      </c>
      <c r="EV24" s="326">
        <v>0</v>
      </c>
      <c r="EW24" s="326">
        <v>0</v>
      </c>
      <c r="EX24" s="326">
        <v>0</v>
      </c>
      <c r="EY24" s="327">
        <v>0</v>
      </c>
      <c r="EZ24" s="329">
        <v>0</v>
      </c>
      <c r="FA24" s="325">
        <v>0</v>
      </c>
      <c r="FB24" s="326">
        <v>0</v>
      </c>
      <c r="FC24" s="330">
        <v>0</v>
      </c>
      <c r="FD24" s="331">
        <v>0</v>
      </c>
      <c r="FE24" s="326">
        <v>0</v>
      </c>
      <c r="FF24" s="326">
        <v>0</v>
      </c>
      <c r="FG24" s="326">
        <v>0</v>
      </c>
      <c r="FH24" s="326">
        <v>0</v>
      </c>
      <c r="FI24" s="326">
        <v>0</v>
      </c>
      <c r="FJ24" s="327">
        <v>0</v>
      </c>
      <c r="FK24" s="329">
        <v>0</v>
      </c>
      <c r="FL24" s="325">
        <v>67126</v>
      </c>
      <c r="FM24" s="326">
        <v>46720</v>
      </c>
      <c r="FN24" s="327">
        <v>113846</v>
      </c>
      <c r="FO24" s="325">
        <v>0</v>
      </c>
      <c r="FP24" s="326">
        <v>250792</v>
      </c>
      <c r="FQ24" s="326">
        <v>434596</v>
      </c>
      <c r="FR24" s="326">
        <v>179096</v>
      </c>
      <c r="FS24" s="326">
        <v>163336</v>
      </c>
      <c r="FT24" s="326">
        <v>275128</v>
      </c>
      <c r="FU24" s="327">
        <v>1302948</v>
      </c>
      <c r="FV24" s="329">
        <v>1416794</v>
      </c>
      <c r="FW24" s="332">
        <v>25520</v>
      </c>
      <c r="FX24" s="326">
        <v>46720</v>
      </c>
      <c r="FY24" s="330">
        <v>72240</v>
      </c>
      <c r="FZ24" s="331">
        <v>0</v>
      </c>
      <c r="GA24" s="326">
        <v>250792</v>
      </c>
      <c r="GB24" s="326">
        <v>382472</v>
      </c>
      <c r="GC24" s="326">
        <v>179096</v>
      </c>
      <c r="GD24" s="326">
        <v>163336</v>
      </c>
      <c r="GE24" s="326">
        <v>275128</v>
      </c>
      <c r="GF24" s="327">
        <v>1250824</v>
      </c>
      <c r="GG24" s="333">
        <v>1323064</v>
      </c>
      <c r="GH24" s="332">
        <v>41606</v>
      </c>
      <c r="GI24" s="326">
        <v>0</v>
      </c>
      <c r="GJ24" s="330">
        <v>41606</v>
      </c>
      <c r="GK24" s="331">
        <v>0</v>
      </c>
      <c r="GL24" s="326">
        <v>0</v>
      </c>
      <c r="GM24" s="326">
        <v>19324</v>
      </c>
      <c r="GN24" s="326">
        <v>0</v>
      </c>
      <c r="GO24" s="326">
        <v>0</v>
      </c>
      <c r="GP24" s="326">
        <v>0</v>
      </c>
      <c r="GQ24" s="327">
        <v>19324</v>
      </c>
      <c r="GR24" s="329">
        <v>60930</v>
      </c>
      <c r="GS24" s="325">
        <v>0</v>
      </c>
      <c r="GT24" s="326">
        <v>0</v>
      </c>
      <c r="GU24" s="327">
        <v>0</v>
      </c>
      <c r="GV24" s="325">
        <v>0</v>
      </c>
      <c r="GW24" s="326">
        <v>0</v>
      </c>
      <c r="GX24" s="326">
        <v>32800</v>
      </c>
      <c r="GY24" s="326">
        <v>0</v>
      </c>
      <c r="GZ24" s="326">
        <v>0</v>
      </c>
      <c r="HA24" s="326">
        <v>0</v>
      </c>
      <c r="HB24" s="330">
        <v>32800</v>
      </c>
      <c r="HC24" s="329">
        <v>32800</v>
      </c>
      <c r="HD24" s="325">
        <v>115948</v>
      </c>
      <c r="HE24" s="326">
        <v>184354</v>
      </c>
      <c r="HF24" s="330">
        <v>300302</v>
      </c>
      <c r="HG24" s="331">
        <v>0</v>
      </c>
      <c r="HH24" s="326">
        <v>859014</v>
      </c>
      <c r="HI24" s="326">
        <v>1255707</v>
      </c>
      <c r="HJ24" s="326">
        <v>1006270</v>
      </c>
      <c r="HK24" s="326">
        <v>869792</v>
      </c>
      <c r="HL24" s="326">
        <v>479210</v>
      </c>
      <c r="HM24" s="327">
        <v>4469993</v>
      </c>
      <c r="HN24" s="328">
        <v>4770295</v>
      </c>
      <c r="HO24" s="332">
        <v>0</v>
      </c>
      <c r="HP24" s="326">
        <v>0</v>
      </c>
      <c r="HQ24" s="327">
        <v>0</v>
      </c>
      <c r="HR24" s="325">
        <v>0</v>
      </c>
      <c r="HS24" s="326">
        <v>0</v>
      </c>
      <c r="HT24" s="326">
        <v>0</v>
      </c>
      <c r="HU24" s="326">
        <v>0</v>
      </c>
      <c r="HV24" s="326">
        <v>0</v>
      </c>
      <c r="HW24" s="326">
        <v>0</v>
      </c>
      <c r="HX24" s="330">
        <v>0</v>
      </c>
      <c r="HY24" s="329">
        <v>0</v>
      </c>
      <c r="HZ24" s="357">
        <v>0</v>
      </c>
      <c r="IA24" s="355">
        <v>0</v>
      </c>
      <c r="IB24" s="357">
        <v>0</v>
      </c>
      <c r="IC24" s="354">
        <v>0</v>
      </c>
      <c r="ID24" s="355">
        <v>1169239</v>
      </c>
      <c r="IE24" s="356">
        <v>1473090</v>
      </c>
      <c r="IF24" s="357">
        <v>1634643</v>
      </c>
      <c r="IG24" s="355">
        <v>264376</v>
      </c>
      <c r="IH24" s="357">
        <v>1211171</v>
      </c>
      <c r="II24" s="358">
        <v>5752519</v>
      </c>
      <c r="IJ24" s="357">
        <v>5752519</v>
      </c>
      <c r="IK24" s="341">
        <v>0</v>
      </c>
      <c r="IL24" s="342">
        <v>0</v>
      </c>
      <c r="IM24" s="343">
        <v>0</v>
      </c>
      <c r="IN24" s="403">
        <v>0</v>
      </c>
      <c r="IO24" s="344">
        <v>0</v>
      </c>
      <c r="IP24" s="344">
        <v>0</v>
      </c>
      <c r="IQ24" s="344">
        <v>0</v>
      </c>
      <c r="IR24" s="344">
        <v>0</v>
      </c>
      <c r="IS24" s="344">
        <v>144560</v>
      </c>
      <c r="IT24" s="345">
        <v>144560</v>
      </c>
      <c r="IU24" s="346">
        <v>144560</v>
      </c>
      <c r="IV24" s="347">
        <v>0</v>
      </c>
      <c r="IW24" s="344">
        <v>0</v>
      </c>
      <c r="IX24" s="348">
        <v>0</v>
      </c>
      <c r="IY24" s="403">
        <v>0</v>
      </c>
      <c r="IZ24" s="344">
        <v>0</v>
      </c>
      <c r="JA24" s="344">
        <v>0</v>
      </c>
      <c r="JB24" s="344">
        <v>0</v>
      </c>
      <c r="JC24" s="344">
        <v>0</v>
      </c>
      <c r="JD24" s="344">
        <v>0</v>
      </c>
      <c r="JE24" s="348">
        <v>0</v>
      </c>
      <c r="JF24" s="349">
        <v>0</v>
      </c>
      <c r="JG24" s="347">
        <v>0</v>
      </c>
      <c r="JH24" s="344">
        <v>0</v>
      </c>
      <c r="JI24" s="345">
        <v>0</v>
      </c>
      <c r="JJ24" s="350">
        <v>0</v>
      </c>
      <c r="JK24" s="344">
        <v>364791</v>
      </c>
      <c r="JL24" s="344">
        <v>516493</v>
      </c>
      <c r="JM24" s="344">
        <v>166309</v>
      </c>
      <c r="JN24" s="344">
        <v>0</v>
      </c>
      <c r="JO24" s="344">
        <v>0</v>
      </c>
      <c r="JP24" s="348">
        <v>1047593</v>
      </c>
      <c r="JQ24" s="346">
        <v>1047593</v>
      </c>
      <c r="JR24" s="347">
        <v>0</v>
      </c>
      <c r="JS24" s="344">
        <v>0</v>
      </c>
      <c r="JT24" s="345">
        <v>0</v>
      </c>
      <c r="JU24" s="350">
        <v>0</v>
      </c>
      <c r="JV24" s="344">
        <v>100214</v>
      </c>
      <c r="JW24" s="344">
        <v>92451</v>
      </c>
      <c r="JX24" s="344">
        <v>397588</v>
      </c>
      <c r="JY24" s="344">
        <v>0</v>
      </c>
      <c r="JZ24" s="344">
        <v>0</v>
      </c>
      <c r="KA24" s="348">
        <v>590253</v>
      </c>
      <c r="KB24" s="346">
        <v>590253</v>
      </c>
      <c r="KC24" s="351">
        <v>0</v>
      </c>
      <c r="KD24" s="352">
        <v>0</v>
      </c>
      <c r="KE24" s="348">
        <v>0</v>
      </c>
      <c r="KF24" s="350">
        <v>0</v>
      </c>
      <c r="KG24" s="344">
        <v>471768</v>
      </c>
      <c r="KH24" s="344">
        <v>368016</v>
      </c>
      <c r="KI24" s="344">
        <v>1070746</v>
      </c>
      <c r="KJ24" s="344">
        <v>0</v>
      </c>
      <c r="KK24" s="344">
        <v>0</v>
      </c>
      <c r="KL24" s="348">
        <v>1910530</v>
      </c>
      <c r="KM24" s="353">
        <v>1910530</v>
      </c>
      <c r="KN24" s="341">
        <v>0</v>
      </c>
      <c r="KO24" s="342">
        <v>0</v>
      </c>
      <c r="KP24" s="343">
        <v>0</v>
      </c>
      <c r="KQ24" s="403">
        <v>0</v>
      </c>
      <c r="KR24" s="344">
        <v>232466</v>
      </c>
      <c r="KS24" s="344">
        <v>496130</v>
      </c>
      <c r="KT24" s="344">
        <v>0</v>
      </c>
      <c r="KU24" s="344">
        <v>264376</v>
      </c>
      <c r="KV24" s="344">
        <v>0</v>
      </c>
      <c r="KW24" s="348">
        <v>992972</v>
      </c>
      <c r="KX24" s="346">
        <v>992972</v>
      </c>
      <c r="KY24" s="347">
        <v>0</v>
      </c>
      <c r="KZ24" s="344">
        <v>0</v>
      </c>
      <c r="LA24" s="348">
        <v>0</v>
      </c>
      <c r="LB24" s="403">
        <v>0</v>
      </c>
      <c r="LC24" s="344">
        <v>0</v>
      </c>
      <c r="LD24" s="344">
        <v>0</v>
      </c>
      <c r="LE24" s="344">
        <v>0</v>
      </c>
      <c r="LF24" s="344">
        <v>0</v>
      </c>
      <c r="LG24" s="344">
        <v>0</v>
      </c>
      <c r="LH24" s="348">
        <v>0</v>
      </c>
      <c r="LI24" s="349">
        <v>0</v>
      </c>
      <c r="LJ24" s="347">
        <v>0</v>
      </c>
      <c r="LK24" s="344">
        <v>0</v>
      </c>
      <c r="LL24" s="348">
        <v>0</v>
      </c>
      <c r="LM24" s="403">
        <v>0</v>
      </c>
      <c r="LN24" s="344">
        <v>0</v>
      </c>
      <c r="LO24" s="344">
        <v>0</v>
      </c>
      <c r="LP24" s="344">
        <v>0</v>
      </c>
      <c r="LQ24" s="344">
        <v>0</v>
      </c>
      <c r="LR24" s="344">
        <v>0</v>
      </c>
      <c r="LS24" s="348">
        <v>0</v>
      </c>
      <c r="LT24" s="346">
        <v>0</v>
      </c>
      <c r="LU24" s="347">
        <v>0</v>
      </c>
      <c r="LV24" s="344">
        <v>0</v>
      </c>
      <c r="LW24" s="348">
        <v>0</v>
      </c>
      <c r="LX24" s="403">
        <v>0</v>
      </c>
      <c r="LY24" s="344">
        <v>0</v>
      </c>
      <c r="LZ24" s="344">
        <v>0</v>
      </c>
      <c r="MA24" s="344">
        <v>0</v>
      </c>
      <c r="MB24" s="344">
        <v>0</v>
      </c>
      <c r="MC24" s="344">
        <v>1066611</v>
      </c>
      <c r="MD24" s="348">
        <v>1066611</v>
      </c>
      <c r="ME24" s="349">
        <v>1066611</v>
      </c>
      <c r="MF24" s="347">
        <v>0</v>
      </c>
      <c r="MG24" s="344">
        <v>0</v>
      </c>
      <c r="MH24" s="348">
        <v>0</v>
      </c>
      <c r="MI24" s="403">
        <v>0</v>
      </c>
      <c r="MJ24" s="344">
        <v>365279</v>
      </c>
      <c r="MK24" s="344">
        <v>0</v>
      </c>
      <c r="ML24" s="344">
        <v>2094420</v>
      </c>
      <c r="MM24" s="344">
        <v>1977178</v>
      </c>
      <c r="MN24" s="344">
        <v>1796872</v>
      </c>
      <c r="MO24" s="348">
        <v>6233749</v>
      </c>
      <c r="MP24" s="353">
        <v>6233749</v>
      </c>
      <c r="MQ24" s="347">
        <v>0</v>
      </c>
      <c r="MR24" s="344">
        <v>0</v>
      </c>
      <c r="MS24" s="348">
        <v>0</v>
      </c>
      <c r="MT24" s="403">
        <v>0</v>
      </c>
      <c r="MU24" s="344">
        <v>0</v>
      </c>
      <c r="MV24" s="344">
        <v>0</v>
      </c>
      <c r="MW24" s="344">
        <v>1498152</v>
      </c>
      <c r="MX24" s="344">
        <v>1342419</v>
      </c>
      <c r="MY24" s="344">
        <v>863620</v>
      </c>
      <c r="MZ24" s="348">
        <v>3704191</v>
      </c>
      <c r="NA24" s="353">
        <v>3704191</v>
      </c>
      <c r="NB24" s="347">
        <v>0</v>
      </c>
      <c r="NC24" s="344">
        <v>0</v>
      </c>
      <c r="ND24" s="348">
        <v>0</v>
      </c>
      <c r="NE24" s="403">
        <v>0</v>
      </c>
      <c r="NF24" s="344">
        <v>365279</v>
      </c>
      <c r="NG24" s="344">
        <v>0</v>
      </c>
      <c r="NH24" s="344">
        <v>596268</v>
      </c>
      <c r="NI24" s="344">
        <v>634759</v>
      </c>
      <c r="NJ24" s="344">
        <v>933252</v>
      </c>
      <c r="NK24" s="348">
        <v>2529558</v>
      </c>
      <c r="NL24" s="346">
        <v>2529558</v>
      </c>
      <c r="NM24" s="347">
        <v>0</v>
      </c>
      <c r="NN24" s="344">
        <v>0</v>
      </c>
      <c r="NO24" s="348">
        <v>0</v>
      </c>
      <c r="NP24" s="403">
        <v>0</v>
      </c>
      <c r="NQ24" s="344">
        <v>0</v>
      </c>
      <c r="NR24" s="344">
        <v>0</v>
      </c>
      <c r="NS24" s="344">
        <v>0</v>
      </c>
      <c r="NT24" s="344">
        <v>0</v>
      </c>
      <c r="NU24" s="344">
        <v>0</v>
      </c>
      <c r="NV24" s="348">
        <v>0</v>
      </c>
      <c r="NW24" s="349">
        <v>0</v>
      </c>
      <c r="NX24" s="347">
        <v>0</v>
      </c>
      <c r="NY24" s="344">
        <v>0</v>
      </c>
      <c r="NZ24" s="348">
        <v>0</v>
      </c>
      <c r="OA24" s="403">
        <v>0</v>
      </c>
      <c r="OB24" s="344">
        <v>0</v>
      </c>
      <c r="OC24" s="344">
        <v>0</v>
      </c>
      <c r="OD24" s="344">
        <v>0</v>
      </c>
      <c r="OE24" s="344">
        <v>0</v>
      </c>
      <c r="OF24" s="344">
        <v>0</v>
      </c>
      <c r="OG24" s="348">
        <v>0</v>
      </c>
      <c r="OH24" s="349">
        <v>0</v>
      </c>
      <c r="OI24" s="347">
        <v>243409</v>
      </c>
      <c r="OJ24" s="344">
        <v>485299</v>
      </c>
      <c r="OK24" s="345">
        <v>728708</v>
      </c>
      <c r="OL24" s="350">
        <v>0</v>
      </c>
      <c r="OM24" s="344">
        <v>4750719</v>
      </c>
      <c r="ON24" s="344">
        <v>5537677</v>
      </c>
      <c r="OO24" s="344">
        <v>6611139</v>
      </c>
      <c r="OP24" s="344">
        <v>4270724</v>
      </c>
      <c r="OQ24" s="344">
        <v>4863338</v>
      </c>
      <c r="OR24" s="348">
        <v>26033597</v>
      </c>
      <c r="OS24" s="353">
        <v>26762305</v>
      </c>
    </row>
    <row r="25" spans="2:409" s="70" customFormat="1" ht="21" customHeight="1" x14ac:dyDescent="0.2">
      <c r="B25" s="409" t="s">
        <v>20</v>
      </c>
      <c r="C25" s="325">
        <v>307519</v>
      </c>
      <c r="D25" s="326">
        <v>575360</v>
      </c>
      <c r="E25" s="327">
        <v>882879</v>
      </c>
      <c r="F25" s="325">
        <v>0</v>
      </c>
      <c r="G25" s="326">
        <v>5968869</v>
      </c>
      <c r="H25" s="326">
        <v>4677746</v>
      </c>
      <c r="I25" s="326">
        <v>5333717</v>
      </c>
      <c r="J25" s="326">
        <v>4187933</v>
      </c>
      <c r="K25" s="326">
        <v>2949383</v>
      </c>
      <c r="L25" s="366">
        <v>23117648</v>
      </c>
      <c r="M25" s="329">
        <v>24000527</v>
      </c>
      <c r="N25" s="325">
        <v>143220</v>
      </c>
      <c r="O25" s="326">
        <v>211523</v>
      </c>
      <c r="P25" s="327">
        <v>354743</v>
      </c>
      <c r="Q25" s="325">
        <v>0</v>
      </c>
      <c r="R25" s="326">
        <v>2012021</v>
      </c>
      <c r="S25" s="326">
        <v>1947470</v>
      </c>
      <c r="T25" s="326">
        <v>1464294</v>
      </c>
      <c r="U25" s="326">
        <v>1137768</v>
      </c>
      <c r="V25" s="326">
        <v>1948925</v>
      </c>
      <c r="W25" s="327">
        <v>8510478</v>
      </c>
      <c r="X25" s="329">
        <v>8865221</v>
      </c>
      <c r="Y25" s="325">
        <v>0</v>
      </c>
      <c r="Z25" s="326">
        <v>0</v>
      </c>
      <c r="AA25" s="327">
        <v>0</v>
      </c>
      <c r="AB25" s="325">
        <v>0</v>
      </c>
      <c r="AC25" s="326">
        <v>881482</v>
      </c>
      <c r="AD25" s="326">
        <v>914731</v>
      </c>
      <c r="AE25" s="326">
        <v>442503</v>
      </c>
      <c r="AF25" s="326">
        <v>510085</v>
      </c>
      <c r="AG25" s="326">
        <v>1269249</v>
      </c>
      <c r="AH25" s="327">
        <v>4018050</v>
      </c>
      <c r="AI25" s="329">
        <v>4018050</v>
      </c>
      <c r="AJ25" s="325">
        <v>0</v>
      </c>
      <c r="AK25" s="326">
        <v>0</v>
      </c>
      <c r="AL25" s="327">
        <v>0</v>
      </c>
      <c r="AM25" s="325">
        <v>0</v>
      </c>
      <c r="AN25" s="326">
        <v>0</v>
      </c>
      <c r="AO25" s="326">
        <v>0</v>
      </c>
      <c r="AP25" s="326">
        <v>82912</v>
      </c>
      <c r="AQ25" s="326">
        <v>71768</v>
      </c>
      <c r="AR25" s="326">
        <v>201362</v>
      </c>
      <c r="AS25" s="327">
        <v>356042</v>
      </c>
      <c r="AT25" s="329">
        <v>356042</v>
      </c>
      <c r="AU25" s="325">
        <v>83670</v>
      </c>
      <c r="AV25" s="326">
        <v>86821</v>
      </c>
      <c r="AW25" s="327">
        <v>170491</v>
      </c>
      <c r="AX25" s="325">
        <v>0</v>
      </c>
      <c r="AY25" s="326">
        <v>728324</v>
      </c>
      <c r="AZ25" s="326">
        <v>675416</v>
      </c>
      <c r="BA25" s="326">
        <v>392263</v>
      </c>
      <c r="BB25" s="326">
        <v>272033</v>
      </c>
      <c r="BC25" s="326">
        <v>241815</v>
      </c>
      <c r="BD25" s="327">
        <v>2309851</v>
      </c>
      <c r="BE25" s="329">
        <v>2480342</v>
      </c>
      <c r="BF25" s="325">
        <v>39414</v>
      </c>
      <c r="BG25" s="326">
        <v>59830</v>
      </c>
      <c r="BH25" s="330">
        <v>99244</v>
      </c>
      <c r="BI25" s="331">
        <v>0</v>
      </c>
      <c r="BJ25" s="326">
        <v>152447</v>
      </c>
      <c r="BK25" s="326">
        <v>175979</v>
      </c>
      <c r="BL25" s="326">
        <v>171128</v>
      </c>
      <c r="BM25" s="326">
        <v>54834</v>
      </c>
      <c r="BN25" s="326">
        <v>89491</v>
      </c>
      <c r="BO25" s="327">
        <v>643879</v>
      </c>
      <c r="BP25" s="329">
        <v>743123</v>
      </c>
      <c r="BQ25" s="325">
        <v>20136</v>
      </c>
      <c r="BR25" s="326">
        <v>64872</v>
      </c>
      <c r="BS25" s="327">
        <v>85008</v>
      </c>
      <c r="BT25" s="325">
        <v>0</v>
      </c>
      <c r="BU25" s="326">
        <v>249768</v>
      </c>
      <c r="BV25" s="326">
        <v>181344</v>
      </c>
      <c r="BW25" s="326">
        <v>375488</v>
      </c>
      <c r="BX25" s="326">
        <v>229048</v>
      </c>
      <c r="BY25" s="326">
        <v>147008</v>
      </c>
      <c r="BZ25" s="327">
        <v>1182656</v>
      </c>
      <c r="CA25" s="329">
        <v>1267664</v>
      </c>
      <c r="CB25" s="325">
        <v>62243</v>
      </c>
      <c r="CC25" s="326">
        <v>40413</v>
      </c>
      <c r="CD25" s="327">
        <v>102656</v>
      </c>
      <c r="CE25" s="325">
        <v>0</v>
      </c>
      <c r="CF25" s="326">
        <v>2454452</v>
      </c>
      <c r="CG25" s="326">
        <v>1812388</v>
      </c>
      <c r="CH25" s="326">
        <v>1100016</v>
      </c>
      <c r="CI25" s="326">
        <v>566078</v>
      </c>
      <c r="CJ25" s="326">
        <v>193633</v>
      </c>
      <c r="CK25" s="327">
        <v>6126567</v>
      </c>
      <c r="CL25" s="329">
        <v>6229223</v>
      </c>
      <c r="CM25" s="325">
        <v>0</v>
      </c>
      <c r="CN25" s="326">
        <v>0</v>
      </c>
      <c r="CO25" s="327">
        <v>0</v>
      </c>
      <c r="CP25" s="331">
        <v>0</v>
      </c>
      <c r="CQ25" s="326">
        <v>1821034</v>
      </c>
      <c r="CR25" s="326">
        <v>1264703</v>
      </c>
      <c r="CS25" s="326">
        <v>800933</v>
      </c>
      <c r="CT25" s="326">
        <v>452478</v>
      </c>
      <c r="CU25" s="326">
        <v>76477</v>
      </c>
      <c r="CV25" s="327">
        <v>4415625</v>
      </c>
      <c r="CW25" s="329">
        <v>4415625</v>
      </c>
      <c r="CX25" s="325">
        <v>62243</v>
      </c>
      <c r="CY25" s="326">
        <v>40413</v>
      </c>
      <c r="CZ25" s="327">
        <v>102656</v>
      </c>
      <c r="DA25" s="325">
        <v>0</v>
      </c>
      <c r="DB25" s="326">
        <v>633418</v>
      </c>
      <c r="DC25" s="326">
        <v>547685</v>
      </c>
      <c r="DD25" s="326">
        <v>299083</v>
      </c>
      <c r="DE25" s="326">
        <v>113600</v>
      </c>
      <c r="DF25" s="326">
        <v>117156</v>
      </c>
      <c r="DG25" s="327">
        <v>1710942</v>
      </c>
      <c r="DH25" s="329">
        <v>1813598</v>
      </c>
      <c r="DI25" s="325">
        <v>0</v>
      </c>
      <c r="DJ25" s="326">
        <v>0</v>
      </c>
      <c r="DK25" s="330">
        <v>0</v>
      </c>
      <c r="DL25" s="331">
        <v>0</v>
      </c>
      <c r="DM25" s="326">
        <v>307123</v>
      </c>
      <c r="DN25" s="326">
        <v>162829</v>
      </c>
      <c r="DO25" s="326">
        <v>741071</v>
      </c>
      <c r="DP25" s="326">
        <v>997348</v>
      </c>
      <c r="DQ25" s="326">
        <v>62876</v>
      </c>
      <c r="DR25" s="327">
        <v>2271247</v>
      </c>
      <c r="DS25" s="329">
        <v>2271247</v>
      </c>
      <c r="DT25" s="325">
        <v>0</v>
      </c>
      <c r="DU25" s="326">
        <v>0</v>
      </c>
      <c r="DV25" s="327">
        <v>0</v>
      </c>
      <c r="DW25" s="325">
        <v>0</v>
      </c>
      <c r="DX25" s="326">
        <v>307123</v>
      </c>
      <c r="DY25" s="326">
        <v>162829</v>
      </c>
      <c r="DZ25" s="326">
        <v>673852</v>
      </c>
      <c r="EA25" s="326">
        <v>856409</v>
      </c>
      <c r="EB25" s="326">
        <v>62876</v>
      </c>
      <c r="EC25" s="327">
        <v>2063089</v>
      </c>
      <c r="ED25" s="329">
        <v>2063089</v>
      </c>
      <c r="EE25" s="325">
        <v>0</v>
      </c>
      <c r="EF25" s="330">
        <v>0</v>
      </c>
      <c r="EG25" s="327">
        <v>0</v>
      </c>
      <c r="EH25" s="325">
        <v>0</v>
      </c>
      <c r="EI25" s="326">
        <v>0</v>
      </c>
      <c r="EJ25" s="326">
        <v>0</v>
      </c>
      <c r="EK25" s="326">
        <v>67219</v>
      </c>
      <c r="EL25" s="326">
        <v>140939</v>
      </c>
      <c r="EM25" s="326">
        <v>0</v>
      </c>
      <c r="EN25" s="330">
        <v>208158</v>
      </c>
      <c r="EO25" s="329">
        <v>208158</v>
      </c>
      <c r="EP25" s="325">
        <v>0</v>
      </c>
      <c r="EQ25" s="326">
        <v>0</v>
      </c>
      <c r="ER25" s="330">
        <v>0</v>
      </c>
      <c r="ES25" s="331">
        <v>0</v>
      </c>
      <c r="ET25" s="326">
        <v>0</v>
      </c>
      <c r="EU25" s="326">
        <v>0</v>
      </c>
      <c r="EV25" s="326">
        <v>0</v>
      </c>
      <c r="EW25" s="326">
        <v>0</v>
      </c>
      <c r="EX25" s="326">
        <v>0</v>
      </c>
      <c r="EY25" s="327">
        <v>0</v>
      </c>
      <c r="EZ25" s="329">
        <v>0</v>
      </c>
      <c r="FA25" s="325">
        <v>0</v>
      </c>
      <c r="FB25" s="326">
        <v>0</v>
      </c>
      <c r="FC25" s="330">
        <v>0</v>
      </c>
      <c r="FD25" s="331">
        <v>0</v>
      </c>
      <c r="FE25" s="326">
        <v>0</v>
      </c>
      <c r="FF25" s="326">
        <v>0</v>
      </c>
      <c r="FG25" s="326">
        <v>0</v>
      </c>
      <c r="FH25" s="326">
        <v>0</v>
      </c>
      <c r="FI25" s="326">
        <v>0</v>
      </c>
      <c r="FJ25" s="327">
        <v>0</v>
      </c>
      <c r="FK25" s="329">
        <v>0</v>
      </c>
      <c r="FL25" s="325">
        <v>48352</v>
      </c>
      <c r="FM25" s="326">
        <v>136824</v>
      </c>
      <c r="FN25" s="327">
        <v>185176</v>
      </c>
      <c r="FO25" s="325">
        <v>0</v>
      </c>
      <c r="FP25" s="326">
        <v>551672</v>
      </c>
      <c r="FQ25" s="326">
        <v>519168</v>
      </c>
      <c r="FR25" s="326">
        <v>375584</v>
      </c>
      <c r="FS25" s="326">
        <v>245176</v>
      </c>
      <c r="FT25" s="326">
        <v>330016</v>
      </c>
      <c r="FU25" s="327">
        <v>2021616</v>
      </c>
      <c r="FV25" s="329">
        <v>2206792</v>
      </c>
      <c r="FW25" s="332">
        <v>48352</v>
      </c>
      <c r="FX25" s="326">
        <v>136824</v>
      </c>
      <c r="FY25" s="330">
        <v>185176</v>
      </c>
      <c r="FZ25" s="331">
        <v>0</v>
      </c>
      <c r="GA25" s="326">
        <v>434872</v>
      </c>
      <c r="GB25" s="326">
        <v>453568</v>
      </c>
      <c r="GC25" s="326">
        <v>375584</v>
      </c>
      <c r="GD25" s="326">
        <v>245176</v>
      </c>
      <c r="GE25" s="326">
        <v>330016</v>
      </c>
      <c r="GF25" s="327">
        <v>1839216</v>
      </c>
      <c r="GG25" s="333">
        <v>2024392</v>
      </c>
      <c r="GH25" s="332">
        <v>0</v>
      </c>
      <c r="GI25" s="326">
        <v>0</v>
      </c>
      <c r="GJ25" s="330">
        <v>0</v>
      </c>
      <c r="GK25" s="331">
        <v>0</v>
      </c>
      <c r="GL25" s="326">
        <v>0</v>
      </c>
      <c r="GM25" s="326">
        <v>0</v>
      </c>
      <c r="GN25" s="326">
        <v>0</v>
      </c>
      <c r="GO25" s="326">
        <v>0</v>
      </c>
      <c r="GP25" s="326">
        <v>0</v>
      </c>
      <c r="GQ25" s="327">
        <v>0</v>
      </c>
      <c r="GR25" s="329">
        <v>0</v>
      </c>
      <c r="GS25" s="325">
        <v>0</v>
      </c>
      <c r="GT25" s="326">
        <v>0</v>
      </c>
      <c r="GU25" s="327">
        <v>0</v>
      </c>
      <c r="GV25" s="325">
        <v>0</v>
      </c>
      <c r="GW25" s="326">
        <v>116800</v>
      </c>
      <c r="GX25" s="326">
        <v>65600</v>
      </c>
      <c r="GY25" s="326">
        <v>0</v>
      </c>
      <c r="GZ25" s="326">
        <v>0</v>
      </c>
      <c r="HA25" s="326">
        <v>0</v>
      </c>
      <c r="HB25" s="330">
        <v>182400</v>
      </c>
      <c r="HC25" s="329">
        <v>182400</v>
      </c>
      <c r="HD25" s="325">
        <v>53704</v>
      </c>
      <c r="HE25" s="326">
        <v>186600</v>
      </c>
      <c r="HF25" s="330">
        <v>240304</v>
      </c>
      <c r="HG25" s="331">
        <v>0</v>
      </c>
      <c r="HH25" s="326">
        <v>643601</v>
      </c>
      <c r="HI25" s="326">
        <v>235891</v>
      </c>
      <c r="HJ25" s="326">
        <v>1652752</v>
      </c>
      <c r="HK25" s="326">
        <v>1241563</v>
      </c>
      <c r="HL25" s="326">
        <v>413933</v>
      </c>
      <c r="HM25" s="327">
        <v>4187740</v>
      </c>
      <c r="HN25" s="328">
        <v>4428044</v>
      </c>
      <c r="HO25" s="332">
        <v>0</v>
      </c>
      <c r="HP25" s="326">
        <v>0</v>
      </c>
      <c r="HQ25" s="327">
        <v>0</v>
      </c>
      <c r="HR25" s="325">
        <v>0</v>
      </c>
      <c r="HS25" s="326">
        <v>0</v>
      </c>
      <c r="HT25" s="326">
        <v>0</v>
      </c>
      <c r="HU25" s="326">
        <v>0</v>
      </c>
      <c r="HV25" s="326">
        <v>0</v>
      </c>
      <c r="HW25" s="326">
        <v>0</v>
      </c>
      <c r="HX25" s="330">
        <v>0</v>
      </c>
      <c r="HY25" s="329">
        <v>0</v>
      </c>
      <c r="HZ25" s="334">
        <v>0</v>
      </c>
      <c r="IA25" s="335">
        <v>0</v>
      </c>
      <c r="IB25" s="336">
        <v>0</v>
      </c>
      <c r="IC25" s="337">
        <v>0</v>
      </c>
      <c r="ID25" s="335">
        <v>432151</v>
      </c>
      <c r="IE25" s="338">
        <v>603104</v>
      </c>
      <c r="IF25" s="336">
        <v>1577918</v>
      </c>
      <c r="IG25" s="335">
        <v>321747</v>
      </c>
      <c r="IH25" s="336">
        <v>119430</v>
      </c>
      <c r="II25" s="339">
        <v>3054350</v>
      </c>
      <c r="IJ25" s="340">
        <v>3054350</v>
      </c>
      <c r="IK25" s="341">
        <v>0</v>
      </c>
      <c r="IL25" s="342">
        <v>0</v>
      </c>
      <c r="IM25" s="343">
        <v>0</v>
      </c>
      <c r="IN25" s="403">
        <v>0</v>
      </c>
      <c r="IO25" s="344">
        <v>0</v>
      </c>
      <c r="IP25" s="344">
        <v>0</v>
      </c>
      <c r="IQ25" s="344">
        <v>0</v>
      </c>
      <c r="IR25" s="344">
        <v>0</v>
      </c>
      <c r="IS25" s="344">
        <v>0</v>
      </c>
      <c r="IT25" s="345">
        <v>0</v>
      </c>
      <c r="IU25" s="346">
        <v>0</v>
      </c>
      <c r="IV25" s="347">
        <v>0</v>
      </c>
      <c r="IW25" s="344">
        <v>0</v>
      </c>
      <c r="IX25" s="348">
        <v>0</v>
      </c>
      <c r="IY25" s="403">
        <v>0</v>
      </c>
      <c r="IZ25" s="344">
        <v>0</v>
      </c>
      <c r="JA25" s="344">
        <v>0</v>
      </c>
      <c r="JB25" s="344">
        <v>0</v>
      </c>
      <c r="JC25" s="344">
        <v>0</v>
      </c>
      <c r="JD25" s="344">
        <v>0</v>
      </c>
      <c r="JE25" s="348">
        <v>0</v>
      </c>
      <c r="JF25" s="349">
        <v>0</v>
      </c>
      <c r="JG25" s="347">
        <v>0</v>
      </c>
      <c r="JH25" s="344">
        <v>0</v>
      </c>
      <c r="JI25" s="345">
        <v>0</v>
      </c>
      <c r="JJ25" s="350">
        <v>0</v>
      </c>
      <c r="JK25" s="344">
        <v>432151</v>
      </c>
      <c r="JL25" s="344">
        <v>603104</v>
      </c>
      <c r="JM25" s="344">
        <v>292537</v>
      </c>
      <c r="JN25" s="344">
        <v>52160</v>
      </c>
      <c r="JO25" s="344">
        <v>119430</v>
      </c>
      <c r="JP25" s="348">
        <v>1499382</v>
      </c>
      <c r="JQ25" s="346">
        <v>1499382</v>
      </c>
      <c r="JR25" s="347">
        <v>0</v>
      </c>
      <c r="JS25" s="344">
        <v>0</v>
      </c>
      <c r="JT25" s="345">
        <v>0</v>
      </c>
      <c r="JU25" s="350">
        <v>0</v>
      </c>
      <c r="JV25" s="344">
        <v>0</v>
      </c>
      <c r="JW25" s="344">
        <v>0</v>
      </c>
      <c r="JX25" s="344">
        <v>0</v>
      </c>
      <c r="JY25" s="344">
        <v>0</v>
      </c>
      <c r="JZ25" s="344">
        <v>0</v>
      </c>
      <c r="KA25" s="348">
        <v>0</v>
      </c>
      <c r="KB25" s="346">
        <v>0</v>
      </c>
      <c r="KC25" s="351">
        <v>0</v>
      </c>
      <c r="KD25" s="352">
        <v>0</v>
      </c>
      <c r="KE25" s="348">
        <v>0</v>
      </c>
      <c r="KF25" s="350">
        <v>0</v>
      </c>
      <c r="KG25" s="344">
        <v>0</v>
      </c>
      <c r="KH25" s="344">
        <v>0</v>
      </c>
      <c r="KI25" s="344">
        <v>239235</v>
      </c>
      <c r="KJ25" s="344">
        <v>0</v>
      </c>
      <c r="KK25" s="344">
        <v>0</v>
      </c>
      <c r="KL25" s="348">
        <v>239235</v>
      </c>
      <c r="KM25" s="353">
        <v>239235</v>
      </c>
      <c r="KN25" s="341">
        <v>0</v>
      </c>
      <c r="KO25" s="342">
        <v>0</v>
      </c>
      <c r="KP25" s="343">
        <v>0</v>
      </c>
      <c r="KQ25" s="403">
        <v>0</v>
      </c>
      <c r="KR25" s="344">
        <v>0</v>
      </c>
      <c r="KS25" s="344">
        <v>0</v>
      </c>
      <c r="KT25" s="344">
        <v>1046146</v>
      </c>
      <c r="KU25" s="344">
        <v>269587</v>
      </c>
      <c r="KV25" s="344">
        <v>0</v>
      </c>
      <c r="KW25" s="348">
        <v>1315733</v>
      </c>
      <c r="KX25" s="346">
        <v>1315733</v>
      </c>
      <c r="KY25" s="347">
        <v>0</v>
      </c>
      <c r="KZ25" s="344">
        <v>0</v>
      </c>
      <c r="LA25" s="348">
        <v>0</v>
      </c>
      <c r="LB25" s="403">
        <v>0</v>
      </c>
      <c r="LC25" s="344">
        <v>0</v>
      </c>
      <c r="LD25" s="344">
        <v>0</v>
      </c>
      <c r="LE25" s="344">
        <v>0</v>
      </c>
      <c r="LF25" s="344">
        <v>0</v>
      </c>
      <c r="LG25" s="344">
        <v>0</v>
      </c>
      <c r="LH25" s="348">
        <v>0</v>
      </c>
      <c r="LI25" s="349">
        <v>0</v>
      </c>
      <c r="LJ25" s="347">
        <v>0</v>
      </c>
      <c r="LK25" s="344">
        <v>0</v>
      </c>
      <c r="LL25" s="348">
        <v>0</v>
      </c>
      <c r="LM25" s="403">
        <v>0</v>
      </c>
      <c r="LN25" s="344">
        <v>0</v>
      </c>
      <c r="LO25" s="344">
        <v>0</v>
      </c>
      <c r="LP25" s="344">
        <v>0</v>
      </c>
      <c r="LQ25" s="344">
        <v>0</v>
      </c>
      <c r="LR25" s="344">
        <v>0</v>
      </c>
      <c r="LS25" s="348">
        <v>0</v>
      </c>
      <c r="LT25" s="346">
        <v>0</v>
      </c>
      <c r="LU25" s="347">
        <v>0</v>
      </c>
      <c r="LV25" s="344">
        <v>0</v>
      </c>
      <c r="LW25" s="348">
        <v>0</v>
      </c>
      <c r="LX25" s="403">
        <v>0</v>
      </c>
      <c r="LY25" s="344">
        <v>0</v>
      </c>
      <c r="LZ25" s="344">
        <v>0</v>
      </c>
      <c r="MA25" s="344">
        <v>0</v>
      </c>
      <c r="MB25" s="344">
        <v>0</v>
      </c>
      <c r="MC25" s="344">
        <v>0</v>
      </c>
      <c r="MD25" s="348">
        <v>0</v>
      </c>
      <c r="ME25" s="349">
        <v>0</v>
      </c>
      <c r="MF25" s="347">
        <v>0</v>
      </c>
      <c r="MG25" s="344">
        <v>0</v>
      </c>
      <c r="MH25" s="348">
        <v>0</v>
      </c>
      <c r="MI25" s="403">
        <v>0</v>
      </c>
      <c r="MJ25" s="344">
        <v>0</v>
      </c>
      <c r="MK25" s="344">
        <v>709213</v>
      </c>
      <c r="ML25" s="344">
        <v>1461887</v>
      </c>
      <c r="MM25" s="344">
        <v>2726144</v>
      </c>
      <c r="MN25" s="344">
        <v>1372726</v>
      </c>
      <c r="MO25" s="348">
        <v>6269970</v>
      </c>
      <c r="MP25" s="353">
        <v>6269970</v>
      </c>
      <c r="MQ25" s="347">
        <v>0</v>
      </c>
      <c r="MR25" s="344">
        <v>0</v>
      </c>
      <c r="MS25" s="348">
        <v>0</v>
      </c>
      <c r="MT25" s="403">
        <v>0</v>
      </c>
      <c r="MU25" s="344">
        <v>0</v>
      </c>
      <c r="MV25" s="344">
        <v>502630</v>
      </c>
      <c r="MW25" s="344">
        <v>1461887</v>
      </c>
      <c r="MX25" s="344">
        <v>2365475</v>
      </c>
      <c r="MY25" s="344">
        <v>1372726</v>
      </c>
      <c r="MZ25" s="348">
        <v>5702718</v>
      </c>
      <c r="NA25" s="353">
        <v>5702718</v>
      </c>
      <c r="NB25" s="347">
        <v>0</v>
      </c>
      <c r="NC25" s="344">
        <v>0</v>
      </c>
      <c r="ND25" s="348">
        <v>0</v>
      </c>
      <c r="NE25" s="403">
        <v>0</v>
      </c>
      <c r="NF25" s="344">
        <v>0</v>
      </c>
      <c r="NG25" s="344">
        <v>206583</v>
      </c>
      <c r="NH25" s="344">
        <v>0</v>
      </c>
      <c r="NI25" s="344">
        <v>360669</v>
      </c>
      <c r="NJ25" s="344">
        <v>0</v>
      </c>
      <c r="NK25" s="348">
        <v>567252</v>
      </c>
      <c r="NL25" s="346">
        <v>567252</v>
      </c>
      <c r="NM25" s="347">
        <v>0</v>
      </c>
      <c r="NN25" s="344">
        <v>0</v>
      </c>
      <c r="NO25" s="348">
        <v>0</v>
      </c>
      <c r="NP25" s="403">
        <v>0</v>
      </c>
      <c r="NQ25" s="344">
        <v>0</v>
      </c>
      <c r="NR25" s="344">
        <v>0</v>
      </c>
      <c r="NS25" s="344">
        <v>0</v>
      </c>
      <c r="NT25" s="344">
        <v>0</v>
      </c>
      <c r="NU25" s="344">
        <v>0</v>
      </c>
      <c r="NV25" s="348">
        <v>0</v>
      </c>
      <c r="NW25" s="349">
        <v>0</v>
      </c>
      <c r="NX25" s="347">
        <v>0</v>
      </c>
      <c r="NY25" s="344">
        <v>0</v>
      </c>
      <c r="NZ25" s="348">
        <v>0</v>
      </c>
      <c r="OA25" s="403">
        <v>0</v>
      </c>
      <c r="OB25" s="344">
        <v>0</v>
      </c>
      <c r="OC25" s="344">
        <v>0</v>
      </c>
      <c r="OD25" s="344">
        <v>0</v>
      </c>
      <c r="OE25" s="344">
        <v>0</v>
      </c>
      <c r="OF25" s="344">
        <v>0</v>
      </c>
      <c r="OG25" s="348">
        <v>0</v>
      </c>
      <c r="OH25" s="349">
        <v>0</v>
      </c>
      <c r="OI25" s="347">
        <v>307519</v>
      </c>
      <c r="OJ25" s="344">
        <v>575360</v>
      </c>
      <c r="OK25" s="345">
        <v>882879</v>
      </c>
      <c r="OL25" s="350">
        <v>0</v>
      </c>
      <c r="OM25" s="344">
        <v>6401020</v>
      </c>
      <c r="ON25" s="344">
        <v>5990063</v>
      </c>
      <c r="OO25" s="344">
        <v>8373522</v>
      </c>
      <c r="OP25" s="344">
        <v>7235824</v>
      </c>
      <c r="OQ25" s="344">
        <v>4441539</v>
      </c>
      <c r="OR25" s="348">
        <v>32441968</v>
      </c>
      <c r="OS25" s="353">
        <v>33324847</v>
      </c>
    </row>
    <row r="26" spans="2:409" s="70" customFormat="1" ht="21" customHeight="1" x14ac:dyDescent="0.2">
      <c r="B26" s="409" t="s">
        <v>21</v>
      </c>
      <c r="C26" s="325">
        <v>334303</v>
      </c>
      <c r="D26" s="326">
        <v>614186</v>
      </c>
      <c r="E26" s="327">
        <v>948489</v>
      </c>
      <c r="F26" s="328">
        <v>0</v>
      </c>
      <c r="G26" s="326">
        <v>3290544</v>
      </c>
      <c r="H26" s="326">
        <v>4353410</v>
      </c>
      <c r="I26" s="326">
        <v>3394197</v>
      </c>
      <c r="J26" s="326">
        <v>3307957</v>
      </c>
      <c r="K26" s="326">
        <v>3742046</v>
      </c>
      <c r="L26" s="366">
        <v>18088154</v>
      </c>
      <c r="M26" s="329">
        <v>19036643</v>
      </c>
      <c r="N26" s="325">
        <v>149731</v>
      </c>
      <c r="O26" s="326">
        <v>128391</v>
      </c>
      <c r="P26" s="327">
        <v>278122</v>
      </c>
      <c r="Q26" s="325">
        <v>0</v>
      </c>
      <c r="R26" s="326">
        <v>1132379</v>
      </c>
      <c r="S26" s="326">
        <v>1457037</v>
      </c>
      <c r="T26" s="326">
        <v>1057781</v>
      </c>
      <c r="U26" s="326">
        <v>1333715</v>
      </c>
      <c r="V26" s="326">
        <v>1701410</v>
      </c>
      <c r="W26" s="327">
        <v>6682322</v>
      </c>
      <c r="X26" s="329">
        <v>6960444</v>
      </c>
      <c r="Y26" s="325">
        <v>0</v>
      </c>
      <c r="Z26" s="326">
        <v>0</v>
      </c>
      <c r="AA26" s="327">
        <v>0</v>
      </c>
      <c r="AB26" s="325">
        <v>0</v>
      </c>
      <c r="AC26" s="326">
        <v>359295</v>
      </c>
      <c r="AD26" s="326">
        <v>497336</v>
      </c>
      <c r="AE26" s="326">
        <v>558356</v>
      </c>
      <c r="AF26" s="326">
        <v>536413</v>
      </c>
      <c r="AG26" s="326">
        <v>1166770</v>
      </c>
      <c r="AH26" s="327">
        <v>3118170</v>
      </c>
      <c r="AI26" s="329">
        <v>3118170</v>
      </c>
      <c r="AJ26" s="325">
        <v>0</v>
      </c>
      <c r="AK26" s="326">
        <v>0</v>
      </c>
      <c r="AL26" s="327">
        <v>0</v>
      </c>
      <c r="AM26" s="325">
        <v>0</v>
      </c>
      <c r="AN26" s="326">
        <v>0</v>
      </c>
      <c r="AO26" s="326">
        <v>0</v>
      </c>
      <c r="AP26" s="326">
        <v>0</v>
      </c>
      <c r="AQ26" s="326">
        <v>70140</v>
      </c>
      <c r="AR26" s="326">
        <v>117827</v>
      </c>
      <c r="AS26" s="327">
        <v>187967</v>
      </c>
      <c r="AT26" s="329">
        <v>187967</v>
      </c>
      <c r="AU26" s="325">
        <v>51863</v>
      </c>
      <c r="AV26" s="326">
        <v>74503</v>
      </c>
      <c r="AW26" s="327">
        <v>126366</v>
      </c>
      <c r="AX26" s="325">
        <v>0</v>
      </c>
      <c r="AY26" s="326">
        <v>510709</v>
      </c>
      <c r="AZ26" s="326">
        <v>634907</v>
      </c>
      <c r="BA26" s="326">
        <v>356545</v>
      </c>
      <c r="BB26" s="326">
        <v>519854</v>
      </c>
      <c r="BC26" s="326">
        <v>172551</v>
      </c>
      <c r="BD26" s="327">
        <v>2194566</v>
      </c>
      <c r="BE26" s="329">
        <v>2320932</v>
      </c>
      <c r="BF26" s="325">
        <v>42604</v>
      </c>
      <c r="BG26" s="326">
        <v>26416</v>
      </c>
      <c r="BH26" s="330">
        <v>69020</v>
      </c>
      <c r="BI26" s="331">
        <v>0</v>
      </c>
      <c r="BJ26" s="326">
        <v>43415</v>
      </c>
      <c r="BK26" s="326">
        <v>93850</v>
      </c>
      <c r="BL26" s="326">
        <v>0</v>
      </c>
      <c r="BM26" s="326">
        <v>55652</v>
      </c>
      <c r="BN26" s="326">
        <v>53406</v>
      </c>
      <c r="BO26" s="327">
        <v>246323</v>
      </c>
      <c r="BP26" s="329">
        <v>315343</v>
      </c>
      <c r="BQ26" s="325">
        <v>55264</v>
      </c>
      <c r="BR26" s="326">
        <v>27472</v>
      </c>
      <c r="BS26" s="327">
        <v>82736</v>
      </c>
      <c r="BT26" s="325">
        <v>0</v>
      </c>
      <c r="BU26" s="326">
        <v>218960</v>
      </c>
      <c r="BV26" s="326">
        <v>230944</v>
      </c>
      <c r="BW26" s="326">
        <v>142880</v>
      </c>
      <c r="BX26" s="326">
        <v>151656</v>
      </c>
      <c r="BY26" s="326">
        <v>190856</v>
      </c>
      <c r="BZ26" s="327">
        <v>935296</v>
      </c>
      <c r="CA26" s="329">
        <v>1018032</v>
      </c>
      <c r="CB26" s="325">
        <v>60698</v>
      </c>
      <c r="CC26" s="326">
        <v>37583</v>
      </c>
      <c r="CD26" s="327">
        <v>98281</v>
      </c>
      <c r="CE26" s="325">
        <v>0</v>
      </c>
      <c r="CF26" s="326">
        <v>1018517</v>
      </c>
      <c r="CG26" s="326">
        <v>1439479</v>
      </c>
      <c r="CH26" s="326">
        <v>901646</v>
      </c>
      <c r="CI26" s="326">
        <v>528375</v>
      </c>
      <c r="CJ26" s="326">
        <v>83728</v>
      </c>
      <c r="CK26" s="327">
        <v>3971745</v>
      </c>
      <c r="CL26" s="329">
        <v>4070026</v>
      </c>
      <c r="CM26" s="325">
        <v>0</v>
      </c>
      <c r="CN26" s="326">
        <v>0</v>
      </c>
      <c r="CO26" s="327">
        <v>0</v>
      </c>
      <c r="CP26" s="331">
        <v>0</v>
      </c>
      <c r="CQ26" s="326">
        <v>705871</v>
      </c>
      <c r="CR26" s="326">
        <v>1163697</v>
      </c>
      <c r="CS26" s="326">
        <v>628875</v>
      </c>
      <c r="CT26" s="326">
        <v>528375</v>
      </c>
      <c r="CU26" s="326">
        <v>31400</v>
      </c>
      <c r="CV26" s="327">
        <v>3058218</v>
      </c>
      <c r="CW26" s="329">
        <v>3058218</v>
      </c>
      <c r="CX26" s="325">
        <v>60698</v>
      </c>
      <c r="CY26" s="326">
        <v>37583</v>
      </c>
      <c r="CZ26" s="327">
        <v>98281</v>
      </c>
      <c r="DA26" s="325">
        <v>0</v>
      </c>
      <c r="DB26" s="326">
        <v>312646</v>
      </c>
      <c r="DC26" s="326">
        <v>275782</v>
      </c>
      <c r="DD26" s="326">
        <v>272771</v>
      </c>
      <c r="DE26" s="326">
        <v>0</v>
      </c>
      <c r="DF26" s="326">
        <v>52328</v>
      </c>
      <c r="DG26" s="327">
        <v>913527</v>
      </c>
      <c r="DH26" s="329">
        <v>1011808</v>
      </c>
      <c r="DI26" s="325">
        <v>0</v>
      </c>
      <c r="DJ26" s="326">
        <v>0</v>
      </c>
      <c r="DK26" s="330">
        <v>0</v>
      </c>
      <c r="DL26" s="331">
        <v>0</v>
      </c>
      <c r="DM26" s="326">
        <v>80686</v>
      </c>
      <c r="DN26" s="326">
        <v>47483</v>
      </c>
      <c r="DO26" s="326">
        <v>453686</v>
      </c>
      <c r="DP26" s="326">
        <v>302035</v>
      </c>
      <c r="DQ26" s="326">
        <v>595322</v>
      </c>
      <c r="DR26" s="327">
        <v>1479212</v>
      </c>
      <c r="DS26" s="329">
        <v>1479212</v>
      </c>
      <c r="DT26" s="325">
        <v>0</v>
      </c>
      <c r="DU26" s="326">
        <v>0</v>
      </c>
      <c r="DV26" s="327">
        <v>0</v>
      </c>
      <c r="DW26" s="325">
        <v>0</v>
      </c>
      <c r="DX26" s="326">
        <v>80686</v>
      </c>
      <c r="DY26" s="326">
        <v>47483</v>
      </c>
      <c r="DZ26" s="326">
        <v>434734</v>
      </c>
      <c r="EA26" s="326">
        <v>302035</v>
      </c>
      <c r="EB26" s="326">
        <v>595322</v>
      </c>
      <c r="EC26" s="327">
        <v>1460260</v>
      </c>
      <c r="ED26" s="329">
        <v>1460260</v>
      </c>
      <c r="EE26" s="325">
        <v>0</v>
      </c>
      <c r="EF26" s="330">
        <v>0</v>
      </c>
      <c r="EG26" s="327">
        <v>0</v>
      </c>
      <c r="EH26" s="325">
        <v>0</v>
      </c>
      <c r="EI26" s="326">
        <v>0</v>
      </c>
      <c r="EJ26" s="326">
        <v>0</v>
      </c>
      <c r="EK26" s="326">
        <v>18952</v>
      </c>
      <c r="EL26" s="326">
        <v>0</v>
      </c>
      <c r="EM26" s="326">
        <v>0</v>
      </c>
      <c r="EN26" s="330">
        <v>18952</v>
      </c>
      <c r="EO26" s="329">
        <v>18952</v>
      </c>
      <c r="EP26" s="325">
        <v>0</v>
      </c>
      <c r="EQ26" s="326">
        <v>0</v>
      </c>
      <c r="ER26" s="330">
        <v>0</v>
      </c>
      <c r="ES26" s="331">
        <v>0</v>
      </c>
      <c r="ET26" s="326">
        <v>0</v>
      </c>
      <c r="EU26" s="326">
        <v>0</v>
      </c>
      <c r="EV26" s="326">
        <v>0</v>
      </c>
      <c r="EW26" s="326">
        <v>0</v>
      </c>
      <c r="EX26" s="326">
        <v>0</v>
      </c>
      <c r="EY26" s="327">
        <v>0</v>
      </c>
      <c r="EZ26" s="329">
        <v>0</v>
      </c>
      <c r="FA26" s="325">
        <v>0</v>
      </c>
      <c r="FB26" s="326">
        <v>0</v>
      </c>
      <c r="FC26" s="330">
        <v>0</v>
      </c>
      <c r="FD26" s="331">
        <v>0</v>
      </c>
      <c r="FE26" s="326">
        <v>0</v>
      </c>
      <c r="FF26" s="326">
        <v>0</v>
      </c>
      <c r="FG26" s="326">
        <v>0</v>
      </c>
      <c r="FH26" s="326">
        <v>0</v>
      </c>
      <c r="FI26" s="326">
        <v>0</v>
      </c>
      <c r="FJ26" s="327">
        <v>0</v>
      </c>
      <c r="FK26" s="329">
        <v>0</v>
      </c>
      <c r="FL26" s="325">
        <v>68448</v>
      </c>
      <c r="FM26" s="326">
        <v>256448</v>
      </c>
      <c r="FN26" s="327">
        <v>324896</v>
      </c>
      <c r="FO26" s="325">
        <v>0</v>
      </c>
      <c r="FP26" s="326">
        <v>250352</v>
      </c>
      <c r="FQ26" s="326">
        <v>414496</v>
      </c>
      <c r="FR26" s="326">
        <v>382352</v>
      </c>
      <c r="FS26" s="326">
        <v>275192</v>
      </c>
      <c r="FT26" s="326">
        <v>244320</v>
      </c>
      <c r="FU26" s="327">
        <v>1566712</v>
      </c>
      <c r="FV26" s="329">
        <v>1891608</v>
      </c>
      <c r="FW26" s="332">
        <v>68448</v>
      </c>
      <c r="FX26" s="326">
        <v>96464</v>
      </c>
      <c r="FY26" s="330">
        <v>164912</v>
      </c>
      <c r="FZ26" s="331">
        <v>0</v>
      </c>
      <c r="GA26" s="326">
        <v>107952</v>
      </c>
      <c r="GB26" s="326">
        <v>414496</v>
      </c>
      <c r="GC26" s="326">
        <v>349232</v>
      </c>
      <c r="GD26" s="326">
        <v>275192</v>
      </c>
      <c r="GE26" s="326">
        <v>244320</v>
      </c>
      <c r="GF26" s="327">
        <v>1391192</v>
      </c>
      <c r="GG26" s="333">
        <v>1556104</v>
      </c>
      <c r="GH26" s="332">
        <v>0</v>
      </c>
      <c r="GI26" s="326">
        <v>0</v>
      </c>
      <c r="GJ26" s="330">
        <v>0</v>
      </c>
      <c r="GK26" s="331">
        <v>0</v>
      </c>
      <c r="GL26" s="326">
        <v>0</v>
      </c>
      <c r="GM26" s="326">
        <v>0</v>
      </c>
      <c r="GN26" s="326">
        <v>0</v>
      </c>
      <c r="GO26" s="326">
        <v>0</v>
      </c>
      <c r="GP26" s="326">
        <v>0</v>
      </c>
      <c r="GQ26" s="327">
        <v>0</v>
      </c>
      <c r="GR26" s="329">
        <v>0</v>
      </c>
      <c r="GS26" s="325">
        <v>0</v>
      </c>
      <c r="GT26" s="326">
        <v>159984</v>
      </c>
      <c r="GU26" s="327">
        <v>159984</v>
      </c>
      <c r="GV26" s="325">
        <v>0</v>
      </c>
      <c r="GW26" s="326">
        <v>142400</v>
      </c>
      <c r="GX26" s="326">
        <v>0</v>
      </c>
      <c r="GY26" s="326">
        <v>33120</v>
      </c>
      <c r="GZ26" s="326">
        <v>0</v>
      </c>
      <c r="HA26" s="326">
        <v>0</v>
      </c>
      <c r="HB26" s="330">
        <v>175520</v>
      </c>
      <c r="HC26" s="329">
        <v>335504</v>
      </c>
      <c r="HD26" s="325">
        <v>55426</v>
      </c>
      <c r="HE26" s="326">
        <v>191764</v>
      </c>
      <c r="HF26" s="330">
        <v>247190</v>
      </c>
      <c r="HG26" s="331">
        <v>0</v>
      </c>
      <c r="HH26" s="326">
        <v>808610</v>
      </c>
      <c r="HI26" s="326">
        <v>994915</v>
      </c>
      <c r="HJ26" s="326">
        <v>598732</v>
      </c>
      <c r="HK26" s="326">
        <v>868640</v>
      </c>
      <c r="HL26" s="326">
        <v>1117266</v>
      </c>
      <c r="HM26" s="327">
        <v>4388163</v>
      </c>
      <c r="HN26" s="328">
        <v>4635353</v>
      </c>
      <c r="HO26" s="332">
        <v>0</v>
      </c>
      <c r="HP26" s="326">
        <v>0</v>
      </c>
      <c r="HQ26" s="327">
        <v>0</v>
      </c>
      <c r="HR26" s="325">
        <v>0</v>
      </c>
      <c r="HS26" s="326">
        <v>0</v>
      </c>
      <c r="HT26" s="326">
        <v>0</v>
      </c>
      <c r="HU26" s="326">
        <v>0</v>
      </c>
      <c r="HV26" s="326">
        <v>0</v>
      </c>
      <c r="HW26" s="326">
        <v>0</v>
      </c>
      <c r="HX26" s="330">
        <v>0</v>
      </c>
      <c r="HY26" s="329">
        <v>0</v>
      </c>
      <c r="HZ26" s="357">
        <v>0</v>
      </c>
      <c r="IA26" s="355">
        <v>0</v>
      </c>
      <c r="IB26" s="357">
        <v>0</v>
      </c>
      <c r="IC26" s="354">
        <v>0</v>
      </c>
      <c r="ID26" s="355">
        <v>1106472</v>
      </c>
      <c r="IE26" s="356">
        <v>812306</v>
      </c>
      <c r="IF26" s="357">
        <v>888515</v>
      </c>
      <c r="IG26" s="355">
        <v>238266</v>
      </c>
      <c r="IH26" s="357">
        <v>0</v>
      </c>
      <c r="II26" s="358">
        <v>3045559</v>
      </c>
      <c r="IJ26" s="357">
        <v>3045559</v>
      </c>
      <c r="IK26" s="341">
        <v>0</v>
      </c>
      <c r="IL26" s="342">
        <v>0</v>
      </c>
      <c r="IM26" s="343">
        <v>0</v>
      </c>
      <c r="IN26" s="403">
        <v>0</v>
      </c>
      <c r="IO26" s="344">
        <v>0</v>
      </c>
      <c r="IP26" s="344">
        <v>0</v>
      </c>
      <c r="IQ26" s="344">
        <v>0</v>
      </c>
      <c r="IR26" s="344">
        <v>0</v>
      </c>
      <c r="IS26" s="344">
        <v>0</v>
      </c>
      <c r="IT26" s="345">
        <v>0</v>
      </c>
      <c r="IU26" s="346">
        <v>0</v>
      </c>
      <c r="IV26" s="347">
        <v>0</v>
      </c>
      <c r="IW26" s="344">
        <v>0</v>
      </c>
      <c r="IX26" s="348">
        <v>0</v>
      </c>
      <c r="IY26" s="403">
        <v>0</v>
      </c>
      <c r="IZ26" s="344">
        <v>0</v>
      </c>
      <c r="JA26" s="344">
        <v>0</v>
      </c>
      <c r="JB26" s="344">
        <v>0</v>
      </c>
      <c r="JC26" s="344">
        <v>0</v>
      </c>
      <c r="JD26" s="344">
        <v>0</v>
      </c>
      <c r="JE26" s="348">
        <v>0</v>
      </c>
      <c r="JF26" s="349">
        <v>0</v>
      </c>
      <c r="JG26" s="347">
        <v>0</v>
      </c>
      <c r="JH26" s="344">
        <v>0</v>
      </c>
      <c r="JI26" s="345">
        <v>0</v>
      </c>
      <c r="JJ26" s="350">
        <v>0</v>
      </c>
      <c r="JK26" s="344">
        <v>628950</v>
      </c>
      <c r="JL26" s="344">
        <v>304404</v>
      </c>
      <c r="JM26" s="344">
        <v>151648</v>
      </c>
      <c r="JN26" s="344">
        <v>238266</v>
      </c>
      <c r="JO26" s="344">
        <v>0</v>
      </c>
      <c r="JP26" s="348">
        <v>1323268</v>
      </c>
      <c r="JQ26" s="346">
        <v>1323268</v>
      </c>
      <c r="JR26" s="347">
        <v>0</v>
      </c>
      <c r="JS26" s="344">
        <v>0</v>
      </c>
      <c r="JT26" s="345">
        <v>0</v>
      </c>
      <c r="JU26" s="350">
        <v>0</v>
      </c>
      <c r="JV26" s="344">
        <v>0</v>
      </c>
      <c r="JW26" s="344">
        <v>0</v>
      </c>
      <c r="JX26" s="344">
        <v>0</v>
      </c>
      <c r="JY26" s="344">
        <v>0</v>
      </c>
      <c r="JZ26" s="344">
        <v>0</v>
      </c>
      <c r="KA26" s="348">
        <v>0</v>
      </c>
      <c r="KB26" s="346">
        <v>0</v>
      </c>
      <c r="KC26" s="351">
        <v>0</v>
      </c>
      <c r="KD26" s="352">
        <v>0</v>
      </c>
      <c r="KE26" s="348">
        <v>0</v>
      </c>
      <c r="KF26" s="350">
        <v>0</v>
      </c>
      <c r="KG26" s="344">
        <v>0</v>
      </c>
      <c r="KH26" s="344">
        <v>0</v>
      </c>
      <c r="KI26" s="344">
        <v>226056</v>
      </c>
      <c r="KJ26" s="344">
        <v>0</v>
      </c>
      <c r="KK26" s="344">
        <v>0</v>
      </c>
      <c r="KL26" s="348">
        <v>226056</v>
      </c>
      <c r="KM26" s="353">
        <v>226056</v>
      </c>
      <c r="KN26" s="341">
        <v>0</v>
      </c>
      <c r="KO26" s="342">
        <v>0</v>
      </c>
      <c r="KP26" s="343">
        <v>0</v>
      </c>
      <c r="KQ26" s="403">
        <v>0</v>
      </c>
      <c r="KR26" s="344">
        <v>477522</v>
      </c>
      <c r="KS26" s="344">
        <v>507902</v>
      </c>
      <c r="KT26" s="344">
        <v>510811</v>
      </c>
      <c r="KU26" s="344">
        <v>0</v>
      </c>
      <c r="KV26" s="344">
        <v>0</v>
      </c>
      <c r="KW26" s="348">
        <v>1496235</v>
      </c>
      <c r="KX26" s="346">
        <v>1496235</v>
      </c>
      <c r="KY26" s="347">
        <v>0</v>
      </c>
      <c r="KZ26" s="344">
        <v>0</v>
      </c>
      <c r="LA26" s="348">
        <v>0</v>
      </c>
      <c r="LB26" s="403">
        <v>0</v>
      </c>
      <c r="LC26" s="344">
        <v>0</v>
      </c>
      <c r="LD26" s="344">
        <v>0</v>
      </c>
      <c r="LE26" s="344">
        <v>0</v>
      </c>
      <c r="LF26" s="344">
        <v>0</v>
      </c>
      <c r="LG26" s="344">
        <v>0</v>
      </c>
      <c r="LH26" s="348">
        <v>0</v>
      </c>
      <c r="LI26" s="349">
        <v>0</v>
      </c>
      <c r="LJ26" s="347">
        <v>0</v>
      </c>
      <c r="LK26" s="344">
        <v>0</v>
      </c>
      <c r="LL26" s="348">
        <v>0</v>
      </c>
      <c r="LM26" s="403">
        <v>0</v>
      </c>
      <c r="LN26" s="344">
        <v>0</v>
      </c>
      <c r="LO26" s="344">
        <v>0</v>
      </c>
      <c r="LP26" s="344">
        <v>0</v>
      </c>
      <c r="LQ26" s="344">
        <v>0</v>
      </c>
      <c r="LR26" s="344">
        <v>0</v>
      </c>
      <c r="LS26" s="348">
        <v>0</v>
      </c>
      <c r="LT26" s="346">
        <v>0</v>
      </c>
      <c r="LU26" s="347">
        <v>0</v>
      </c>
      <c r="LV26" s="344">
        <v>0</v>
      </c>
      <c r="LW26" s="348">
        <v>0</v>
      </c>
      <c r="LX26" s="403">
        <v>0</v>
      </c>
      <c r="LY26" s="344">
        <v>0</v>
      </c>
      <c r="LZ26" s="344">
        <v>0</v>
      </c>
      <c r="MA26" s="344">
        <v>0</v>
      </c>
      <c r="MB26" s="344">
        <v>0</v>
      </c>
      <c r="MC26" s="344">
        <v>0</v>
      </c>
      <c r="MD26" s="348">
        <v>0</v>
      </c>
      <c r="ME26" s="349">
        <v>0</v>
      </c>
      <c r="MF26" s="347">
        <v>0</v>
      </c>
      <c r="MG26" s="344">
        <v>0</v>
      </c>
      <c r="MH26" s="348">
        <v>0</v>
      </c>
      <c r="MI26" s="403">
        <v>0</v>
      </c>
      <c r="MJ26" s="344">
        <v>0</v>
      </c>
      <c r="MK26" s="344">
        <v>0</v>
      </c>
      <c r="ML26" s="344">
        <v>1617213</v>
      </c>
      <c r="MM26" s="344">
        <v>2263406</v>
      </c>
      <c r="MN26" s="344">
        <v>2164721</v>
      </c>
      <c r="MO26" s="348">
        <v>6045340</v>
      </c>
      <c r="MP26" s="353">
        <v>6045340</v>
      </c>
      <c r="MQ26" s="347">
        <v>0</v>
      </c>
      <c r="MR26" s="344">
        <v>0</v>
      </c>
      <c r="MS26" s="348">
        <v>0</v>
      </c>
      <c r="MT26" s="403">
        <v>0</v>
      </c>
      <c r="MU26" s="344">
        <v>0</v>
      </c>
      <c r="MV26" s="344">
        <v>0</v>
      </c>
      <c r="MW26" s="344">
        <v>1069349</v>
      </c>
      <c r="MX26" s="344">
        <v>2263406</v>
      </c>
      <c r="MY26" s="344">
        <v>2108233</v>
      </c>
      <c r="MZ26" s="348">
        <v>5440988</v>
      </c>
      <c r="NA26" s="353">
        <v>5440988</v>
      </c>
      <c r="NB26" s="347">
        <v>0</v>
      </c>
      <c r="NC26" s="344">
        <v>0</v>
      </c>
      <c r="ND26" s="348">
        <v>0</v>
      </c>
      <c r="NE26" s="403">
        <v>0</v>
      </c>
      <c r="NF26" s="344">
        <v>0</v>
      </c>
      <c r="NG26" s="344">
        <v>0</v>
      </c>
      <c r="NH26" s="344">
        <v>547864</v>
      </c>
      <c r="NI26" s="344">
        <v>0</v>
      </c>
      <c r="NJ26" s="344">
        <v>56488</v>
      </c>
      <c r="NK26" s="348">
        <v>604352</v>
      </c>
      <c r="NL26" s="346">
        <v>604352</v>
      </c>
      <c r="NM26" s="347">
        <v>0</v>
      </c>
      <c r="NN26" s="344">
        <v>0</v>
      </c>
      <c r="NO26" s="348">
        <v>0</v>
      </c>
      <c r="NP26" s="403">
        <v>0</v>
      </c>
      <c r="NQ26" s="344">
        <v>0</v>
      </c>
      <c r="NR26" s="344">
        <v>0</v>
      </c>
      <c r="NS26" s="344">
        <v>0</v>
      </c>
      <c r="NT26" s="344">
        <v>0</v>
      </c>
      <c r="NU26" s="344">
        <v>0</v>
      </c>
      <c r="NV26" s="348">
        <v>0</v>
      </c>
      <c r="NW26" s="349">
        <v>0</v>
      </c>
      <c r="NX26" s="347">
        <v>0</v>
      </c>
      <c r="NY26" s="344">
        <v>0</v>
      </c>
      <c r="NZ26" s="348">
        <v>0</v>
      </c>
      <c r="OA26" s="403">
        <v>0</v>
      </c>
      <c r="OB26" s="344">
        <v>0</v>
      </c>
      <c r="OC26" s="344">
        <v>0</v>
      </c>
      <c r="OD26" s="344">
        <v>0</v>
      </c>
      <c r="OE26" s="344">
        <v>0</v>
      </c>
      <c r="OF26" s="344">
        <v>0</v>
      </c>
      <c r="OG26" s="348">
        <v>0</v>
      </c>
      <c r="OH26" s="349">
        <v>0</v>
      </c>
      <c r="OI26" s="347">
        <v>334303</v>
      </c>
      <c r="OJ26" s="344">
        <v>614186</v>
      </c>
      <c r="OK26" s="345">
        <v>948489</v>
      </c>
      <c r="OL26" s="350">
        <v>0</v>
      </c>
      <c r="OM26" s="344">
        <v>4397016</v>
      </c>
      <c r="ON26" s="344">
        <v>5165716</v>
      </c>
      <c r="OO26" s="344">
        <v>5899925</v>
      </c>
      <c r="OP26" s="344">
        <v>5809629</v>
      </c>
      <c r="OQ26" s="344">
        <v>5906767</v>
      </c>
      <c r="OR26" s="348">
        <v>27179053</v>
      </c>
      <c r="OS26" s="353">
        <v>28127542</v>
      </c>
    </row>
    <row r="27" spans="2:409" s="70" customFormat="1" ht="21" customHeight="1" x14ac:dyDescent="0.2">
      <c r="B27" s="409" t="s">
        <v>22</v>
      </c>
      <c r="C27" s="325">
        <v>69200</v>
      </c>
      <c r="D27" s="326">
        <v>160354</v>
      </c>
      <c r="E27" s="327">
        <v>229554</v>
      </c>
      <c r="F27" s="328">
        <v>0</v>
      </c>
      <c r="G27" s="326">
        <v>2085227</v>
      </c>
      <c r="H27" s="326">
        <v>1462916</v>
      </c>
      <c r="I27" s="326">
        <v>1607378</v>
      </c>
      <c r="J27" s="326">
        <v>2344696</v>
      </c>
      <c r="K27" s="326">
        <v>457267</v>
      </c>
      <c r="L27" s="366">
        <v>7957484</v>
      </c>
      <c r="M27" s="329">
        <v>8187038</v>
      </c>
      <c r="N27" s="325">
        <v>47856</v>
      </c>
      <c r="O27" s="326">
        <v>44662</v>
      </c>
      <c r="P27" s="327">
        <v>92518</v>
      </c>
      <c r="Q27" s="325">
        <v>0</v>
      </c>
      <c r="R27" s="326">
        <v>443473</v>
      </c>
      <c r="S27" s="326">
        <v>346674</v>
      </c>
      <c r="T27" s="326">
        <v>193788</v>
      </c>
      <c r="U27" s="326">
        <v>637109</v>
      </c>
      <c r="V27" s="326">
        <v>175691</v>
      </c>
      <c r="W27" s="327">
        <v>1796735</v>
      </c>
      <c r="X27" s="329">
        <v>1889253</v>
      </c>
      <c r="Y27" s="325">
        <v>0</v>
      </c>
      <c r="Z27" s="326">
        <v>0</v>
      </c>
      <c r="AA27" s="327">
        <v>0</v>
      </c>
      <c r="AB27" s="325">
        <v>0</v>
      </c>
      <c r="AC27" s="326">
        <v>222617</v>
      </c>
      <c r="AD27" s="326">
        <v>52331</v>
      </c>
      <c r="AE27" s="326">
        <v>42834</v>
      </c>
      <c r="AF27" s="326">
        <v>362840</v>
      </c>
      <c r="AG27" s="326">
        <v>96267</v>
      </c>
      <c r="AH27" s="327">
        <v>776889</v>
      </c>
      <c r="AI27" s="329">
        <v>776889</v>
      </c>
      <c r="AJ27" s="325">
        <v>0</v>
      </c>
      <c r="AK27" s="326">
        <v>0</v>
      </c>
      <c r="AL27" s="327">
        <v>0</v>
      </c>
      <c r="AM27" s="325">
        <v>0</v>
      </c>
      <c r="AN27" s="326">
        <v>0</v>
      </c>
      <c r="AO27" s="326">
        <v>0</v>
      </c>
      <c r="AP27" s="326">
        <v>0</v>
      </c>
      <c r="AQ27" s="326">
        <v>0</v>
      </c>
      <c r="AR27" s="326">
        <v>0</v>
      </c>
      <c r="AS27" s="327">
        <v>0</v>
      </c>
      <c r="AT27" s="329">
        <v>0</v>
      </c>
      <c r="AU27" s="325">
        <v>0</v>
      </c>
      <c r="AV27" s="326">
        <v>44662</v>
      </c>
      <c r="AW27" s="327">
        <v>44662</v>
      </c>
      <c r="AX27" s="325">
        <v>0</v>
      </c>
      <c r="AY27" s="326">
        <v>134768</v>
      </c>
      <c r="AZ27" s="326">
        <v>170150</v>
      </c>
      <c r="BA27" s="326">
        <v>105314</v>
      </c>
      <c r="BB27" s="326">
        <v>173997</v>
      </c>
      <c r="BC27" s="326">
        <v>79424</v>
      </c>
      <c r="BD27" s="327">
        <v>663653</v>
      </c>
      <c r="BE27" s="329">
        <v>708315</v>
      </c>
      <c r="BF27" s="325">
        <v>30048</v>
      </c>
      <c r="BG27" s="326">
        <v>0</v>
      </c>
      <c r="BH27" s="330">
        <v>30048</v>
      </c>
      <c r="BI27" s="331">
        <v>0</v>
      </c>
      <c r="BJ27" s="326">
        <v>0</v>
      </c>
      <c r="BK27" s="326">
        <v>62793</v>
      </c>
      <c r="BL27" s="326">
        <v>0</v>
      </c>
      <c r="BM27" s="326">
        <v>0</v>
      </c>
      <c r="BN27" s="326">
        <v>0</v>
      </c>
      <c r="BO27" s="327">
        <v>62793</v>
      </c>
      <c r="BP27" s="329">
        <v>92841</v>
      </c>
      <c r="BQ27" s="325">
        <v>17808</v>
      </c>
      <c r="BR27" s="326">
        <v>0</v>
      </c>
      <c r="BS27" s="327">
        <v>17808</v>
      </c>
      <c r="BT27" s="325">
        <v>0</v>
      </c>
      <c r="BU27" s="326">
        <v>86088</v>
      </c>
      <c r="BV27" s="326">
        <v>61400</v>
      </c>
      <c r="BW27" s="326">
        <v>45640</v>
      </c>
      <c r="BX27" s="326">
        <v>100272</v>
      </c>
      <c r="BY27" s="326">
        <v>0</v>
      </c>
      <c r="BZ27" s="327">
        <v>293400</v>
      </c>
      <c r="CA27" s="329">
        <v>311208</v>
      </c>
      <c r="CB27" s="325">
        <v>18544</v>
      </c>
      <c r="CC27" s="326">
        <v>0</v>
      </c>
      <c r="CD27" s="327">
        <v>18544</v>
      </c>
      <c r="CE27" s="325">
        <v>0</v>
      </c>
      <c r="CF27" s="326">
        <v>712299</v>
      </c>
      <c r="CG27" s="326">
        <v>216208</v>
      </c>
      <c r="CH27" s="326">
        <v>967958</v>
      </c>
      <c r="CI27" s="326">
        <v>121360</v>
      </c>
      <c r="CJ27" s="326">
        <v>191352</v>
      </c>
      <c r="CK27" s="327">
        <v>2209177</v>
      </c>
      <c r="CL27" s="329">
        <v>2227721</v>
      </c>
      <c r="CM27" s="325">
        <v>0</v>
      </c>
      <c r="CN27" s="326">
        <v>0</v>
      </c>
      <c r="CO27" s="327">
        <v>0</v>
      </c>
      <c r="CP27" s="331">
        <v>0</v>
      </c>
      <c r="CQ27" s="326">
        <v>570203</v>
      </c>
      <c r="CR27" s="326">
        <v>216208</v>
      </c>
      <c r="CS27" s="326">
        <v>685064</v>
      </c>
      <c r="CT27" s="326">
        <v>32592</v>
      </c>
      <c r="CU27" s="326">
        <v>80320</v>
      </c>
      <c r="CV27" s="327">
        <v>1584387</v>
      </c>
      <c r="CW27" s="329">
        <v>1584387</v>
      </c>
      <c r="CX27" s="325">
        <v>18544</v>
      </c>
      <c r="CY27" s="326">
        <v>0</v>
      </c>
      <c r="CZ27" s="327">
        <v>18544</v>
      </c>
      <c r="DA27" s="325">
        <v>0</v>
      </c>
      <c r="DB27" s="326">
        <v>142096</v>
      </c>
      <c r="DC27" s="326">
        <v>0</v>
      </c>
      <c r="DD27" s="326">
        <v>282894</v>
      </c>
      <c r="DE27" s="326">
        <v>88768</v>
      </c>
      <c r="DF27" s="326">
        <v>111032</v>
      </c>
      <c r="DG27" s="327">
        <v>624790</v>
      </c>
      <c r="DH27" s="329">
        <v>643334</v>
      </c>
      <c r="DI27" s="325">
        <v>0</v>
      </c>
      <c r="DJ27" s="326">
        <v>0</v>
      </c>
      <c r="DK27" s="330">
        <v>0</v>
      </c>
      <c r="DL27" s="331">
        <v>0</v>
      </c>
      <c r="DM27" s="326">
        <v>27696</v>
      </c>
      <c r="DN27" s="326">
        <v>0</v>
      </c>
      <c r="DO27" s="326">
        <v>40320</v>
      </c>
      <c r="DP27" s="326">
        <v>610510</v>
      </c>
      <c r="DQ27" s="326">
        <v>0</v>
      </c>
      <c r="DR27" s="327">
        <v>678526</v>
      </c>
      <c r="DS27" s="329">
        <v>678526</v>
      </c>
      <c r="DT27" s="325">
        <v>0</v>
      </c>
      <c r="DU27" s="326">
        <v>0</v>
      </c>
      <c r="DV27" s="327">
        <v>0</v>
      </c>
      <c r="DW27" s="325">
        <v>0</v>
      </c>
      <c r="DX27" s="326">
        <v>0</v>
      </c>
      <c r="DY27" s="326">
        <v>0</v>
      </c>
      <c r="DZ27" s="326">
        <v>0</v>
      </c>
      <c r="EA27" s="326">
        <v>610510</v>
      </c>
      <c r="EB27" s="326">
        <v>0</v>
      </c>
      <c r="EC27" s="327">
        <v>610510</v>
      </c>
      <c r="ED27" s="329">
        <v>610510</v>
      </c>
      <c r="EE27" s="325">
        <v>0</v>
      </c>
      <c r="EF27" s="330">
        <v>0</v>
      </c>
      <c r="EG27" s="327">
        <v>0</v>
      </c>
      <c r="EH27" s="325">
        <v>0</v>
      </c>
      <c r="EI27" s="326">
        <v>27696</v>
      </c>
      <c r="EJ27" s="326">
        <v>0</v>
      </c>
      <c r="EK27" s="326">
        <v>40320</v>
      </c>
      <c r="EL27" s="326">
        <v>0</v>
      </c>
      <c r="EM27" s="326">
        <v>0</v>
      </c>
      <c r="EN27" s="330">
        <v>68016</v>
      </c>
      <c r="EO27" s="329">
        <v>68016</v>
      </c>
      <c r="EP27" s="325">
        <v>0</v>
      </c>
      <c r="EQ27" s="326">
        <v>0</v>
      </c>
      <c r="ER27" s="330">
        <v>0</v>
      </c>
      <c r="ES27" s="331">
        <v>0</v>
      </c>
      <c r="ET27" s="326">
        <v>0</v>
      </c>
      <c r="EU27" s="326">
        <v>0</v>
      </c>
      <c r="EV27" s="326">
        <v>0</v>
      </c>
      <c r="EW27" s="326">
        <v>0</v>
      </c>
      <c r="EX27" s="326">
        <v>0</v>
      </c>
      <c r="EY27" s="327">
        <v>0</v>
      </c>
      <c r="EZ27" s="329">
        <v>0</v>
      </c>
      <c r="FA27" s="325">
        <v>0</v>
      </c>
      <c r="FB27" s="326">
        <v>0</v>
      </c>
      <c r="FC27" s="330">
        <v>0</v>
      </c>
      <c r="FD27" s="331">
        <v>0</v>
      </c>
      <c r="FE27" s="326">
        <v>0</v>
      </c>
      <c r="FF27" s="326">
        <v>0</v>
      </c>
      <c r="FG27" s="326">
        <v>0</v>
      </c>
      <c r="FH27" s="326">
        <v>0</v>
      </c>
      <c r="FI27" s="326">
        <v>0</v>
      </c>
      <c r="FJ27" s="327">
        <v>0</v>
      </c>
      <c r="FK27" s="329">
        <v>0</v>
      </c>
      <c r="FL27" s="325">
        <v>2800</v>
      </c>
      <c r="FM27" s="326">
        <v>15440</v>
      </c>
      <c r="FN27" s="327">
        <v>18240</v>
      </c>
      <c r="FO27" s="325">
        <v>0</v>
      </c>
      <c r="FP27" s="326">
        <v>121872</v>
      </c>
      <c r="FQ27" s="326">
        <v>384024</v>
      </c>
      <c r="FR27" s="326">
        <v>201696</v>
      </c>
      <c r="FS27" s="326">
        <v>158840</v>
      </c>
      <c r="FT27" s="326">
        <v>90224</v>
      </c>
      <c r="FU27" s="327">
        <v>956656</v>
      </c>
      <c r="FV27" s="329">
        <v>974896</v>
      </c>
      <c r="FW27" s="332">
        <v>2800</v>
      </c>
      <c r="FX27" s="326">
        <v>15440</v>
      </c>
      <c r="FY27" s="330">
        <v>18240</v>
      </c>
      <c r="FZ27" s="331">
        <v>0</v>
      </c>
      <c r="GA27" s="326">
        <v>121872</v>
      </c>
      <c r="GB27" s="326">
        <v>224024</v>
      </c>
      <c r="GC27" s="326">
        <v>173976</v>
      </c>
      <c r="GD27" s="326">
        <v>158840</v>
      </c>
      <c r="GE27" s="326">
        <v>90224</v>
      </c>
      <c r="GF27" s="327">
        <v>768936</v>
      </c>
      <c r="GG27" s="333">
        <v>787176</v>
      </c>
      <c r="GH27" s="332">
        <v>0</v>
      </c>
      <c r="GI27" s="326">
        <v>0</v>
      </c>
      <c r="GJ27" s="330">
        <v>0</v>
      </c>
      <c r="GK27" s="331">
        <v>0</v>
      </c>
      <c r="GL27" s="326">
        <v>0</v>
      </c>
      <c r="GM27" s="326">
        <v>0</v>
      </c>
      <c r="GN27" s="326">
        <v>27720</v>
      </c>
      <c r="GO27" s="326">
        <v>0</v>
      </c>
      <c r="GP27" s="326">
        <v>0</v>
      </c>
      <c r="GQ27" s="327">
        <v>27720</v>
      </c>
      <c r="GR27" s="329">
        <v>27720</v>
      </c>
      <c r="GS27" s="325">
        <v>0</v>
      </c>
      <c r="GT27" s="326">
        <v>0</v>
      </c>
      <c r="GU27" s="327">
        <v>0</v>
      </c>
      <c r="GV27" s="325">
        <v>0</v>
      </c>
      <c r="GW27" s="326">
        <v>0</v>
      </c>
      <c r="GX27" s="326">
        <v>160000</v>
      </c>
      <c r="GY27" s="326">
        <v>0</v>
      </c>
      <c r="GZ27" s="326">
        <v>0</v>
      </c>
      <c r="HA27" s="326">
        <v>0</v>
      </c>
      <c r="HB27" s="330">
        <v>160000</v>
      </c>
      <c r="HC27" s="329">
        <v>160000</v>
      </c>
      <c r="HD27" s="325">
        <v>0</v>
      </c>
      <c r="HE27" s="326">
        <v>100252</v>
      </c>
      <c r="HF27" s="330">
        <v>100252</v>
      </c>
      <c r="HG27" s="331">
        <v>0</v>
      </c>
      <c r="HH27" s="326">
        <v>779887</v>
      </c>
      <c r="HI27" s="326">
        <v>516010</v>
      </c>
      <c r="HJ27" s="326">
        <v>203616</v>
      </c>
      <c r="HK27" s="326">
        <v>816877</v>
      </c>
      <c r="HL27" s="326">
        <v>0</v>
      </c>
      <c r="HM27" s="327">
        <v>2316390</v>
      </c>
      <c r="HN27" s="328">
        <v>2416642</v>
      </c>
      <c r="HO27" s="332">
        <v>0</v>
      </c>
      <c r="HP27" s="326">
        <v>0</v>
      </c>
      <c r="HQ27" s="327">
        <v>0</v>
      </c>
      <c r="HR27" s="325">
        <v>0</v>
      </c>
      <c r="HS27" s="326">
        <v>0</v>
      </c>
      <c r="HT27" s="326">
        <v>0</v>
      </c>
      <c r="HU27" s="326">
        <v>0</v>
      </c>
      <c r="HV27" s="326">
        <v>0</v>
      </c>
      <c r="HW27" s="326">
        <v>0</v>
      </c>
      <c r="HX27" s="330">
        <v>0</v>
      </c>
      <c r="HY27" s="329">
        <v>0</v>
      </c>
      <c r="HZ27" s="334">
        <v>0</v>
      </c>
      <c r="IA27" s="335">
        <v>0</v>
      </c>
      <c r="IB27" s="336">
        <v>0</v>
      </c>
      <c r="IC27" s="337">
        <v>0</v>
      </c>
      <c r="ID27" s="335">
        <v>409302</v>
      </c>
      <c r="IE27" s="338">
        <v>638128</v>
      </c>
      <c r="IF27" s="336">
        <v>1281355</v>
      </c>
      <c r="IG27" s="335">
        <v>1102064</v>
      </c>
      <c r="IH27" s="336">
        <v>25296</v>
      </c>
      <c r="II27" s="339">
        <v>3456145</v>
      </c>
      <c r="IJ27" s="340">
        <v>3456145</v>
      </c>
      <c r="IK27" s="341">
        <v>0</v>
      </c>
      <c r="IL27" s="342">
        <v>0</v>
      </c>
      <c r="IM27" s="343">
        <v>0</v>
      </c>
      <c r="IN27" s="403">
        <v>0</v>
      </c>
      <c r="IO27" s="344">
        <v>0</v>
      </c>
      <c r="IP27" s="344">
        <v>109744</v>
      </c>
      <c r="IQ27" s="344">
        <v>152080</v>
      </c>
      <c r="IR27" s="344">
        <v>0</v>
      </c>
      <c r="IS27" s="344">
        <v>0</v>
      </c>
      <c r="IT27" s="345">
        <v>261824</v>
      </c>
      <c r="IU27" s="346">
        <v>261824</v>
      </c>
      <c r="IV27" s="347">
        <v>0</v>
      </c>
      <c r="IW27" s="344">
        <v>0</v>
      </c>
      <c r="IX27" s="348">
        <v>0</v>
      </c>
      <c r="IY27" s="403">
        <v>0</v>
      </c>
      <c r="IZ27" s="344">
        <v>0</v>
      </c>
      <c r="JA27" s="344">
        <v>0</v>
      </c>
      <c r="JB27" s="344">
        <v>0</v>
      </c>
      <c r="JC27" s="344">
        <v>0</v>
      </c>
      <c r="JD27" s="344">
        <v>0</v>
      </c>
      <c r="JE27" s="348">
        <v>0</v>
      </c>
      <c r="JF27" s="349">
        <v>0</v>
      </c>
      <c r="JG27" s="347">
        <v>0</v>
      </c>
      <c r="JH27" s="344">
        <v>0</v>
      </c>
      <c r="JI27" s="345">
        <v>0</v>
      </c>
      <c r="JJ27" s="350">
        <v>0</v>
      </c>
      <c r="JK27" s="344">
        <v>86816</v>
      </c>
      <c r="JL27" s="344">
        <v>118552</v>
      </c>
      <c r="JM27" s="344">
        <v>38456</v>
      </c>
      <c r="JN27" s="344">
        <v>91208</v>
      </c>
      <c r="JO27" s="344">
        <v>25296</v>
      </c>
      <c r="JP27" s="348">
        <v>360328</v>
      </c>
      <c r="JQ27" s="346">
        <v>360328</v>
      </c>
      <c r="JR27" s="347">
        <v>0</v>
      </c>
      <c r="JS27" s="344">
        <v>0</v>
      </c>
      <c r="JT27" s="345">
        <v>0</v>
      </c>
      <c r="JU27" s="350">
        <v>0</v>
      </c>
      <c r="JV27" s="344">
        <v>0</v>
      </c>
      <c r="JW27" s="344">
        <v>0</v>
      </c>
      <c r="JX27" s="344">
        <v>137832</v>
      </c>
      <c r="JY27" s="344">
        <v>0</v>
      </c>
      <c r="JZ27" s="344">
        <v>0</v>
      </c>
      <c r="KA27" s="348">
        <v>137832</v>
      </c>
      <c r="KB27" s="346">
        <v>137832</v>
      </c>
      <c r="KC27" s="351">
        <v>0</v>
      </c>
      <c r="KD27" s="352">
        <v>0</v>
      </c>
      <c r="KE27" s="348">
        <v>0</v>
      </c>
      <c r="KF27" s="350">
        <v>0</v>
      </c>
      <c r="KG27" s="344">
        <v>91968</v>
      </c>
      <c r="KH27" s="344">
        <v>162968</v>
      </c>
      <c r="KI27" s="344">
        <v>448832</v>
      </c>
      <c r="KJ27" s="344">
        <v>0</v>
      </c>
      <c r="KK27" s="344">
        <v>0</v>
      </c>
      <c r="KL27" s="348">
        <v>703768</v>
      </c>
      <c r="KM27" s="353">
        <v>703768</v>
      </c>
      <c r="KN27" s="341">
        <v>0</v>
      </c>
      <c r="KO27" s="342">
        <v>0</v>
      </c>
      <c r="KP27" s="343">
        <v>0</v>
      </c>
      <c r="KQ27" s="403">
        <v>0</v>
      </c>
      <c r="KR27" s="344">
        <v>230518</v>
      </c>
      <c r="KS27" s="344">
        <v>246864</v>
      </c>
      <c r="KT27" s="344">
        <v>272875</v>
      </c>
      <c r="KU27" s="344">
        <v>249328</v>
      </c>
      <c r="KV27" s="344">
        <v>0</v>
      </c>
      <c r="KW27" s="348">
        <v>999585</v>
      </c>
      <c r="KX27" s="346">
        <v>999585</v>
      </c>
      <c r="KY27" s="347">
        <v>0</v>
      </c>
      <c r="KZ27" s="344">
        <v>0</v>
      </c>
      <c r="LA27" s="348">
        <v>0</v>
      </c>
      <c r="LB27" s="403">
        <v>0</v>
      </c>
      <c r="LC27" s="344">
        <v>0</v>
      </c>
      <c r="LD27" s="344">
        <v>0</v>
      </c>
      <c r="LE27" s="344">
        <v>0</v>
      </c>
      <c r="LF27" s="344">
        <v>0</v>
      </c>
      <c r="LG27" s="344">
        <v>0</v>
      </c>
      <c r="LH27" s="348">
        <v>0</v>
      </c>
      <c r="LI27" s="349">
        <v>0</v>
      </c>
      <c r="LJ27" s="347">
        <v>0</v>
      </c>
      <c r="LK27" s="344">
        <v>0</v>
      </c>
      <c r="LL27" s="348">
        <v>0</v>
      </c>
      <c r="LM27" s="403">
        <v>0</v>
      </c>
      <c r="LN27" s="344">
        <v>0</v>
      </c>
      <c r="LO27" s="344">
        <v>0</v>
      </c>
      <c r="LP27" s="344">
        <v>231280</v>
      </c>
      <c r="LQ27" s="344">
        <v>761528</v>
      </c>
      <c r="LR27" s="344">
        <v>0</v>
      </c>
      <c r="LS27" s="348">
        <v>992808</v>
      </c>
      <c r="LT27" s="346">
        <v>992808</v>
      </c>
      <c r="LU27" s="347">
        <v>0</v>
      </c>
      <c r="LV27" s="344">
        <v>0</v>
      </c>
      <c r="LW27" s="348">
        <v>0</v>
      </c>
      <c r="LX27" s="403">
        <v>0</v>
      </c>
      <c r="LY27" s="344">
        <v>0</v>
      </c>
      <c r="LZ27" s="344">
        <v>0</v>
      </c>
      <c r="MA27" s="344">
        <v>0</v>
      </c>
      <c r="MB27" s="344">
        <v>0</v>
      </c>
      <c r="MC27" s="344">
        <v>0</v>
      </c>
      <c r="MD27" s="348">
        <v>0</v>
      </c>
      <c r="ME27" s="349">
        <v>0</v>
      </c>
      <c r="MF27" s="347">
        <v>0</v>
      </c>
      <c r="MG27" s="344">
        <v>0</v>
      </c>
      <c r="MH27" s="348">
        <v>0</v>
      </c>
      <c r="MI27" s="403">
        <v>0</v>
      </c>
      <c r="MJ27" s="344">
        <v>217936</v>
      </c>
      <c r="MK27" s="344">
        <v>554736</v>
      </c>
      <c r="ML27" s="344">
        <v>958400</v>
      </c>
      <c r="MM27" s="344">
        <v>1413398</v>
      </c>
      <c r="MN27" s="344">
        <v>1455455</v>
      </c>
      <c r="MO27" s="348">
        <v>4599925</v>
      </c>
      <c r="MP27" s="353">
        <v>4599925</v>
      </c>
      <c r="MQ27" s="347">
        <v>0</v>
      </c>
      <c r="MR27" s="344">
        <v>0</v>
      </c>
      <c r="MS27" s="348">
        <v>0</v>
      </c>
      <c r="MT27" s="403">
        <v>0</v>
      </c>
      <c r="MU27" s="344">
        <v>0</v>
      </c>
      <c r="MV27" s="344">
        <v>0</v>
      </c>
      <c r="MW27" s="344">
        <v>958400</v>
      </c>
      <c r="MX27" s="344">
        <v>763086</v>
      </c>
      <c r="MY27" s="344">
        <v>814688</v>
      </c>
      <c r="MZ27" s="348">
        <v>2536174</v>
      </c>
      <c r="NA27" s="353">
        <v>2536174</v>
      </c>
      <c r="NB27" s="347">
        <v>0</v>
      </c>
      <c r="NC27" s="344">
        <v>0</v>
      </c>
      <c r="ND27" s="348">
        <v>0</v>
      </c>
      <c r="NE27" s="403">
        <v>0</v>
      </c>
      <c r="NF27" s="344">
        <v>217936</v>
      </c>
      <c r="NG27" s="344">
        <v>554736</v>
      </c>
      <c r="NH27" s="344">
        <v>0</v>
      </c>
      <c r="NI27" s="344">
        <v>314040</v>
      </c>
      <c r="NJ27" s="344">
        <v>640767</v>
      </c>
      <c r="NK27" s="348">
        <v>1727479</v>
      </c>
      <c r="NL27" s="346">
        <v>1727479</v>
      </c>
      <c r="NM27" s="347">
        <v>0</v>
      </c>
      <c r="NN27" s="344">
        <v>0</v>
      </c>
      <c r="NO27" s="348">
        <v>0</v>
      </c>
      <c r="NP27" s="403">
        <v>0</v>
      </c>
      <c r="NQ27" s="344">
        <v>0</v>
      </c>
      <c r="NR27" s="344">
        <v>0</v>
      </c>
      <c r="NS27" s="344">
        <v>0</v>
      </c>
      <c r="NT27" s="344">
        <v>0</v>
      </c>
      <c r="NU27" s="344">
        <v>0</v>
      </c>
      <c r="NV27" s="348">
        <v>0</v>
      </c>
      <c r="NW27" s="349">
        <v>0</v>
      </c>
      <c r="NX27" s="347">
        <v>0</v>
      </c>
      <c r="NY27" s="344">
        <v>0</v>
      </c>
      <c r="NZ27" s="348">
        <v>0</v>
      </c>
      <c r="OA27" s="403">
        <v>0</v>
      </c>
      <c r="OB27" s="344">
        <v>0</v>
      </c>
      <c r="OC27" s="344">
        <v>0</v>
      </c>
      <c r="OD27" s="344">
        <v>0</v>
      </c>
      <c r="OE27" s="344">
        <v>336272</v>
      </c>
      <c r="OF27" s="344">
        <v>0</v>
      </c>
      <c r="OG27" s="348">
        <v>336272</v>
      </c>
      <c r="OH27" s="349">
        <v>336272</v>
      </c>
      <c r="OI27" s="347">
        <v>69200</v>
      </c>
      <c r="OJ27" s="344">
        <v>160354</v>
      </c>
      <c r="OK27" s="345">
        <v>229554</v>
      </c>
      <c r="OL27" s="350">
        <v>0</v>
      </c>
      <c r="OM27" s="344">
        <v>2712465</v>
      </c>
      <c r="ON27" s="344">
        <v>2655780</v>
      </c>
      <c r="OO27" s="344">
        <v>3847133</v>
      </c>
      <c r="OP27" s="344">
        <v>4860158</v>
      </c>
      <c r="OQ27" s="344">
        <v>1938018</v>
      </c>
      <c r="OR27" s="348">
        <v>16013554</v>
      </c>
      <c r="OS27" s="353">
        <v>16243108</v>
      </c>
    </row>
    <row r="28" spans="2:409" s="70" customFormat="1" ht="21" customHeight="1" x14ac:dyDescent="0.2">
      <c r="B28" s="409" t="s">
        <v>23</v>
      </c>
      <c r="C28" s="325">
        <v>607856</v>
      </c>
      <c r="D28" s="326">
        <v>187913</v>
      </c>
      <c r="E28" s="327">
        <v>795769</v>
      </c>
      <c r="F28" s="328">
        <v>0</v>
      </c>
      <c r="G28" s="326">
        <v>2167670</v>
      </c>
      <c r="H28" s="326">
        <v>2291271</v>
      </c>
      <c r="I28" s="326">
        <v>1325212</v>
      </c>
      <c r="J28" s="326">
        <v>1953695</v>
      </c>
      <c r="K28" s="326">
        <v>797447</v>
      </c>
      <c r="L28" s="366">
        <v>8535295</v>
      </c>
      <c r="M28" s="329">
        <v>9331064</v>
      </c>
      <c r="N28" s="325">
        <v>136479</v>
      </c>
      <c r="O28" s="326">
        <v>83281</v>
      </c>
      <c r="P28" s="327">
        <v>219760</v>
      </c>
      <c r="Q28" s="325">
        <v>0</v>
      </c>
      <c r="R28" s="326">
        <v>688045</v>
      </c>
      <c r="S28" s="326">
        <v>841365</v>
      </c>
      <c r="T28" s="326">
        <v>513842</v>
      </c>
      <c r="U28" s="326">
        <v>573679</v>
      </c>
      <c r="V28" s="326">
        <v>-123286</v>
      </c>
      <c r="W28" s="327">
        <v>2493645</v>
      </c>
      <c r="X28" s="329">
        <v>2713405</v>
      </c>
      <c r="Y28" s="325">
        <v>0</v>
      </c>
      <c r="Z28" s="326">
        <v>0</v>
      </c>
      <c r="AA28" s="327">
        <v>0</v>
      </c>
      <c r="AB28" s="325">
        <v>0</v>
      </c>
      <c r="AC28" s="326">
        <v>324789</v>
      </c>
      <c r="AD28" s="326">
        <v>279193</v>
      </c>
      <c r="AE28" s="326">
        <v>280592</v>
      </c>
      <c r="AF28" s="326">
        <v>88320</v>
      </c>
      <c r="AG28" s="326">
        <v>0</v>
      </c>
      <c r="AH28" s="327">
        <v>972894</v>
      </c>
      <c r="AI28" s="329">
        <v>972894</v>
      </c>
      <c r="AJ28" s="325">
        <v>0</v>
      </c>
      <c r="AK28" s="326">
        <v>0</v>
      </c>
      <c r="AL28" s="327">
        <v>0</v>
      </c>
      <c r="AM28" s="325">
        <v>0</v>
      </c>
      <c r="AN28" s="326">
        <v>0</v>
      </c>
      <c r="AO28" s="326">
        <v>0</v>
      </c>
      <c r="AP28" s="326">
        <v>0</v>
      </c>
      <c r="AQ28" s="326">
        <v>152780</v>
      </c>
      <c r="AR28" s="326">
        <v>0</v>
      </c>
      <c r="AS28" s="327">
        <v>152780</v>
      </c>
      <c r="AT28" s="329">
        <v>152780</v>
      </c>
      <c r="AU28" s="325">
        <v>80319</v>
      </c>
      <c r="AV28" s="326">
        <v>72715</v>
      </c>
      <c r="AW28" s="327">
        <v>153034</v>
      </c>
      <c r="AX28" s="325">
        <v>0</v>
      </c>
      <c r="AY28" s="326">
        <v>212920</v>
      </c>
      <c r="AZ28" s="326">
        <v>360132</v>
      </c>
      <c r="BA28" s="326">
        <v>96426</v>
      </c>
      <c r="BB28" s="326">
        <v>176059</v>
      </c>
      <c r="BC28" s="326">
        <v>-197206</v>
      </c>
      <c r="BD28" s="327">
        <v>648331</v>
      </c>
      <c r="BE28" s="329">
        <v>801365</v>
      </c>
      <c r="BF28" s="325">
        <v>0</v>
      </c>
      <c r="BG28" s="326">
        <v>10566</v>
      </c>
      <c r="BH28" s="330">
        <v>10566</v>
      </c>
      <c r="BI28" s="331">
        <v>0</v>
      </c>
      <c r="BJ28" s="326">
        <v>0</v>
      </c>
      <c r="BK28" s="326">
        <v>0</v>
      </c>
      <c r="BL28" s="326">
        <v>0</v>
      </c>
      <c r="BM28" s="326">
        <v>0</v>
      </c>
      <c r="BN28" s="326">
        <v>0</v>
      </c>
      <c r="BO28" s="327">
        <v>0</v>
      </c>
      <c r="BP28" s="329">
        <v>10566</v>
      </c>
      <c r="BQ28" s="325">
        <v>56160</v>
      </c>
      <c r="BR28" s="326">
        <v>0</v>
      </c>
      <c r="BS28" s="327">
        <v>56160</v>
      </c>
      <c r="BT28" s="325">
        <v>0</v>
      </c>
      <c r="BU28" s="326">
        <v>150336</v>
      </c>
      <c r="BV28" s="326">
        <v>202040</v>
      </c>
      <c r="BW28" s="326">
        <v>136824</v>
      </c>
      <c r="BX28" s="326">
        <v>156520</v>
      </c>
      <c r="BY28" s="326">
        <v>73920</v>
      </c>
      <c r="BZ28" s="327">
        <v>719640</v>
      </c>
      <c r="CA28" s="329">
        <v>775800</v>
      </c>
      <c r="CB28" s="325">
        <v>0</v>
      </c>
      <c r="CC28" s="326">
        <v>0</v>
      </c>
      <c r="CD28" s="327">
        <v>0</v>
      </c>
      <c r="CE28" s="325">
        <v>0</v>
      </c>
      <c r="CF28" s="326">
        <v>728252</v>
      </c>
      <c r="CG28" s="326">
        <v>665583</v>
      </c>
      <c r="CH28" s="326">
        <v>477050</v>
      </c>
      <c r="CI28" s="326">
        <v>365435</v>
      </c>
      <c r="CJ28" s="326">
        <v>380297</v>
      </c>
      <c r="CK28" s="327">
        <v>2616617</v>
      </c>
      <c r="CL28" s="329">
        <v>2616617</v>
      </c>
      <c r="CM28" s="325">
        <v>0</v>
      </c>
      <c r="CN28" s="326">
        <v>0</v>
      </c>
      <c r="CO28" s="327">
        <v>0</v>
      </c>
      <c r="CP28" s="331">
        <v>0</v>
      </c>
      <c r="CQ28" s="326">
        <v>552821</v>
      </c>
      <c r="CR28" s="326">
        <v>604379</v>
      </c>
      <c r="CS28" s="326">
        <v>444481</v>
      </c>
      <c r="CT28" s="326">
        <v>229679</v>
      </c>
      <c r="CU28" s="326">
        <v>380297</v>
      </c>
      <c r="CV28" s="327">
        <v>2211657</v>
      </c>
      <c r="CW28" s="329">
        <v>2211657</v>
      </c>
      <c r="CX28" s="325">
        <v>0</v>
      </c>
      <c r="CY28" s="326">
        <v>0</v>
      </c>
      <c r="CZ28" s="327">
        <v>0</v>
      </c>
      <c r="DA28" s="325">
        <v>0</v>
      </c>
      <c r="DB28" s="326">
        <v>175431</v>
      </c>
      <c r="DC28" s="326">
        <v>61204</v>
      </c>
      <c r="DD28" s="326">
        <v>32569</v>
      </c>
      <c r="DE28" s="326">
        <v>135756</v>
      </c>
      <c r="DF28" s="326">
        <v>0</v>
      </c>
      <c r="DG28" s="327">
        <v>404960</v>
      </c>
      <c r="DH28" s="329">
        <v>404960</v>
      </c>
      <c r="DI28" s="325">
        <v>0</v>
      </c>
      <c r="DJ28" s="326">
        <v>0</v>
      </c>
      <c r="DK28" s="330">
        <v>0</v>
      </c>
      <c r="DL28" s="331">
        <v>0</v>
      </c>
      <c r="DM28" s="326">
        <v>31608</v>
      </c>
      <c r="DN28" s="326">
        <v>361280</v>
      </c>
      <c r="DO28" s="326">
        <v>26675</v>
      </c>
      <c r="DP28" s="326">
        <v>209420</v>
      </c>
      <c r="DQ28" s="326">
        <v>0</v>
      </c>
      <c r="DR28" s="327">
        <v>628983</v>
      </c>
      <c r="DS28" s="329">
        <v>628983</v>
      </c>
      <c r="DT28" s="325">
        <v>0</v>
      </c>
      <c r="DU28" s="326">
        <v>0</v>
      </c>
      <c r="DV28" s="327">
        <v>0</v>
      </c>
      <c r="DW28" s="325">
        <v>0</v>
      </c>
      <c r="DX28" s="326">
        <v>0</v>
      </c>
      <c r="DY28" s="326">
        <v>361280</v>
      </c>
      <c r="DZ28" s="326">
        <v>26675</v>
      </c>
      <c r="EA28" s="326">
        <v>209420</v>
      </c>
      <c r="EB28" s="326">
        <v>0</v>
      </c>
      <c r="EC28" s="327">
        <v>597375</v>
      </c>
      <c r="ED28" s="329">
        <v>597375</v>
      </c>
      <c r="EE28" s="325">
        <v>0</v>
      </c>
      <c r="EF28" s="330">
        <v>0</v>
      </c>
      <c r="EG28" s="327">
        <v>0</v>
      </c>
      <c r="EH28" s="325">
        <v>0</v>
      </c>
      <c r="EI28" s="326">
        <v>31608</v>
      </c>
      <c r="EJ28" s="326">
        <v>0</v>
      </c>
      <c r="EK28" s="326">
        <v>0</v>
      </c>
      <c r="EL28" s="326">
        <v>0</v>
      </c>
      <c r="EM28" s="326">
        <v>0</v>
      </c>
      <c r="EN28" s="330">
        <v>31608</v>
      </c>
      <c r="EO28" s="329">
        <v>31608</v>
      </c>
      <c r="EP28" s="325">
        <v>0</v>
      </c>
      <c r="EQ28" s="326">
        <v>0</v>
      </c>
      <c r="ER28" s="330">
        <v>0</v>
      </c>
      <c r="ES28" s="331">
        <v>0</v>
      </c>
      <c r="ET28" s="326">
        <v>0</v>
      </c>
      <c r="EU28" s="326">
        <v>0</v>
      </c>
      <c r="EV28" s="326">
        <v>0</v>
      </c>
      <c r="EW28" s="326">
        <v>0</v>
      </c>
      <c r="EX28" s="326">
        <v>0</v>
      </c>
      <c r="EY28" s="327">
        <v>0</v>
      </c>
      <c r="EZ28" s="329">
        <v>0</v>
      </c>
      <c r="FA28" s="325">
        <v>0</v>
      </c>
      <c r="FB28" s="326">
        <v>0</v>
      </c>
      <c r="FC28" s="330">
        <v>0</v>
      </c>
      <c r="FD28" s="331">
        <v>0</v>
      </c>
      <c r="FE28" s="326">
        <v>0</v>
      </c>
      <c r="FF28" s="326">
        <v>0</v>
      </c>
      <c r="FG28" s="326">
        <v>0</v>
      </c>
      <c r="FH28" s="326">
        <v>0</v>
      </c>
      <c r="FI28" s="326">
        <v>0</v>
      </c>
      <c r="FJ28" s="327">
        <v>0</v>
      </c>
      <c r="FK28" s="329">
        <v>0</v>
      </c>
      <c r="FL28" s="325">
        <v>302176</v>
      </c>
      <c r="FM28" s="326">
        <v>104632</v>
      </c>
      <c r="FN28" s="327">
        <v>406808</v>
      </c>
      <c r="FO28" s="325">
        <v>0</v>
      </c>
      <c r="FP28" s="326">
        <v>72016</v>
      </c>
      <c r="FQ28" s="326">
        <v>317144</v>
      </c>
      <c r="FR28" s="326">
        <v>68200</v>
      </c>
      <c r="FS28" s="326">
        <v>164776</v>
      </c>
      <c r="FT28" s="326">
        <v>65784</v>
      </c>
      <c r="FU28" s="327">
        <v>687920</v>
      </c>
      <c r="FV28" s="329">
        <v>1094728</v>
      </c>
      <c r="FW28" s="332">
        <v>20016</v>
      </c>
      <c r="FX28" s="326">
        <v>104632</v>
      </c>
      <c r="FY28" s="330">
        <v>124648</v>
      </c>
      <c r="FZ28" s="331">
        <v>0</v>
      </c>
      <c r="GA28" s="326">
        <v>56976</v>
      </c>
      <c r="GB28" s="326">
        <v>275544</v>
      </c>
      <c r="GC28" s="326">
        <v>68200</v>
      </c>
      <c r="GD28" s="326">
        <v>164776</v>
      </c>
      <c r="GE28" s="326">
        <v>65784</v>
      </c>
      <c r="GF28" s="327">
        <v>631280</v>
      </c>
      <c r="GG28" s="333">
        <v>755928</v>
      </c>
      <c r="GH28" s="332">
        <v>0</v>
      </c>
      <c r="GI28" s="326">
        <v>0</v>
      </c>
      <c r="GJ28" s="330">
        <v>0</v>
      </c>
      <c r="GK28" s="331">
        <v>0</v>
      </c>
      <c r="GL28" s="326">
        <v>0</v>
      </c>
      <c r="GM28" s="326">
        <v>41600</v>
      </c>
      <c r="GN28" s="326">
        <v>0</v>
      </c>
      <c r="GO28" s="326">
        <v>0</v>
      </c>
      <c r="GP28" s="326">
        <v>0</v>
      </c>
      <c r="GQ28" s="327">
        <v>41600</v>
      </c>
      <c r="GR28" s="329">
        <v>41600</v>
      </c>
      <c r="GS28" s="325">
        <v>282160</v>
      </c>
      <c r="GT28" s="326">
        <v>0</v>
      </c>
      <c r="GU28" s="327">
        <v>282160</v>
      </c>
      <c r="GV28" s="325">
        <v>0</v>
      </c>
      <c r="GW28" s="326">
        <v>15040</v>
      </c>
      <c r="GX28" s="326">
        <v>0</v>
      </c>
      <c r="GY28" s="326">
        <v>0</v>
      </c>
      <c r="GZ28" s="326">
        <v>0</v>
      </c>
      <c r="HA28" s="326">
        <v>0</v>
      </c>
      <c r="HB28" s="330">
        <v>15040</v>
      </c>
      <c r="HC28" s="329">
        <v>297200</v>
      </c>
      <c r="HD28" s="325">
        <v>169201</v>
      </c>
      <c r="HE28" s="326">
        <v>0</v>
      </c>
      <c r="HF28" s="330">
        <v>169201</v>
      </c>
      <c r="HG28" s="331">
        <v>0</v>
      </c>
      <c r="HH28" s="326">
        <v>647749</v>
      </c>
      <c r="HI28" s="326">
        <v>105899</v>
      </c>
      <c r="HJ28" s="326">
        <v>239445</v>
      </c>
      <c r="HK28" s="326">
        <v>640385</v>
      </c>
      <c r="HL28" s="326">
        <v>474652</v>
      </c>
      <c r="HM28" s="327">
        <v>2108130</v>
      </c>
      <c r="HN28" s="328">
        <v>2277331</v>
      </c>
      <c r="HO28" s="332">
        <v>0</v>
      </c>
      <c r="HP28" s="326">
        <v>0</v>
      </c>
      <c r="HQ28" s="327">
        <v>0</v>
      </c>
      <c r="HR28" s="325">
        <v>0</v>
      </c>
      <c r="HS28" s="326">
        <v>0</v>
      </c>
      <c r="HT28" s="326">
        <v>0</v>
      </c>
      <c r="HU28" s="326">
        <v>0</v>
      </c>
      <c r="HV28" s="326">
        <v>0</v>
      </c>
      <c r="HW28" s="326">
        <v>0</v>
      </c>
      <c r="HX28" s="330">
        <v>0</v>
      </c>
      <c r="HY28" s="329">
        <v>0</v>
      </c>
      <c r="HZ28" s="357">
        <v>0</v>
      </c>
      <c r="IA28" s="355">
        <v>0</v>
      </c>
      <c r="IB28" s="357">
        <v>0</v>
      </c>
      <c r="IC28" s="354">
        <v>0</v>
      </c>
      <c r="ID28" s="355">
        <v>615484</v>
      </c>
      <c r="IE28" s="356">
        <v>370024</v>
      </c>
      <c r="IF28" s="357">
        <v>1020121</v>
      </c>
      <c r="IG28" s="355">
        <v>525098</v>
      </c>
      <c r="IH28" s="357">
        <v>0</v>
      </c>
      <c r="II28" s="358">
        <v>2530727</v>
      </c>
      <c r="IJ28" s="357">
        <v>2530727</v>
      </c>
      <c r="IK28" s="341">
        <v>0</v>
      </c>
      <c r="IL28" s="342">
        <v>0</v>
      </c>
      <c r="IM28" s="343">
        <v>0</v>
      </c>
      <c r="IN28" s="403">
        <v>0</v>
      </c>
      <c r="IO28" s="344">
        <v>0</v>
      </c>
      <c r="IP28" s="344">
        <v>0</v>
      </c>
      <c r="IQ28" s="344">
        <v>0</v>
      </c>
      <c r="IR28" s="344">
        <v>0</v>
      </c>
      <c r="IS28" s="344">
        <v>0</v>
      </c>
      <c r="IT28" s="345">
        <v>0</v>
      </c>
      <c r="IU28" s="346">
        <v>0</v>
      </c>
      <c r="IV28" s="347">
        <v>0</v>
      </c>
      <c r="IW28" s="344">
        <v>0</v>
      </c>
      <c r="IX28" s="348">
        <v>0</v>
      </c>
      <c r="IY28" s="403">
        <v>0</v>
      </c>
      <c r="IZ28" s="344">
        <v>0</v>
      </c>
      <c r="JA28" s="344">
        <v>0</v>
      </c>
      <c r="JB28" s="344">
        <v>0</v>
      </c>
      <c r="JC28" s="344">
        <v>0</v>
      </c>
      <c r="JD28" s="344">
        <v>0</v>
      </c>
      <c r="JE28" s="348">
        <v>0</v>
      </c>
      <c r="JF28" s="349">
        <v>0</v>
      </c>
      <c r="JG28" s="347">
        <v>0</v>
      </c>
      <c r="JH28" s="344">
        <v>0</v>
      </c>
      <c r="JI28" s="345">
        <v>0</v>
      </c>
      <c r="JJ28" s="350">
        <v>0</v>
      </c>
      <c r="JK28" s="344">
        <v>135555</v>
      </c>
      <c r="JL28" s="344">
        <v>112863</v>
      </c>
      <c r="JM28" s="344">
        <v>35989</v>
      </c>
      <c r="JN28" s="344">
        <v>0</v>
      </c>
      <c r="JO28" s="344">
        <v>0</v>
      </c>
      <c r="JP28" s="348">
        <v>284407</v>
      </c>
      <c r="JQ28" s="346">
        <v>284407</v>
      </c>
      <c r="JR28" s="347">
        <v>0</v>
      </c>
      <c r="JS28" s="344">
        <v>0</v>
      </c>
      <c r="JT28" s="345">
        <v>0</v>
      </c>
      <c r="JU28" s="350">
        <v>0</v>
      </c>
      <c r="JV28" s="344">
        <v>0</v>
      </c>
      <c r="JW28" s="344">
        <v>0</v>
      </c>
      <c r="JX28" s="344">
        <v>0</v>
      </c>
      <c r="JY28" s="344">
        <v>0</v>
      </c>
      <c r="JZ28" s="344">
        <v>0</v>
      </c>
      <c r="KA28" s="348">
        <v>0</v>
      </c>
      <c r="KB28" s="346">
        <v>0</v>
      </c>
      <c r="KC28" s="351">
        <v>0</v>
      </c>
      <c r="KD28" s="352">
        <v>0</v>
      </c>
      <c r="KE28" s="348">
        <v>0</v>
      </c>
      <c r="KF28" s="350">
        <v>0</v>
      </c>
      <c r="KG28" s="344">
        <v>0</v>
      </c>
      <c r="KH28" s="344">
        <v>0</v>
      </c>
      <c r="KI28" s="344">
        <v>228968</v>
      </c>
      <c r="KJ28" s="344">
        <v>0</v>
      </c>
      <c r="KK28" s="344">
        <v>0</v>
      </c>
      <c r="KL28" s="348">
        <v>228968</v>
      </c>
      <c r="KM28" s="353">
        <v>228968</v>
      </c>
      <c r="KN28" s="341">
        <v>0</v>
      </c>
      <c r="KO28" s="342">
        <v>0</v>
      </c>
      <c r="KP28" s="343">
        <v>0</v>
      </c>
      <c r="KQ28" s="403">
        <v>0</v>
      </c>
      <c r="KR28" s="344">
        <v>479929</v>
      </c>
      <c r="KS28" s="344">
        <v>257161</v>
      </c>
      <c r="KT28" s="344">
        <v>755164</v>
      </c>
      <c r="KU28" s="344">
        <v>525098</v>
      </c>
      <c r="KV28" s="344">
        <v>0</v>
      </c>
      <c r="KW28" s="348">
        <v>2017352</v>
      </c>
      <c r="KX28" s="346">
        <v>2017352</v>
      </c>
      <c r="KY28" s="347">
        <v>0</v>
      </c>
      <c r="KZ28" s="344">
        <v>0</v>
      </c>
      <c r="LA28" s="348">
        <v>0</v>
      </c>
      <c r="LB28" s="403">
        <v>0</v>
      </c>
      <c r="LC28" s="344">
        <v>0</v>
      </c>
      <c r="LD28" s="344">
        <v>0</v>
      </c>
      <c r="LE28" s="344">
        <v>0</v>
      </c>
      <c r="LF28" s="344">
        <v>0</v>
      </c>
      <c r="LG28" s="344">
        <v>0</v>
      </c>
      <c r="LH28" s="348">
        <v>0</v>
      </c>
      <c r="LI28" s="349">
        <v>0</v>
      </c>
      <c r="LJ28" s="347">
        <v>0</v>
      </c>
      <c r="LK28" s="344">
        <v>0</v>
      </c>
      <c r="LL28" s="348">
        <v>0</v>
      </c>
      <c r="LM28" s="403">
        <v>0</v>
      </c>
      <c r="LN28" s="344">
        <v>0</v>
      </c>
      <c r="LO28" s="344">
        <v>0</v>
      </c>
      <c r="LP28" s="344">
        <v>0</v>
      </c>
      <c r="LQ28" s="344">
        <v>0</v>
      </c>
      <c r="LR28" s="344">
        <v>0</v>
      </c>
      <c r="LS28" s="348">
        <v>0</v>
      </c>
      <c r="LT28" s="346">
        <v>0</v>
      </c>
      <c r="LU28" s="347">
        <v>0</v>
      </c>
      <c r="LV28" s="344">
        <v>0</v>
      </c>
      <c r="LW28" s="348">
        <v>0</v>
      </c>
      <c r="LX28" s="403">
        <v>0</v>
      </c>
      <c r="LY28" s="344">
        <v>0</v>
      </c>
      <c r="LZ28" s="344">
        <v>0</v>
      </c>
      <c r="MA28" s="344">
        <v>0</v>
      </c>
      <c r="MB28" s="344">
        <v>0</v>
      </c>
      <c r="MC28" s="344">
        <v>0</v>
      </c>
      <c r="MD28" s="348">
        <v>0</v>
      </c>
      <c r="ME28" s="349">
        <v>0</v>
      </c>
      <c r="MF28" s="347">
        <v>0</v>
      </c>
      <c r="MG28" s="344">
        <v>0</v>
      </c>
      <c r="MH28" s="348">
        <v>0</v>
      </c>
      <c r="MI28" s="403">
        <v>0</v>
      </c>
      <c r="MJ28" s="344">
        <v>282885</v>
      </c>
      <c r="MK28" s="344">
        <v>0</v>
      </c>
      <c r="ML28" s="344">
        <v>2270602</v>
      </c>
      <c r="MM28" s="344">
        <v>1515577</v>
      </c>
      <c r="MN28" s="344">
        <v>948258</v>
      </c>
      <c r="MO28" s="348">
        <v>5017322</v>
      </c>
      <c r="MP28" s="353">
        <v>5017322</v>
      </c>
      <c r="MQ28" s="347">
        <v>0</v>
      </c>
      <c r="MR28" s="344">
        <v>0</v>
      </c>
      <c r="MS28" s="348">
        <v>0</v>
      </c>
      <c r="MT28" s="403">
        <v>0</v>
      </c>
      <c r="MU28" s="344">
        <v>0</v>
      </c>
      <c r="MV28" s="344">
        <v>0</v>
      </c>
      <c r="MW28" s="344">
        <v>1713648</v>
      </c>
      <c r="MX28" s="344">
        <v>968964</v>
      </c>
      <c r="MY28" s="344">
        <v>0</v>
      </c>
      <c r="MZ28" s="348">
        <v>2682612</v>
      </c>
      <c r="NA28" s="353">
        <v>2682612</v>
      </c>
      <c r="NB28" s="347">
        <v>0</v>
      </c>
      <c r="NC28" s="344">
        <v>0</v>
      </c>
      <c r="ND28" s="348">
        <v>0</v>
      </c>
      <c r="NE28" s="403">
        <v>0</v>
      </c>
      <c r="NF28" s="344">
        <v>282885</v>
      </c>
      <c r="NG28" s="344">
        <v>0</v>
      </c>
      <c r="NH28" s="344">
        <v>556954</v>
      </c>
      <c r="NI28" s="344">
        <v>546613</v>
      </c>
      <c r="NJ28" s="344">
        <v>948258</v>
      </c>
      <c r="NK28" s="348">
        <v>2334710</v>
      </c>
      <c r="NL28" s="346">
        <v>2334710</v>
      </c>
      <c r="NM28" s="347">
        <v>0</v>
      </c>
      <c r="NN28" s="344">
        <v>0</v>
      </c>
      <c r="NO28" s="348">
        <v>0</v>
      </c>
      <c r="NP28" s="403">
        <v>0</v>
      </c>
      <c r="NQ28" s="344">
        <v>0</v>
      </c>
      <c r="NR28" s="344">
        <v>0</v>
      </c>
      <c r="NS28" s="344">
        <v>0</v>
      </c>
      <c r="NT28" s="344">
        <v>0</v>
      </c>
      <c r="NU28" s="344">
        <v>0</v>
      </c>
      <c r="NV28" s="348">
        <v>0</v>
      </c>
      <c r="NW28" s="349">
        <v>0</v>
      </c>
      <c r="NX28" s="347">
        <v>0</v>
      </c>
      <c r="NY28" s="344">
        <v>0</v>
      </c>
      <c r="NZ28" s="348">
        <v>0</v>
      </c>
      <c r="OA28" s="403">
        <v>0</v>
      </c>
      <c r="OB28" s="344">
        <v>0</v>
      </c>
      <c r="OC28" s="344">
        <v>0</v>
      </c>
      <c r="OD28" s="344">
        <v>0</v>
      </c>
      <c r="OE28" s="344">
        <v>0</v>
      </c>
      <c r="OF28" s="344">
        <v>0</v>
      </c>
      <c r="OG28" s="348">
        <v>0</v>
      </c>
      <c r="OH28" s="349">
        <v>0</v>
      </c>
      <c r="OI28" s="347">
        <v>607856</v>
      </c>
      <c r="OJ28" s="344">
        <v>187913</v>
      </c>
      <c r="OK28" s="345">
        <v>795769</v>
      </c>
      <c r="OL28" s="350">
        <v>0</v>
      </c>
      <c r="OM28" s="344">
        <v>3066039</v>
      </c>
      <c r="ON28" s="344">
        <v>2661295</v>
      </c>
      <c r="OO28" s="344">
        <v>4615935</v>
      </c>
      <c r="OP28" s="344">
        <v>3994370</v>
      </c>
      <c r="OQ28" s="344">
        <v>1745705</v>
      </c>
      <c r="OR28" s="348">
        <v>16083344</v>
      </c>
      <c r="OS28" s="353">
        <v>16879113</v>
      </c>
    </row>
    <row r="29" spans="2:409" s="70" customFormat="1" ht="21" customHeight="1" x14ac:dyDescent="0.2">
      <c r="B29" s="409" t="s">
        <v>24</v>
      </c>
      <c r="C29" s="325">
        <v>325911</v>
      </c>
      <c r="D29" s="326">
        <v>313751</v>
      </c>
      <c r="E29" s="327">
        <v>639662</v>
      </c>
      <c r="F29" s="328">
        <v>0</v>
      </c>
      <c r="G29" s="326">
        <v>2482011</v>
      </c>
      <c r="H29" s="326">
        <v>2533006</v>
      </c>
      <c r="I29" s="326">
        <v>1718193</v>
      </c>
      <c r="J29" s="326">
        <v>2227789</v>
      </c>
      <c r="K29" s="326">
        <v>1971613</v>
      </c>
      <c r="L29" s="366">
        <v>10932612</v>
      </c>
      <c r="M29" s="329">
        <v>11572274</v>
      </c>
      <c r="N29" s="325">
        <v>96300</v>
      </c>
      <c r="O29" s="326">
        <v>85069</v>
      </c>
      <c r="P29" s="327">
        <v>181369</v>
      </c>
      <c r="Q29" s="325">
        <v>0</v>
      </c>
      <c r="R29" s="326">
        <v>794576</v>
      </c>
      <c r="S29" s="326">
        <v>730804</v>
      </c>
      <c r="T29" s="326">
        <v>419889</v>
      </c>
      <c r="U29" s="326">
        <v>1573287</v>
      </c>
      <c r="V29" s="326">
        <v>908859</v>
      </c>
      <c r="W29" s="327">
        <v>4427415</v>
      </c>
      <c r="X29" s="329">
        <v>4608784</v>
      </c>
      <c r="Y29" s="325">
        <v>0</v>
      </c>
      <c r="Z29" s="326">
        <v>0</v>
      </c>
      <c r="AA29" s="327">
        <v>0</v>
      </c>
      <c r="AB29" s="325">
        <v>0</v>
      </c>
      <c r="AC29" s="326">
        <v>314033</v>
      </c>
      <c r="AD29" s="326">
        <v>195153</v>
      </c>
      <c r="AE29" s="326">
        <v>90012</v>
      </c>
      <c r="AF29" s="326">
        <v>917583</v>
      </c>
      <c r="AG29" s="326">
        <v>496360</v>
      </c>
      <c r="AH29" s="327">
        <v>2013141</v>
      </c>
      <c r="AI29" s="329">
        <v>2013141</v>
      </c>
      <c r="AJ29" s="325">
        <v>0</v>
      </c>
      <c r="AK29" s="326">
        <v>0</v>
      </c>
      <c r="AL29" s="327">
        <v>0</v>
      </c>
      <c r="AM29" s="325">
        <v>0</v>
      </c>
      <c r="AN29" s="326">
        <v>0</v>
      </c>
      <c r="AO29" s="326">
        <v>0</v>
      </c>
      <c r="AP29" s="326">
        <v>0</v>
      </c>
      <c r="AQ29" s="326">
        <v>200138</v>
      </c>
      <c r="AR29" s="326">
        <v>212713</v>
      </c>
      <c r="AS29" s="327">
        <v>412851</v>
      </c>
      <c r="AT29" s="329">
        <v>412851</v>
      </c>
      <c r="AU29" s="325">
        <v>13220</v>
      </c>
      <c r="AV29" s="326">
        <v>85069</v>
      </c>
      <c r="AW29" s="327">
        <v>98289</v>
      </c>
      <c r="AX29" s="325">
        <v>0</v>
      </c>
      <c r="AY29" s="326">
        <v>290195</v>
      </c>
      <c r="AZ29" s="326">
        <v>380610</v>
      </c>
      <c r="BA29" s="326">
        <v>227037</v>
      </c>
      <c r="BB29" s="326">
        <v>315302</v>
      </c>
      <c r="BC29" s="326">
        <v>104474</v>
      </c>
      <c r="BD29" s="327">
        <v>1317618</v>
      </c>
      <c r="BE29" s="329">
        <v>1415907</v>
      </c>
      <c r="BF29" s="325">
        <v>0</v>
      </c>
      <c r="BG29" s="326">
        <v>0</v>
      </c>
      <c r="BH29" s="330">
        <v>0</v>
      </c>
      <c r="BI29" s="331">
        <v>0</v>
      </c>
      <c r="BJ29" s="326">
        <v>35868</v>
      </c>
      <c r="BK29" s="326">
        <v>48841</v>
      </c>
      <c r="BL29" s="326">
        <v>0</v>
      </c>
      <c r="BM29" s="326">
        <v>0</v>
      </c>
      <c r="BN29" s="326">
        <v>0</v>
      </c>
      <c r="BO29" s="327">
        <v>84709</v>
      </c>
      <c r="BP29" s="329">
        <v>84709</v>
      </c>
      <c r="BQ29" s="325">
        <v>83080</v>
      </c>
      <c r="BR29" s="326">
        <v>0</v>
      </c>
      <c r="BS29" s="327">
        <v>83080</v>
      </c>
      <c r="BT29" s="325">
        <v>0</v>
      </c>
      <c r="BU29" s="326">
        <v>154480</v>
      </c>
      <c r="BV29" s="326">
        <v>106200</v>
      </c>
      <c r="BW29" s="326">
        <v>102840</v>
      </c>
      <c r="BX29" s="326">
        <v>140264</v>
      </c>
      <c r="BY29" s="326">
        <v>95312</v>
      </c>
      <c r="BZ29" s="327">
        <v>599096</v>
      </c>
      <c r="CA29" s="329">
        <v>682176</v>
      </c>
      <c r="CB29" s="325">
        <v>20428</v>
      </c>
      <c r="CC29" s="326">
        <v>40482</v>
      </c>
      <c r="CD29" s="327">
        <v>60910</v>
      </c>
      <c r="CE29" s="325">
        <v>0</v>
      </c>
      <c r="CF29" s="326">
        <v>820280</v>
      </c>
      <c r="CG29" s="326">
        <v>1155018</v>
      </c>
      <c r="CH29" s="326">
        <v>499962</v>
      </c>
      <c r="CI29" s="326">
        <v>190588</v>
      </c>
      <c r="CJ29" s="326">
        <v>93464</v>
      </c>
      <c r="CK29" s="327">
        <v>2759312</v>
      </c>
      <c r="CL29" s="329">
        <v>2820222</v>
      </c>
      <c r="CM29" s="325">
        <v>0</v>
      </c>
      <c r="CN29" s="326">
        <v>0</v>
      </c>
      <c r="CO29" s="327">
        <v>0</v>
      </c>
      <c r="CP29" s="331">
        <v>0</v>
      </c>
      <c r="CQ29" s="326">
        <v>728468</v>
      </c>
      <c r="CR29" s="326">
        <v>836748</v>
      </c>
      <c r="CS29" s="326">
        <v>205809</v>
      </c>
      <c r="CT29" s="326">
        <v>45598</v>
      </c>
      <c r="CU29" s="326">
        <v>93464</v>
      </c>
      <c r="CV29" s="327">
        <v>1910087</v>
      </c>
      <c r="CW29" s="329">
        <v>1910087</v>
      </c>
      <c r="CX29" s="325">
        <v>20428</v>
      </c>
      <c r="CY29" s="326">
        <v>40482</v>
      </c>
      <c r="CZ29" s="327">
        <v>60910</v>
      </c>
      <c r="DA29" s="325">
        <v>0</v>
      </c>
      <c r="DB29" s="326">
        <v>91812</v>
      </c>
      <c r="DC29" s="326">
        <v>318270</v>
      </c>
      <c r="DD29" s="326">
        <v>294153</v>
      </c>
      <c r="DE29" s="326">
        <v>144990</v>
      </c>
      <c r="DF29" s="326">
        <v>0</v>
      </c>
      <c r="DG29" s="327">
        <v>849225</v>
      </c>
      <c r="DH29" s="329">
        <v>910135</v>
      </c>
      <c r="DI29" s="325">
        <v>0</v>
      </c>
      <c r="DJ29" s="326">
        <v>0</v>
      </c>
      <c r="DK29" s="330">
        <v>0</v>
      </c>
      <c r="DL29" s="331">
        <v>0</v>
      </c>
      <c r="DM29" s="326">
        <v>35363</v>
      </c>
      <c r="DN29" s="326">
        <v>171650</v>
      </c>
      <c r="DO29" s="326">
        <v>0</v>
      </c>
      <c r="DP29" s="326">
        <v>0</v>
      </c>
      <c r="DQ29" s="326">
        <v>130083</v>
      </c>
      <c r="DR29" s="327">
        <v>337096</v>
      </c>
      <c r="DS29" s="329">
        <v>337096</v>
      </c>
      <c r="DT29" s="325">
        <v>0</v>
      </c>
      <c r="DU29" s="326">
        <v>0</v>
      </c>
      <c r="DV29" s="327">
        <v>0</v>
      </c>
      <c r="DW29" s="325">
        <v>0</v>
      </c>
      <c r="DX29" s="326">
        <v>0</v>
      </c>
      <c r="DY29" s="326">
        <v>171650</v>
      </c>
      <c r="DZ29" s="326">
        <v>0</v>
      </c>
      <c r="EA29" s="326">
        <v>0</v>
      </c>
      <c r="EB29" s="326">
        <v>130083</v>
      </c>
      <c r="EC29" s="327">
        <v>301733</v>
      </c>
      <c r="ED29" s="329">
        <v>301733</v>
      </c>
      <c r="EE29" s="325">
        <v>0</v>
      </c>
      <c r="EF29" s="330">
        <v>0</v>
      </c>
      <c r="EG29" s="327">
        <v>0</v>
      </c>
      <c r="EH29" s="325">
        <v>0</v>
      </c>
      <c r="EI29" s="326">
        <v>35363</v>
      </c>
      <c r="EJ29" s="326">
        <v>0</v>
      </c>
      <c r="EK29" s="326">
        <v>0</v>
      </c>
      <c r="EL29" s="326">
        <v>0</v>
      </c>
      <c r="EM29" s="326">
        <v>0</v>
      </c>
      <c r="EN29" s="330">
        <v>35363</v>
      </c>
      <c r="EO29" s="329">
        <v>35363</v>
      </c>
      <c r="EP29" s="325">
        <v>0</v>
      </c>
      <c r="EQ29" s="326">
        <v>0</v>
      </c>
      <c r="ER29" s="330">
        <v>0</v>
      </c>
      <c r="ES29" s="331">
        <v>0</v>
      </c>
      <c r="ET29" s="326">
        <v>0</v>
      </c>
      <c r="EU29" s="326">
        <v>0</v>
      </c>
      <c r="EV29" s="326">
        <v>0</v>
      </c>
      <c r="EW29" s="326">
        <v>0</v>
      </c>
      <c r="EX29" s="326">
        <v>0</v>
      </c>
      <c r="EY29" s="327">
        <v>0</v>
      </c>
      <c r="EZ29" s="329">
        <v>0</v>
      </c>
      <c r="FA29" s="325">
        <v>0</v>
      </c>
      <c r="FB29" s="326">
        <v>0</v>
      </c>
      <c r="FC29" s="330">
        <v>0</v>
      </c>
      <c r="FD29" s="331">
        <v>0</v>
      </c>
      <c r="FE29" s="326">
        <v>0</v>
      </c>
      <c r="FF29" s="326">
        <v>0</v>
      </c>
      <c r="FG29" s="326">
        <v>0</v>
      </c>
      <c r="FH29" s="326">
        <v>0</v>
      </c>
      <c r="FI29" s="326">
        <v>0</v>
      </c>
      <c r="FJ29" s="327">
        <v>0</v>
      </c>
      <c r="FK29" s="329">
        <v>0</v>
      </c>
      <c r="FL29" s="325">
        <v>21760</v>
      </c>
      <c r="FM29" s="326">
        <v>87760</v>
      </c>
      <c r="FN29" s="327">
        <v>109520</v>
      </c>
      <c r="FO29" s="325">
        <v>0</v>
      </c>
      <c r="FP29" s="326">
        <v>111952</v>
      </c>
      <c r="FQ29" s="326">
        <v>285568</v>
      </c>
      <c r="FR29" s="326">
        <v>124368</v>
      </c>
      <c r="FS29" s="326">
        <v>112592</v>
      </c>
      <c r="FT29" s="326">
        <v>172096</v>
      </c>
      <c r="FU29" s="327">
        <v>806576</v>
      </c>
      <c r="FV29" s="329">
        <v>916096</v>
      </c>
      <c r="FW29" s="332">
        <v>21760</v>
      </c>
      <c r="FX29" s="326">
        <v>15760</v>
      </c>
      <c r="FY29" s="330">
        <v>37520</v>
      </c>
      <c r="FZ29" s="331">
        <v>0</v>
      </c>
      <c r="GA29" s="326">
        <v>55152</v>
      </c>
      <c r="GB29" s="326">
        <v>285568</v>
      </c>
      <c r="GC29" s="326">
        <v>90768</v>
      </c>
      <c r="GD29" s="326">
        <v>112592</v>
      </c>
      <c r="GE29" s="326">
        <v>84096</v>
      </c>
      <c r="GF29" s="327">
        <v>628176</v>
      </c>
      <c r="GG29" s="333">
        <v>665696</v>
      </c>
      <c r="GH29" s="332">
        <v>0</v>
      </c>
      <c r="GI29" s="326">
        <v>0</v>
      </c>
      <c r="GJ29" s="330">
        <v>0</v>
      </c>
      <c r="GK29" s="331">
        <v>0</v>
      </c>
      <c r="GL29" s="326">
        <v>56800</v>
      </c>
      <c r="GM29" s="326">
        <v>0</v>
      </c>
      <c r="GN29" s="326">
        <v>0</v>
      </c>
      <c r="GO29" s="326">
        <v>0</v>
      </c>
      <c r="GP29" s="326">
        <v>0</v>
      </c>
      <c r="GQ29" s="327">
        <v>56800</v>
      </c>
      <c r="GR29" s="329">
        <v>56800</v>
      </c>
      <c r="GS29" s="325">
        <v>0</v>
      </c>
      <c r="GT29" s="326">
        <v>72000</v>
      </c>
      <c r="GU29" s="327">
        <v>72000</v>
      </c>
      <c r="GV29" s="325">
        <v>0</v>
      </c>
      <c r="GW29" s="326">
        <v>0</v>
      </c>
      <c r="GX29" s="326">
        <v>0</v>
      </c>
      <c r="GY29" s="326">
        <v>33600</v>
      </c>
      <c r="GZ29" s="326">
        <v>0</v>
      </c>
      <c r="HA29" s="326">
        <v>88000</v>
      </c>
      <c r="HB29" s="330">
        <v>121600</v>
      </c>
      <c r="HC29" s="329">
        <v>193600</v>
      </c>
      <c r="HD29" s="325">
        <v>187423</v>
      </c>
      <c r="HE29" s="326">
        <v>100440</v>
      </c>
      <c r="HF29" s="330">
        <v>287863</v>
      </c>
      <c r="HG29" s="331">
        <v>0</v>
      </c>
      <c r="HH29" s="326">
        <v>719840</v>
      </c>
      <c r="HI29" s="326">
        <v>189966</v>
      </c>
      <c r="HJ29" s="326">
        <v>673974</v>
      </c>
      <c r="HK29" s="326">
        <v>351322</v>
      </c>
      <c r="HL29" s="326">
        <v>667111</v>
      </c>
      <c r="HM29" s="327">
        <v>2602213</v>
      </c>
      <c r="HN29" s="328">
        <v>2890076</v>
      </c>
      <c r="HO29" s="332">
        <v>0</v>
      </c>
      <c r="HP29" s="326">
        <v>0</v>
      </c>
      <c r="HQ29" s="327">
        <v>0</v>
      </c>
      <c r="HR29" s="325">
        <v>0</v>
      </c>
      <c r="HS29" s="326">
        <v>0</v>
      </c>
      <c r="HT29" s="326">
        <v>0</v>
      </c>
      <c r="HU29" s="326">
        <v>0</v>
      </c>
      <c r="HV29" s="326">
        <v>0</v>
      </c>
      <c r="HW29" s="326">
        <v>0</v>
      </c>
      <c r="HX29" s="330">
        <v>0</v>
      </c>
      <c r="HY29" s="329">
        <v>0</v>
      </c>
      <c r="HZ29" s="334">
        <v>40948</v>
      </c>
      <c r="IA29" s="335">
        <v>0</v>
      </c>
      <c r="IB29" s="336">
        <v>40948</v>
      </c>
      <c r="IC29" s="337">
        <v>0</v>
      </c>
      <c r="ID29" s="335">
        <v>27309</v>
      </c>
      <c r="IE29" s="338">
        <v>63130</v>
      </c>
      <c r="IF29" s="336">
        <v>755593</v>
      </c>
      <c r="IG29" s="335">
        <v>198338</v>
      </c>
      <c r="IH29" s="336">
        <v>0</v>
      </c>
      <c r="II29" s="339">
        <v>1044370</v>
      </c>
      <c r="IJ29" s="340">
        <v>1085318</v>
      </c>
      <c r="IK29" s="341">
        <v>0</v>
      </c>
      <c r="IL29" s="342">
        <v>0</v>
      </c>
      <c r="IM29" s="343">
        <v>0</v>
      </c>
      <c r="IN29" s="403">
        <v>0</v>
      </c>
      <c r="IO29" s="344">
        <v>0</v>
      </c>
      <c r="IP29" s="344">
        <v>0</v>
      </c>
      <c r="IQ29" s="344">
        <v>0</v>
      </c>
      <c r="IR29" s="344">
        <v>198338</v>
      </c>
      <c r="IS29" s="344">
        <v>0</v>
      </c>
      <c r="IT29" s="345">
        <v>198338</v>
      </c>
      <c r="IU29" s="346">
        <v>198338</v>
      </c>
      <c r="IV29" s="347">
        <v>0</v>
      </c>
      <c r="IW29" s="344">
        <v>0</v>
      </c>
      <c r="IX29" s="348">
        <v>0</v>
      </c>
      <c r="IY29" s="403">
        <v>0</v>
      </c>
      <c r="IZ29" s="344">
        <v>0</v>
      </c>
      <c r="JA29" s="344">
        <v>0</v>
      </c>
      <c r="JB29" s="344">
        <v>0</v>
      </c>
      <c r="JC29" s="344">
        <v>0</v>
      </c>
      <c r="JD29" s="344">
        <v>0</v>
      </c>
      <c r="JE29" s="348">
        <v>0</v>
      </c>
      <c r="JF29" s="349">
        <v>0</v>
      </c>
      <c r="JG29" s="347">
        <v>0</v>
      </c>
      <c r="JH29" s="344">
        <v>0</v>
      </c>
      <c r="JI29" s="345">
        <v>0</v>
      </c>
      <c r="JJ29" s="350">
        <v>0</v>
      </c>
      <c r="JK29" s="344">
        <v>27309</v>
      </c>
      <c r="JL29" s="344">
        <v>63130</v>
      </c>
      <c r="JM29" s="344">
        <v>145389</v>
      </c>
      <c r="JN29" s="344">
        <v>0</v>
      </c>
      <c r="JO29" s="344">
        <v>0</v>
      </c>
      <c r="JP29" s="348">
        <v>235828</v>
      </c>
      <c r="JQ29" s="346">
        <v>235828</v>
      </c>
      <c r="JR29" s="347">
        <v>0</v>
      </c>
      <c r="JS29" s="344">
        <v>0</v>
      </c>
      <c r="JT29" s="345">
        <v>0</v>
      </c>
      <c r="JU29" s="350">
        <v>0</v>
      </c>
      <c r="JV29" s="344">
        <v>0</v>
      </c>
      <c r="JW29" s="344">
        <v>0</v>
      </c>
      <c r="JX29" s="344">
        <v>126364</v>
      </c>
      <c r="JY29" s="344">
        <v>0</v>
      </c>
      <c r="JZ29" s="344">
        <v>0</v>
      </c>
      <c r="KA29" s="348">
        <v>126364</v>
      </c>
      <c r="KB29" s="346">
        <v>126364</v>
      </c>
      <c r="KC29" s="351">
        <v>40948</v>
      </c>
      <c r="KD29" s="352">
        <v>0</v>
      </c>
      <c r="KE29" s="348">
        <v>40948</v>
      </c>
      <c r="KF29" s="350">
        <v>0</v>
      </c>
      <c r="KG29" s="344">
        <v>0</v>
      </c>
      <c r="KH29" s="344">
        <v>0</v>
      </c>
      <c r="KI29" s="344">
        <v>0</v>
      </c>
      <c r="KJ29" s="344">
        <v>0</v>
      </c>
      <c r="KK29" s="344">
        <v>0</v>
      </c>
      <c r="KL29" s="348">
        <v>0</v>
      </c>
      <c r="KM29" s="353">
        <v>40948</v>
      </c>
      <c r="KN29" s="341">
        <v>0</v>
      </c>
      <c r="KO29" s="342">
        <v>0</v>
      </c>
      <c r="KP29" s="343">
        <v>0</v>
      </c>
      <c r="KQ29" s="403">
        <v>0</v>
      </c>
      <c r="KR29" s="344">
        <v>0</v>
      </c>
      <c r="KS29" s="344">
        <v>0</v>
      </c>
      <c r="KT29" s="344">
        <v>483840</v>
      </c>
      <c r="KU29" s="344">
        <v>0</v>
      </c>
      <c r="KV29" s="344">
        <v>0</v>
      </c>
      <c r="KW29" s="348">
        <v>483840</v>
      </c>
      <c r="KX29" s="346">
        <v>483840</v>
      </c>
      <c r="KY29" s="347">
        <v>0</v>
      </c>
      <c r="KZ29" s="344">
        <v>0</v>
      </c>
      <c r="LA29" s="348">
        <v>0</v>
      </c>
      <c r="LB29" s="403">
        <v>0</v>
      </c>
      <c r="LC29" s="344">
        <v>0</v>
      </c>
      <c r="LD29" s="344">
        <v>0</v>
      </c>
      <c r="LE29" s="344">
        <v>0</v>
      </c>
      <c r="LF29" s="344">
        <v>0</v>
      </c>
      <c r="LG29" s="344">
        <v>0</v>
      </c>
      <c r="LH29" s="348">
        <v>0</v>
      </c>
      <c r="LI29" s="349">
        <v>0</v>
      </c>
      <c r="LJ29" s="347">
        <v>0</v>
      </c>
      <c r="LK29" s="344">
        <v>0</v>
      </c>
      <c r="LL29" s="348">
        <v>0</v>
      </c>
      <c r="LM29" s="403">
        <v>0</v>
      </c>
      <c r="LN29" s="344">
        <v>0</v>
      </c>
      <c r="LO29" s="344">
        <v>0</v>
      </c>
      <c r="LP29" s="344">
        <v>0</v>
      </c>
      <c r="LQ29" s="344">
        <v>0</v>
      </c>
      <c r="LR29" s="344">
        <v>0</v>
      </c>
      <c r="LS29" s="348">
        <v>0</v>
      </c>
      <c r="LT29" s="346">
        <v>0</v>
      </c>
      <c r="LU29" s="347">
        <v>0</v>
      </c>
      <c r="LV29" s="344">
        <v>0</v>
      </c>
      <c r="LW29" s="348">
        <v>0</v>
      </c>
      <c r="LX29" s="403">
        <v>0</v>
      </c>
      <c r="LY29" s="344">
        <v>0</v>
      </c>
      <c r="LZ29" s="344">
        <v>0</v>
      </c>
      <c r="MA29" s="344">
        <v>0</v>
      </c>
      <c r="MB29" s="344">
        <v>0</v>
      </c>
      <c r="MC29" s="344">
        <v>0</v>
      </c>
      <c r="MD29" s="348">
        <v>0</v>
      </c>
      <c r="ME29" s="349">
        <v>0</v>
      </c>
      <c r="MF29" s="347">
        <v>0</v>
      </c>
      <c r="MG29" s="344">
        <v>0</v>
      </c>
      <c r="MH29" s="348">
        <v>0</v>
      </c>
      <c r="MI29" s="403">
        <v>0</v>
      </c>
      <c r="MJ29" s="344">
        <v>0</v>
      </c>
      <c r="MK29" s="344">
        <v>491926</v>
      </c>
      <c r="ML29" s="344">
        <v>1169511</v>
      </c>
      <c r="MM29" s="344">
        <v>1660048</v>
      </c>
      <c r="MN29" s="344">
        <v>721700</v>
      </c>
      <c r="MO29" s="348">
        <v>4043185</v>
      </c>
      <c r="MP29" s="353">
        <v>4043185</v>
      </c>
      <c r="MQ29" s="347">
        <v>0</v>
      </c>
      <c r="MR29" s="344">
        <v>0</v>
      </c>
      <c r="MS29" s="348">
        <v>0</v>
      </c>
      <c r="MT29" s="403">
        <v>0</v>
      </c>
      <c r="MU29" s="344">
        <v>0</v>
      </c>
      <c r="MV29" s="344">
        <v>0</v>
      </c>
      <c r="MW29" s="344">
        <v>248360</v>
      </c>
      <c r="MX29" s="344">
        <v>1343520</v>
      </c>
      <c r="MY29" s="344">
        <v>721700</v>
      </c>
      <c r="MZ29" s="348">
        <v>2313580</v>
      </c>
      <c r="NA29" s="353">
        <v>2313580</v>
      </c>
      <c r="NB29" s="347">
        <v>0</v>
      </c>
      <c r="NC29" s="344">
        <v>0</v>
      </c>
      <c r="ND29" s="348">
        <v>0</v>
      </c>
      <c r="NE29" s="403">
        <v>0</v>
      </c>
      <c r="NF29" s="344">
        <v>0</v>
      </c>
      <c r="NG29" s="344">
        <v>491926</v>
      </c>
      <c r="NH29" s="344">
        <v>921151</v>
      </c>
      <c r="NI29" s="344">
        <v>316528</v>
      </c>
      <c r="NJ29" s="344">
        <v>0</v>
      </c>
      <c r="NK29" s="348">
        <v>1729605</v>
      </c>
      <c r="NL29" s="346">
        <v>1729605</v>
      </c>
      <c r="NM29" s="347">
        <v>0</v>
      </c>
      <c r="NN29" s="344">
        <v>0</v>
      </c>
      <c r="NO29" s="348">
        <v>0</v>
      </c>
      <c r="NP29" s="403">
        <v>0</v>
      </c>
      <c r="NQ29" s="344">
        <v>0</v>
      </c>
      <c r="NR29" s="344">
        <v>0</v>
      </c>
      <c r="NS29" s="344">
        <v>0</v>
      </c>
      <c r="NT29" s="344">
        <v>0</v>
      </c>
      <c r="NU29" s="344">
        <v>0</v>
      </c>
      <c r="NV29" s="348">
        <v>0</v>
      </c>
      <c r="NW29" s="349">
        <v>0</v>
      </c>
      <c r="NX29" s="347">
        <v>0</v>
      </c>
      <c r="NY29" s="344">
        <v>0</v>
      </c>
      <c r="NZ29" s="348">
        <v>0</v>
      </c>
      <c r="OA29" s="403">
        <v>0</v>
      </c>
      <c r="OB29" s="344">
        <v>0</v>
      </c>
      <c r="OC29" s="344">
        <v>0</v>
      </c>
      <c r="OD29" s="344">
        <v>0</v>
      </c>
      <c r="OE29" s="344">
        <v>0</v>
      </c>
      <c r="OF29" s="344">
        <v>0</v>
      </c>
      <c r="OG29" s="348">
        <v>0</v>
      </c>
      <c r="OH29" s="349">
        <v>0</v>
      </c>
      <c r="OI29" s="347">
        <v>366859</v>
      </c>
      <c r="OJ29" s="344">
        <v>313751</v>
      </c>
      <c r="OK29" s="345">
        <v>680610</v>
      </c>
      <c r="OL29" s="350">
        <v>0</v>
      </c>
      <c r="OM29" s="344">
        <v>2509320</v>
      </c>
      <c r="ON29" s="344">
        <v>3088062</v>
      </c>
      <c r="OO29" s="344">
        <v>3643297</v>
      </c>
      <c r="OP29" s="344">
        <v>4086175</v>
      </c>
      <c r="OQ29" s="344">
        <v>2693313</v>
      </c>
      <c r="OR29" s="348">
        <v>16020167</v>
      </c>
      <c r="OS29" s="353">
        <v>16700777</v>
      </c>
    </row>
    <row r="30" spans="2:409" s="70" customFormat="1" ht="21" customHeight="1" x14ac:dyDescent="0.2">
      <c r="B30" s="409" t="s">
        <v>25</v>
      </c>
      <c r="C30" s="325">
        <v>48012</v>
      </c>
      <c r="D30" s="326">
        <v>324652</v>
      </c>
      <c r="E30" s="327">
        <v>372664</v>
      </c>
      <c r="F30" s="328">
        <v>0</v>
      </c>
      <c r="G30" s="326">
        <v>1867158</v>
      </c>
      <c r="H30" s="326">
        <v>1156047</v>
      </c>
      <c r="I30" s="326">
        <v>705290</v>
      </c>
      <c r="J30" s="326">
        <v>952087</v>
      </c>
      <c r="K30" s="326">
        <v>561856</v>
      </c>
      <c r="L30" s="366">
        <v>5242438</v>
      </c>
      <c r="M30" s="329">
        <v>5615102</v>
      </c>
      <c r="N30" s="325">
        <v>7704</v>
      </c>
      <c r="O30" s="326">
        <v>116143</v>
      </c>
      <c r="P30" s="327">
        <v>123847</v>
      </c>
      <c r="Q30" s="325">
        <v>0</v>
      </c>
      <c r="R30" s="326">
        <v>478596</v>
      </c>
      <c r="S30" s="326">
        <v>527659</v>
      </c>
      <c r="T30" s="326">
        <v>170393</v>
      </c>
      <c r="U30" s="326">
        <v>118877</v>
      </c>
      <c r="V30" s="326">
        <v>84028</v>
      </c>
      <c r="W30" s="327">
        <v>1379553</v>
      </c>
      <c r="X30" s="329">
        <v>1503400</v>
      </c>
      <c r="Y30" s="325">
        <v>0</v>
      </c>
      <c r="Z30" s="326">
        <v>0</v>
      </c>
      <c r="AA30" s="327">
        <v>0</v>
      </c>
      <c r="AB30" s="325">
        <v>0</v>
      </c>
      <c r="AC30" s="326">
        <v>325246</v>
      </c>
      <c r="AD30" s="326">
        <v>223644</v>
      </c>
      <c r="AE30" s="326">
        <v>6659</v>
      </c>
      <c r="AF30" s="326">
        <v>20595</v>
      </c>
      <c r="AG30" s="326">
        <v>3260</v>
      </c>
      <c r="AH30" s="327">
        <v>579404</v>
      </c>
      <c r="AI30" s="329">
        <v>579404</v>
      </c>
      <c r="AJ30" s="325">
        <v>0</v>
      </c>
      <c r="AK30" s="326">
        <v>0</v>
      </c>
      <c r="AL30" s="327">
        <v>0</v>
      </c>
      <c r="AM30" s="325">
        <v>0</v>
      </c>
      <c r="AN30" s="326">
        <v>0</v>
      </c>
      <c r="AO30" s="326">
        <v>0</v>
      </c>
      <c r="AP30" s="326">
        <v>35078</v>
      </c>
      <c r="AQ30" s="326">
        <v>0</v>
      </c>
      <c r="AR30" s="326">
        <v>24336</v>
      </c>
      <c r="AS30" s="327">
        <v>59414</v>
      </c>
      <c r="AT30" s="329">
        <v>59414</v>
      </c>
      <c r="AU30" s="325">
        <v>7704</v>
      </c>
      <c r="AV30" s="326">
        <v>30592</v>
      </c>
      <c r="AW30" s="327">
        <v>38296</v>
      </c>
      <c r="AX30" s="325">
        <v>0</v>
      </c>
      <c r="AY30" s="326">
        <v>62230</v>
      </c>
      <c r="AZ30" s="326">
        <v>268743</v>
      </c>
      <c r="BA30" s="326">
        <v>108292</v>
      </c>
      <c r="BB30" s="326">
        <v>63522</v>
      </c>
      <c r="BC30" s="326">
        <v>49904</v>
      </c>
      <c r="BD30" s="327">
        <v>552691</v>
      </c>
      <c r="BE30" s="329">
        <v>590987</v>
      </c>
      <c r="BF30" s="325">
        <v>0</v>
      </c>
      <c r="BG30" s="326">
        <v>67519</v>
      </c>
      <c r="BH30" s="330">
        <v>67519</v>
      </c>
      <c r="BI30" s="331">
        <v>0</v>
      </c>
      <c r="BJ30" s="326">
        <v>0</v>
      </c>
      <c r="BK30" s="326">
        <v>0</v>
      </c>
      <c r="BL30" s="326">
        <v>8068</v>
      </c>
      <c r="BM30" s="326">
        <v>0</v>
      </c>
      <c r="BN30" s="326">
        <v>0</v>
      </c>
      <c r="BO30" s="327">
        <v>8068</v>
      </c>
      <c r="BP30" s="329">
        <v>75587</v>
      </c>
      <c r="BQ30" s="325">
        <v>0</v>
      </c>
      <c r="BR30" s="326">
        <v>18032</v>
      </c>
      <c r="BS30" s="327">
        <v>18032</v>
      </c>
      <c r="BT30" s="325">
        <v>0</v>
      </c>
      <c r="BU30" s="326">
        <v>91120</v>
      </c>
      <c r="BV30" s="326">
        <v>35272</v>
      </c>
      <c r="BW30" s="326">
        <v>12296</v>
      </c>
      <c r="BX30" s="326">
        <v>34760</v>
      </c>
      <c r="BY30" s="326">
        <v>6528</v>
      </c>
      <c r="BZ30" s="327">
        <v>179976</v>
      </c>
      <c r="CA30" s="329">
        <v>198008</v>
      </c>
      <c r="CB30" s="325">
        <v>19460</v>
      </c>
      <c r="CC30" s="326">
        <v>75698</v>
      </c>
      <c r="CD30" s="327">
        <v>95158</v>
      </c>
      <c r="CE30" s="325">
        <v>0</v>
      </c>
      <c r="CF30" s="326">
        <v>470818</v>
      </c>
      <c r="CG30" s="326">
        <v>470596</v>
      </c>
      <c r="CH30" s="326">
        <v>320606</v>
      </c>
      <c r="CI30" s="326">
        <v>161152</v>
      </c>
      <c r="CJ30" s="326">
        <v>133303</v>
      </c>
      <c r="CK30" s="327">
        <v>1556475</v>
      </c>
      <c r="CL30" s="329">
        <v>1651633</v>
      </c>
      <c r="CM30" s="325">
        <v>0</v>
      </c>
      <c r="CN30" s="326">
        <v>0</v>
      </c>
      <c r="CO30" s="327">
        <v>0</v>
      </c>
      <c r="CP30" s="331">
        <v>0</v>
      </c>
      <c r="CQ30" s="326">
        <v>380629</v>
      </c>
      <c r="CR30" s="326">
        <v>67648</v>
      </c>
      <c r="CS30" s="326">
        <v>17672</v>
      </c>
      <c r="CT30" s="326">
        <v>0</v>
      </c>
      <c r="CU30" s="326">
        <v>92201</v>
      </c>
      <c r="CV30" s="327">
        <v>558150</v>
      </c>
      <c r="CW30" s="329">
        <v>558150</v>
      </c>
      <c r="CX30" s="325">
        <v>19460</v>
      </c>
      <c r="CY30" s="326">
        <v>75698</v>
      </c>
      <c r="CZ30" s="327">
        <v>95158</v>
      </c>
      <c r="DA30" s="325">
        <v>0</v>
      </c>
      <c r="DB30" s="326">
        <v>90189</v>
      </c>
      <c r="DC30" s="326">
        <v>402948</v>
      </c>
      <c r="DD30" s="326">
        <v>302934</v>
      </c>
      <c r="DE30" s="326">
        <v>161152</v>
      </c>
      <c r="DF30" s="326">
        <v>41102</v>
      </c>
      <c r="DG30" s="327">
        <v>998325</v>
      </c>
      <c r="DH30" s="329">
        <v>1093483</v>
      </c>
      <c r="DI30" s="325">
        <v>0</v>
      </c>
      <c r="DJ30" s="326">
        <v>0</v>
      </c>
      <c r="DK30" s="330">
        <v>0</v>
      </c>
      <c r="DL30" s="331">
        <v>0</v>
      </c>
      <c r="DM30" s="326">
        <v>169563</v>
      </c>
      <c r="DN30" s="326">
        <v>0</v>
      </c>
      <c r="DO30" s="326">
        <v>0</v>
      </c>
      <c r="DP30" s="326">
        <v>74869</v>
      </c>
      <c r="DQ30" s="326">
        <v>83074</v>
      </c>
      <c r="DR30" s="327">
        <v>327506</v>
      </c>
      <c r="DS30" s="329">
        <v>327506</v>
      </c>
      <c r="DT30" s="325">
        <v>0</v>
      </c>
      <c r="DU30" s="326">
        <v>0</v>
      </c>
      <c r="DV30" s="327">
        <v>0</v>
      </c>
      <c r="DW30" s="325">
        <v>0</v>
      </c>
      <c r="DX30" s="326">
        <v>169563</v>
      </c>
      <c r="DY30" s="326">
        <v>0</v>
      </c>
      <c r="DZ30" s="326">
        <v>0</v>
      </c>
      <c r="EA30" s="326">
        <v>74869</v>
      </c>
      <c r="EB30" s="326">
        <v>83074</v>
      </c>
      <c r="EC30" s="327">
        <v>327506</v>
      </c>
      <c r="ED30" s="329">
        <v>327506</v>
      </c>
      <c r="EE30" s="325">
        <v>0</v>
      </c>
      <c r="EF30" s="330">
        <v>0</v>
      </c>
      <c r="EG30" s="327">
        <v>0</v>
      </c>
      <c r="EH30" s="325">
        <v>0</v>
      </c>
      <c r="EI30" s="326">
        <v>0</v>
      </c>
      <c r="EJ30" s="326">
        <v>0</v>
      </c>
      <c r="EK30" s="326">
        <v>0</v>
      </c>
      <c r="EL30" s="326">
        <v>0</v>
      </c>
      <c r="EM30" s="326">
        <v>0</v>
      </c>
      <c r="EN30" s="330">
        <v>0</v>
      </c>
      <c r="EO30" s="329">
        <v>0</v>
      </c>
      <c r="EP30" s="325">
        <v>0</v>
      </c>
      <c r="EQ30" s="326">
        <v>0</v>
      </c>
      <c r="ER30" s="330">
        <v>0</v>
      </c>
      <c r="ES30" s="331">
        <v>0</v>
      </c>
      <c r="ET30" s="326">
        <v>0</v>
      </c>
      <c r="EU30" s="326">
        <v>0</v>
      </c>
      <c r="EV30" s="326">
        <v>0</v>
      </c>
      <c r="EW30" s="326">
        <v>0</v>
      </c>
      <c r="EX30" s="326">
        <v>0</v>
      </c>
      <c r="EY30" s="327">
        <v>0</v>
      </c>
      <c r="EZ30" s="329">
        <v>0</v>
      </c>
      <c r="FA30" s="325">
        <v>0</v>
      </c>
      <c r="FB30" s="326">
        <v>0</v>
      </c>
      <c r="FC30" s="330">
        <v>0</v>
      </c>
      <c r="FD30" s="331">
        <v>0</v>
      </c>
      <c r="FE30" s="326">
        <v>0</v>
      </c>
      <c r="FF30" s="326">
        <v>0</v>
      </c>
      <c r="FG30" s="326">
        <v>0</v>
      </c>
      <c r="FH30" s="326">
        <v>0</v>
      </c>
      <c r="FI30" s="326">
        <v>0</v>
      </c>
      <c r="FJ30" s="327">
        <v>0</v>
      </c>
      <c r="FK30" s="329">
        <v>0</v>
      </c>
      <c r="FL30" s="325">
        <v>20848</v>
      </c>
      <c r="FM30" s="326">
        <v>40960</v>
      </c>
      <c r="FN30" s="327">
        <v>61808</v>
      </c>
      <c r="FO30" s="325">
        <v>0</v>
      </c>
      <c r="FP30" s="326">
        <v>30640</v>
      </c>
      <c r="FQ30" s="326">
        <v>157792</v>
      </c>
      <c r="FR30" s="326">
        <v>108592</v>
      </c>
      <c r="FS30" s="326">
        <v>43952</v>
      </c>
      <c r="FT30" s="326">
        <v>28776</v>
      </c>
      <c r="FU30" s="327">
        <v>369752</v>
      </c>
      <c r="FV30" s="329">
        <v>431560</v>
      </c>
      <c r="FW30" s="332">
        <v>20848</v>
      </c>
      <c r="FX30" s="326">
        <v>40960</v>
      </c>
      <c r="FY30" s="330">
        <v>61808</v>
      </c>
      <c r="FZ30" s="331">
        <v>0</v>
      </c>
      <c r="GA30" s="326">
        <v>30640</v>
      </c>
      <c r="GB30" s="326">
        <v>157792</v>
      </c>
      <c r="GC30" s="326">
        <v>76208</v>
      </c>
      <c r="GD30" s="326">
        <v>43952</v>
      </c>
      <c r="GE30" s="326">
        <v>28776</v>
      </c>
      <c r="GF30" s="327">
        <v>337368</v>
      </c>
      <c r="GG30" s="333">
        <v>399176</v>
      </c>
      <c r="GH30" s="332">
        <v>0</v>
      </c>
      <c r="GI30" s="326">
        <v>0</v>
      </c>
      <c r="GJ30" s="330">
        <v>0</v>
      </c>
      <c r="GK30" s="331">
        <v>0</v>
      </c>
      <c r="GL30" s="326">
        <v>0</v>
      </c>
      <c r="GM30" s="326">
        <v>0</v>
      </c>
      <c r="GN30" s="326">
        <v>32384</v>
      </c>
      <c r="GO30" s="326">
        <v>0</v>
      </c>
      <c r="GP30" s="326">
        <v>0</v>
      </c>
      <c r="GQ30" s="327">
        <v>32384</v>
      </c>
      <c r="GR30" s="329">
        <v>32384</v>
      </c>
      <c r="GS30" s="325">
        <v>0</v>
      </c>
      <c r="GT30" s="326">
        <v>0</v>
      </c>
      <c r="GU30" s="327">
        <v>0</v>
      </c>
      <c r="GV30" s="325">
        <v>0</v>
      </c>
      <c r="GW30" s="326">
        <v>0</v>
      </c>
      <c r="GX30" s="326">
        <v>0</v>
      </c>
      <c r="GY30" s="326">
        <v>0</v>
      </c>
      <c r="GZ30" s="326">
        <v>0</v>
      </c>
      <c r="HA30" s="326">
        <v>0</v>
      </c>
      <c r="HB30" s="330">
        <v>0</v>
      </c>
      <c r="HC30" s="329">
        <v>0</v>
      </c>
      <c r="HD30" s="325">
        <v>0</v>
      </c>
      <c r="HE30" s="326">
        <v>91851</v>
      </c>
      <c r="HF30" s="330">
        <v>91851</v>
      </c>
      <c r="HG30" s="331">
        <v>0</v>
      </c>
      <c r="HH30" s="326">
        <v>717541</v>
      </c>
      <c r="HI30" s="326">
        <v>0</v>
      </c>
      <c r="HJ30" s="326">
        <v>105699</v>
      </c>
      <c r="HK30" s="326">
        <v>553237</v>
      </c>
      <c r="HL30" s="326">
        <v>232675</v>
      </c>
      <c r="HM30" s="327">
        <v>1609152</v>
      </c>
      <c r="HN30" s="328">
        <v>1701003</v>
      </c>
      <c r="HO30" s="332">
        <v>0</v>
      </c>
      <c r="HP30" s="326">
        <v>0</v>
      </c>
      <c r="HQ30" s="327">
        <v>0</v>
      </c>
      <c r="HR30" s="325">
        <v>0</v>
      </c>
      <c r="HS30" s="326">
        <v>0</v>
      </c>
      <c r="HT30" s="326">
        <v>0</v>
      </c>
      <c r="HU30" s="326">
        <v>0</v>
      </c>
      <c r="HV30" s="326">
        <v>0</v>
      </c>
      <c r="HW30" s="326">
        <v>0</v>
      </c>
      <c r="HX30" s="330">
        <v>0</v>
      </c>
      <c r="HY30" s="329">
        <v>0</v>
      </c>
      <c r="HZ30" s="357">
        <v>41280</v>
      </c>
      <c r="IA30" s="355">
        <v>0</v>
      </c>
      <c r="IB30" s="357">
        <v>41280</v>
      </c>
      <c r="IC30" s="354">
        <v>0</v>
      </c>
      <c r="ID30" s="355">
        <v>397237</v>
      </c>
      <c r="IE30" s="356">
        <v>97510</v>
      </c>
      <c r="IF30" s="357">
        <v>39433</v>
      </c>
      <c r="IG30" s="355">
        <v>0</v>
      </c>
      <c r="IH30" s="357">
        <v>25146</v>
      </c>
      <c r="II30" s="358">
        <v>559326</v>
      </c>
      <c r="IJ30" s="357">
        <v>600606</v>
      </c>
      <c r="IK30" s="341">
        <v>0</v>
      </c>
      <c r="IL30" s="342">
        <v>0</v>
      </c>
      <c r="IM30" s="343">
        <v>0</v>
      </c>
      <c r="IN30" s="403">
        <v>0</v>
      </c>
      <c r="IO30" s="344">
        <v>0</v>
      </c>
      <c r="IP30" s="344">
        <v>0</v>
      </c>
      <c r="IQ30" s="344">
        <v>0</v>
      </c>
      <c r="IR30" s="344">
        <v>0</v>
      </c>
      <c r="IS30" s="344">
        <v>0</v>
      </c>
      <c r="IT30" s="345">
        <v>0</v>
      </c>
      <c r="IU30" s="346">
        <v>0</v>
      </c>
      <c r="IV30" s="347">
        <v>0</v>
      </c>
      <c r="IW30" s="344">
        <v>0</v>
      </c>
      <c r="IX30" s="348">
        <v>0</v>
      </c>
      <c r="IY30" s="403">
        <v>0</v>
      </c>
      <c r="IZ30" s="344">
        <v>0</v>
      </c>
      <c r="JA30" s="344">
        <v>0</v>
      </c>
      <c r="JB30" s="344">
        <v>0</v>
      </c>
      <c r="JC30" s="344">
        <v>0</v>
      </c>
      <c r="JD30" s="344">
        <v>0</v>
      </c>
      <c r="JE30" s="348">
        <v>0</v>
      </c>
      <c r="JF30" s="349">
        <v>0</v>
      </c>
      <c r="JG30" s="347">
        <v>0</v>
      </c>
      <c r="JH30" s="344">
        <v>0</v>
      </c>
      <c r="JI30" s="345">
        <v>0</v>
      </c>
      <c r="JJ30" s="350">
        <v>0</v>
      </c>
      <c r="JK30" s="344">
        <v>169486</v>
      </c>
      <c r="JL30" s="344">
        <v>97510</v>
      </c>
      <c r="JM30" s="344">
        <v>39433</v>
      </c>
      <c r="JN30" s="344">
        <v>0</v>
      </c>
      <c r="JO30" s="344">
        <v>25146</v>
      </c>
      <c r="JP30" s="348">
        <v>331575</v>
      </c>
      <c r="JQ30" s="346">
        <v>331575</v>
      </c>
      <c r="JR30" s="347">
        <v>0</v>
      </c>
      <c r="JS30" s="344">
        <v>0</v>
      </c>
      <c r="JT30" s="345">
        <v>0</v>
      </c>
      <c r="JU30" s="350">
        <v>0</v>
      </c>
      <c r="JV30" s="344">
        <v>0</v>
      </c>
      <c r="JW30" s="344">
        <v>0</v>
      </c>
      <c r="JX30" s="344">
        <v>0</v>
      </c>
      <c r="JY30" s="344">
        <v>0</v>
      </c>
      <c r="JZ30" s="344">
        <v>0</v>
      </c>
      <c r="KA30" s="348">
        <v>0</v>
      </c>
      <c r="KB30" s="346">
        <v>0</v>
      </c>
      <c r="KC30" s="351">
        <v>41280</v>
      </c>
      <c r="KD30" s="352">
        <v>0</v>
      </c>
      <c r="KE30" s="348">
        <v>41280</v>
      </c>
      <c r="KF30" s="350">
        <v>0</v>
      </c>
      <c r="KG30" s="344">
        <v>0</v>
      </c>
      <c r="KH30" s="344">
        <v>0</v>
      </c>
      <c r="KI30" s="344">
        <v>0</v>
      </c>
      <c r="KJ30" s="344">
        <v>0</v>
      </c>
      <c r="KK30" s="344">
        <v>0</v>
      </c>
      <c r="KL30" s="348">
        <v>0</v>
      </c>
      <c r="KM30" s="353">
        <v>41280</v>
      </c>
      <c r="KN30" s="341">
        <v>0</v>
      </c>
      <c r="KO30" s="342">
        <v>0</v>
      </c>
      <c r="KP30" s="343">
        <v>0</v>
      </c>
      <c r="KQ30" s="403">
        <v>0</v>
      </c>
      <c r="KR30" s="344">
        <v>227751</v>
      </c>
      <c r="KS30" s="344">
        <v>0</v>
      </c>
      <c r="KT30" s="344">
        <v>0</v>
      </c>
      <c r="KU30" s="344">
        <v>0</v>
      </c>
      <c r="KV30" s="344">
        <v>0</v>
      </c>
      <c r="KW30" s="348">
        <v>227751</v>
      </c>
      <c r="KX30" s="346">
        <v>227751</v>
      </c>
      <c r="KY30" s="347">
        <v>0</v>
      </c>
      <c r="KZ30" s="344">
        <v>0</v>
      </c>
      <c r="LA30" s="348">
        <v>0</v>
      </c>
      <c r="LB30" s="403">
        <v>0</v>
      </c>
      <c r="LC30" s="344">
        <v>0</v>
      </c>
      <c r="LD30" s="344">
        <v>0</v>
      </c>
      <c r="LE30" s="344">
        <v>0</v>
      </c>
      <c r="LF30" s="344">
        <v>0</v>
      </c>
      <c r="LG30" s="344">
        <v>0</v>
      </c>
      <c r="LH30" s="348">
        <v>0</v>
      </c>
      <c r="LI30" s="349">
        <v>0</v>
      </c>
      <c r="LJ30" s="347">
        <v>0</v>
      </c>
      <c r="LK30" s="344">
        <v>0</v>
      </c>
      <c r="LL30" s="348">
        <v>0</v>
      </c>
      <c r="LM30" s="403">
        <v>0</v>
      </c>
      <c r="LN30" s="344">
        <v>0</v>
      </c>
      <c r="LO30" s="344">
        <v>0</v>
      </c>
      <c r="LP30" s="344">
        <v>0</v>
      </c>
      <c r="LQ30" s="344">
        <v>0</v>
      </c>
      <c r="LR30" s="344">
        <v>0</v>
      </c>
      <c r="LS30" s="348">
        <v>0</v>
      </c>
      <c r="LT30" s="346">
        <v>0</v>
      </c>
      <c r="LU30" s="347">
        <v>0</v>
      </c>
      <c r="LV30" s="344">
        <v>0</v>
      </c>
      <c r="LW30" s="348">
        <v>0</v>
      </c>
      <c r="LX30" s="403">
        <v>0</v>
      </c>
      <c r="LY30" s="344">
        <v>0</v>
      </c>
      <c r="LZ30" s="344">
        <v>0</v>
      </c>
      <c r="MA30" s="344">
        <v>0</v>
      </c>
      <c r="MB30" s="344">
        <v>0</v>
      </c>
      <c r="MC30" s="344">
        <v>0</v>
      </c>
      <c r="MD30" s="348">
        <v>0</v>
      </c>
      <c r="ME30" s="349">
        <v>0</v>
      </c>
      <c r="MF30" s="347">
        <v>0</v>
      </c>
      <c r="MG30" s="344">
        <v>0</v>
      </c>
      <c r="MH30" s="348">
        <v>0</v>
      </c>
      <c r="MI30" s="403">
        <v>0</v>
      </c>
      <c r="MJ30" s="344">
        <v>244123</v>
      </c>
      <c r="MK30" s="344">
        <v>736815</v>
      </c>
      <c r="ML30" s="344">
        <v>646360</v>
      </c>
      <c r="MM30" s="344">
        <v>945714</v>
      </c>
      <c r="MN30" s="344">
        <v>991928</v>
      </c>
      <c r="MO30" s="348">
        <v>3564940</v>
      </c>
      <c r="MP30" s="353">
        <v>3564940</v>
      </c>
      <c r="MQ30" s="347">
        <v>0</v>
      </c>
      <c r="MR30" s="344">
        <v>0</v>
      </c>
      <c r="MS30" s="348">
        <v>0</v>
      </c>
      <c r="MT30" s="403">
        <v>0</v>
      </c>
      <c r="MU30" s="344">
        <v>0</v>
      </c>
      <c r="MV30" s="344">
        <v>208531</v>
      </c>
      <c r="MW30" s="344">
        <v>646360</v>
      </c>
      <c r="MX30" s="344">
        <v>524363</v>
      </c>
      <c r="MY30" s="344">
        <v>335577</v>
      </c>
      <c r="MZ30" s="348">
        <v>1714831</v>
      </c>
      <c r="NA30" s="353">
        <v>1714831</v>
      </c>
      <c r="NB30" s="347">
        <v>0</v>
      </c>
      <c r="NC30" s="344">
        <v>0</v>
      </c>
      <c r="ND30" s="348">
        <v>0</v>
      </c>
      <c r="NE30" s="403">
        <v>0</v>
      </c>
      <c r="NF30" s="344">
        <v>244123</v>
      </c>
      <c r="NG30" s="344">
        <v>528284</v>
      </c>
      <c r="NH30" s="344">
        <v>0</v>
      </c>
      <c r="NI30" s="344">
        <v>421351</v>
      </c>
      <c r="NJ30" s="344">
        <v>656351</v>
      </c>
      <c r="NK30" s="348">
        <v>1850109</v>
      </c>
      <c r="NL30" s="346">
        <v>1850109</v>
      </c>
      <c r="NM30" s="347">
        <v>0</v>
      </c>
      <c r="NN30" s="344">
        <v>0</v>
      </c>
      <c r="NO30" s="348">
        <v>0</v>
      </c>
      <c r="NP30" s="403">
        <v>0</v>
      </c>
      <c r="NQ30" s="344">
        <v>0</v>
      </c>
      <c r="NR30" s="344">
        <v>0</v>
      </c>
      <c r="NS30" s="344">
        <v>0</v>
      </c>
      <c r="NT30" s="344">
        <v>0</v>
      </c>
      <c r="NU30" s="344">
        <v>0</v>
      </c>
      <c r="NV30" s="348">
        <v>0</v>
      </c>
      <c r="NW30" s="349">
        <v>0</v>
      </c>
      <c r="NX30" s="347">
        <v>0</v>
      </c>
      <c r="NY30" s="344">
        <v>0</v>
      </c>
      <c r="NZ30" s="348">
        <v>0</v>
      </c>
      <c r="OA30" s="403">
        <v>0</v>
      </c>
      <c r="OB30" s="344">
        <v>0</v>
      </c>
      <c r="OC30" s="344">
        <v>0</v>
      </c>
      <c r="OD30" s="344">
        <v>0</v>
      </c>
      <c r="OE30" s="344">
        <v>0</v>
      </c>
      <c r="OF30" s="344">
        <v>0</v>
      </c>
      <c r="OG30" s="348">
        <v>0</v>
      </c>
      <c r="OH30" s="349">
        <v>0</v>
      </c>
      <c r="OI30" s="347">
        <v>89292</v>
      </c>
      <c r="OJ30" s="344">
        <v>324652</v>
      </c>
      <c r="OK30" s="345">
        <v>413944</v>
      </c>
      <c r="OL30" s="350">
        <v>0</v>
      </c>
      <c r="OM30" s="344">
        <v>2508518</v>
      </c>
      <c r="ON30" s="344">
        <v>1990372</v>
      </c>
      <c r="OO30" s="344">
        <v>1391083</v>
      </c>
      <c r="OP30" s="344">
        <v>1897801</v>
      </c>
      <c r="OQ30" s="344">
        <v>1578930</v>
      </c>
      <c r="OR30" s="348">
        <v>9366704</v>
      </c>
      <c r="OS30" s="353">
        <v>9780648</v>
      </c>
    </row>
    <row r="31" spans="2:409" s="70" customFormat="1" ht="21" customHeight="1" x14ac:dyDescent="0.2">
      <c r="B31" s="409" t="s">
        <v>26</v>
      </c>
      <c r="C31" s="325">
        <v>106771</v>
      </c>
      <c r="D31" s="326">
        <v>29600</v>
      </c>
      <c r="E31" s="327">
        <v>136371</v>
      </c>
      <c r="F31" s="328">
        <v>0</v>
      </c>
      <c r="G31" s="326">
        <v>1448612</v>
      </c>
      <c r="H31" s="326">
        <v>1342519</v>
      </c>
      <c r="I31" s="326">
        <v>1174716</v>
      </c>
      <c r="J31" s="326">
        <v>1155181</v>
      </c>
      <c r="K31" s="326">
        <v>749942</v>
      </c>
      <c r="L31" s="366">
        <v>5870970</v>
      </c>
      <c r="M31" s="329">
        <v>6007341</v>
      </c>
      <c r="N31" s="325">
        <v>23181</v>
      </c>
      <c r="O31" s="326">
        <v>0</v>
      </c>
      <c r="P31" s="327">
        <v>23181</v>
      </c>
      <c r="Q31" s="325">
        <v>0</v>
      </c>
      <c r="R31" s="326">
        <v>540240</v>
      </c>
      <c r="S31" s="326">
        <v>417895</v>
      </c>
      <c r="T31" s="326">
        <v>459178</v>
      </c>
      <c r="U31" s="326">
        <v>573900</v>
      </c>
      <c r="V31" s="326">
        <v>617973</v>
      </c>
      <c r="W31" s="327">
        <v>2609186</v>
      </c>
      <c r="X31" s="329">
        <v>2632367</v>
      </c>
      <c r="Y31" s="325">
        <v>0</v>
      </c>
      <c r="Z31" s="326">
        <v>0</v>
      </c>
      <c r="AA31" s="327">
        <v>0</v>
      </c>
      <c r="AB31" s="325">
        <v>0</v>
      </c>
      <c r="AC31" s="326">
        <v>316487</v>
      </c>
      <c r="AD31" s="326">
        <v>191375</v>
      </c>
      <c r="AE31" s="326">
        <v>312154</v>
      </c>
      <c r="AF31" s="326">
        <v>218484</v>
      </c>
      <c r="AG31" s="326">
        <v>300141</v>
      </c>
      <c r="AH31" s="327">
        <v>1338641</v>
      </c>
      <c r="AI31" s="329">
        <v>1338641</v>
      </c>
      <c r="AJ31" s="325">
        <v>0</v>
      </c>
      <c r="AK31" s="326">
        <v>0</v>
      </c>
      <c r="AL31" s="327">
        <v>0</v>
      </c>
      <c r="AM31" s="325">
        <v>0</v>
      </c>
      <c r="AN31" s="326">
        <v>0</v>
      </c>
      <c r="AO31" s="326">
        <v>0</v>
      </c>
      <c r="AP31" s="326">
        <v>0</v>
      </c>
      <c r="AQ31" s="326">
        <v>93534</v>
      </c>
      <c r="AR31" s="326">
        <v>0</v>
      </c>
      <c r="AS31" s="327">
        <v>93534</v>
      </c>
      <c r="AT31" s="329">
        <v>93534</v>
      </c>
      <c r="AU31" s="325">
        <v>9469</v>
      </c>
      <c r="AV31" s="326">
        <v>0</v>
      </c>
      <c r="AW31" s="327">
        <v>9469</v>
      </c>
      <c r="AX31" s="325">
        <v>0</v>
      </c>
      <c r="AY31" s="326">
        <v>158313</v>
      </c>
      <c r="AZ31" s="326">
        <v>217616</v>
      </c>
      <c r="BA31" s="326">
        <v>44760</v>
      </c>
      <c r="BB31" s="326">
        <v>169122</v>
      </c>
      <c r="BC31" s="326">
        <v>217390</v>
      </c>
      <c r="BD31" s="327">
        <v>807201</v>
      </c>
      <c r="BE31" s="329">
        <v>816670</v>
      </c>
      <c r="BF31" s="325">
        <v>0</v>
      </c>
      <c r="BG31" s="326">
        <v>0</v>
      </c>
      <c r="BH31" s="330">
        <v>0</v>
      </c>
      <c r="BI31" s="331">
        <v>0</v>
      </c>
      <c r="BJ31" s="326">
        <v>31600</v>
      </c>
      <c r="BK31" s="326">
        <v>0</v>
      </c>
      <c r="BL31" s="326">
        <v>0</v>
      </c>
      <c r="BM31" s="326">
        <v>0</v>
      </c>
      <c r="BN31" s="326">
        <v>63202</v>
      </c>
      <c r="BO31" s="327">
        <v>94802</v>
      </c>
      <c r="BP31" s="329">
        <v>94802</v>
      </c>
      <c r="BQ31" s="325">
        <v>13712</v>
      </c>
      <c r="BR31" s="326">
        <v>0</v>
      </c>
      <c r="BS31" s="327">
        <v>13712</v>
      </c>
      <c r="BT31" s="325">
        <v>0</v>
      </c>
      <c r="BU31" s="326">
        <v>33840</v>
      </c>
      <c r="BV31" s="326">
        <v>8904</v>
      </c>
      <c r="BW31" s="326">
        <v>102264</v>
      </c>
      <c r="BX31" s="326">
        <v>92760</v>
      </c>
      <c r="BY31" s="326">
        <v>37240</v>
      </c>
      <c r="BZ31" s="327">
        <v>275008</v>
      </c>
      <c r="CA31" s="329">
        <v>288720</v>
      </c>
      <c r="CB31" s="325">
        <v>0</v>
      </c>
      <c r="CC31" s="326">
        <v>0</v>
      </c>
      <c r="CD31" s="327">
        <v>0</v>
      </c>
      <c r="CE31" s="325">
        <v>0</v>
      </c>
      <c r="CF31" s="326">
        <v>546129</v>
      </c>
      <c r="CG31" s="326">
        <v>504804</v>
      </c>
      <c r="CH31" s="326">
        <v>249446</v>
      </c>
      <c r="CI31" s="326">
        <v>384122</v>
      </c>
      <c r="CJ31" s="326">
        <v>0</v>
      </c>
      <c r="CK31" s="327">
        <v>1684501</v>
      </c>
      <c r="CL31" s="329">
        <v>1684501</v>
      </c>
      <c r="CM31" s="325">
        <v>0</v>
      </c>
      <c r="CN31" s="326">
        <v>0</v>
      </c>
      <c r="CO31" s="327">
        <v>0</v>
      </c>
      <c r="CP31" s="331">
        <v>0</v>
      </c>
      <c r="CQ31" s="326">
        <v>366059</v>
      </c>
      <c r="CR31" s="326">
        <v>397662</v>
      </c>
      <c r="CS31" s="326">
        <v>249446</v>
      </c>
      <c r="CT31" s="326">
        <v>272495</v>
      </c>
      <c r="CU31" s="326">
        <v>0</v>
      </c>
      <c r="CV31" s="327">
        <v>1285662</v>
      </c>
      <c r="CW31" s="329">
        <v>1285662</v>
      </c>
      <c r="CX31" s="325">
        <v>0</v>
      </c>
      <c r="CY31" s="326">
        <v>0</v>
      </c>
      <c r="CZ31" s="327">
        <v>0</v>
      </c>
      <c r="DA31" s="325">
        <v>0</v>
      </c>
      <c r="DB31" s="326">
        <v>180070</v>
      </c>
      <c r="DC31" s="326">
        <v>107142</v>
      </c>
      <c r="DD31" s="326">
        <v>0</v>
      </c>
      <c r="DE31" s="326">
        <v>111627</v>
      </c>
      <c r="DF31" s="326">
        <v>0</v>
      </c>
      <c r="DG31" s="327">
        <v>398839</v>
      </c>
      <c r="DH31" s="329">
        <v>398839</v>
      </c>
      <c r="DI31" s="325">
        <v>0</v>
      </c>
      <c r="DJ31" s="326">
        <v>0</v>
      </c>
      <c r="DK31" s="330">
        <v>0</v>
      </c>
      <c r="DL31" s="331">
        <v>0</v>
      </c>
      <c r="DM31" s="326">
        <v>85469</v>
      </c>
      <c r="DN31" s="326">
        <v>153100</v>
      </c>
      <c r="DO31" s="326">
        <v>0</v>
      </c>
      <c r="DP31" s="326">
        <v>43199</v>
      </c>
      <c r="DQ31" s="326">
        <v>53161</v>
      </c>
      <c r="DR31" s="327">
        <v>334929</v>
      </c>
      <c r="DS31" s="329">
        <v>334929</v>
      </c>
      <c r="DT31" s="325">
        <v>0</v>
      </c>
      <c r="DU31" s="326">
        <v>0</v>
      </c>
      <c r="DV31" s="327">
        <v>0</v>
      </c>
      <c r="DW31" s="325">
        <v>0</v>
      </c>
      <c r="DX31" s="326">
        <v>85469</v>
      </c>
      <c r="DY31" s="326">
        <v>153100</v>
      </c>
      <c r="DZ31" s="326">
        <v>0</v>
      </c>
      <c r="EA31" s="326">
        <v>0</v>
      </c>
      <c r="EB31" s="326">
        <v>53161</v>
      </c>
      <c r="EC31" s="327">
        <v>291730</v>
      </c>
      <c r="ED31" s="329">
        <v>291730</v>
      </c>
      <c r="EE31" s="325">
        <v>0</v>
      </c>
      <c r="EF31" s="330">
        <v>0</v>
      </c>
      <c r="EG31" s="327">
        <v>0</v>
      </c>
      <c r="EH31" s="325">
        <v>0</v>
      </c>
      <c r="EI31" s="326">
        <v>0</v>
      </c>
      <c r="EJ31" s="326">
        <v>0</v>
      </c>
      <c r="EK31" s="326">
        <v>0</v>
      </c>
      <c r="EL31" s="326">
        <v>43199</v>
      </c>
      <c r="EM31" s="326">
        <v>0</v>
      </c>
      <c r="EN31" s="330">
        <v>43199</v>
      </c>
      <c r="EO31" s="329">
        <v>43199</v>
      </c>
      <c r="EP31" s="325">
        <v>0</v>
      </c>
      <c r="EQ31" s="326">
        <v>0</v>
      </c>
      <c r="ER31" s="330">
        <v>0</v>
      </c>
      <c r="ES31" s="331">
        <v>0</v>
      </c>
      <c r="ET31" s="326">
        <v>0</v>
      </c>
      <c r="EU31" s="326">
        <v>0</v>
      </c>
      <c r="EV31" s="326">
        <v>0</v>
      </c>
      <c r="EW31" s="326">
        <v>0</v>
      </c>
      <c r="EX31" s="326">
        <v>0</v>
      </c>
      <c r="EY31" s="327">
        <v>0</v>
      </c>
      <c r="EZ31" s="329">
        <v>0</v>
      </c>
      <c r="FA31" s="325">
        <v>0</v>
      </c>
      <c r="FB31" s="326">
        <v>0</v>
      </c>
      <c r="FC31" s="330">
        <v>0</v>
      </c>
      <c r="FD31" s="331">
        <v>0</v>
      </c>
      <c r="FE31" s="326">
        <v>0</v>
      </c>
      <c r="FF31" s="326">
        <v>0</v>
      </c>
      <c r="FG31" s="326">
        <v>0</v>
      </c>
      <c r="FH31" s="326">
        <v>0</v>
      </c>
      <c r="FI31" s="326">
        <v>0</v>
      </c>
      <c r="FJ31" s="327">
        <v>0</v>
      </c>
      <c r="FK31" s="329">
        <v>0</v>
      </c>
      <c r="FL31" s="325">
        <v>29560</v>
      </c>
      <c r="FM31" s="326">
        <v>29600</v>
      </c>
      <c r="FN31" s="327">
        <v>59160</v>
      </c>
      <c r="FO31" s="325">
        <v>0</v>
      </c>
      <c r="FP31" s="326">
        <v>119200</v>
      </c>
      <c r="FQ31" s="326">
        <v>266720</v>
      </c>
      <c r="FR31" s="326">
        <v>68184</v>
      </c>
      <c r="FS31" s="326">
        <v>153960</v>
      </c>
      <c r="FT31" s="326">
        <v>78808</v>
      </c>
      <c r="FU31" s="327">
        <v>686872</v>
      </c>
      <c r="FV31" s="329">
        <v>746032</v>
      </c>
      <c r="FW31" s="332">
        <v>29560</v>
      </c>
      <c r="FX31" s="326">
        <v>29600</v>
      </c>
      <c r="FY31" s="330">
        <v>59160</v>
      </c>
      <c r="FZ31" s="331">
        <v>0</v>
      </c>
      <c r="GA31" s="326">
        <v>119200</v>
      </c>
      <c r="GB31" s="326">
        <v>154080</v>
      </c>
      <c r="GC31" s="326">
        <v>68184</v>
      </c>
      <c r="GD31" s="326">
        <v>153960</v>
      </c>
      <c r="GE31" s="326">
        <v>78808</v>
      </c>
      <c r="GF31" s="327">
        <v>574232</v>
      </c>
      <c r="GG31" s="333">
        <v>633392</v>
      </c>
      <c r="GH31" s="332">
        <v>0</v>
      </c>
      <c r="GI31" s="326">
        <v>0</v>
      </c>
      <c r="GJ31" s="330">
        <v>0</v>
      </c>
      <c r="GK31" s="331">
        <v>0</v>
      </c>
      <c r="GL31" s="326">
        <v>0</v>
      </c>
      <c r="GM31" s="326">
        <v>112640</v>
      </c>
      <c r="GN31" s="326">
        <v>0</v>
      </c>
      <c r="GO31" s="326">
        <v>0</v>
      </c>
      <c r="GP31" s="326">
        <v>0</v>
      </c>
      <c r="GQ31" s="327">
        <v>112640</v>
      </c>
      <c r="GR31" s="329">
        <v>112640</v>
      </c>
      <c r="GS31" s="325">
        <v>0</v>
      </c>
      <c r="GT31" s="326">
        <v>0</v>
      </c>
      <c r="GU31" s="327">
        <v>0</v>
      </c>
      <c r="GV31" s="325">
        <v>0</v>
      </c>
      <c r="GW31" s="326">
        <v>0</v>
      </c>
      <c r="GX31" s="326">
        <v>0</v>
      </c>
      <c r="GY31" s="326">
        <v>0</v>
      </c>
      <c r="GZ31" s="326">
        <v>0</v>
      </c>
      <c r="HA31" s="326">
        <v>0</v>
      </c>
      <c r="HB31" s="330">
        <v>0</v>
      </c>
      <c r="HC31" s="329">
        <v>0</v>
      </c>
      <c r="HD31" s="325">
        <v>54030</v>
      </c>
      <c r="HE31" s="326">
        <v>0</v>
      </c>
      <c r="HF31" s="330">
        <v>54030</v>
      </c>
      <c r="HG31" s="331">
        <v>0</v>
      </c>
      <c r="HH31" s="326">
        <v>157574</v>
      </c>
      <c r="HI31" s="326">
        <v>0</v>
      </c>
      <c r="HJ31" s="326">
        <v>397908</v>
      </c>
      <c r="HK31" s="326">
        <v>0</v>
      </c>
      <c r="HL31" s="326">
        <v>0</v>
      </c>
      <c r="HM31" s="327">
        <v>555482</v>
      </c>
      <c r="HN31" s="328">
        <v>609512</v>
      </c>
      <c r="HO31" s="332">
        <v>0</v>
      </c>
      <c r="HP31" s="326">
        <v>0</v>
      </c>
      <c r="HQ31" s="327">
        <v>0</v>
      </c>
      <c r="HR31" s="325">
        <v>0</v>
      </c>
      <c r="HS31" s="326">
        <v>0</v>
      </c>
      <c r="HT31" s="326">
        <v>0</v>
      </c>
      <c r="HU31" s="326">
        <v>0</v>
      </c>
      <c r="HV31" s="326">
        <v>0</v>
      </c>
      <c r="HW31" s="326">
        <v>0</v>
      </c>
      <c r="HX31" s="330">
        <v>0</v>
      </c>
      <c r="HY31" s="329">
        <v>0</v>
      </c>
      <c r="HZ31" s="334">
        <v>0</v>
      </c>
      <c r="IA31" s="335">
        <v>0</v>
      </c>
      <c r="IB31" s="336">
        <v>0</v>
      </c>
      <c r="IC31" s="337">
        <v>0</v>
      </c>
      <c r="ID31" s="335">
        <v>347214</v>
      </c>
      <c r="IE31" s="338">
        <v>109098</v>
      </c>
      <c r="IF31" s="336">
        <v>510976</v>
      </c>
      <c r="IG31" s="335">
        <v>614070</v>
      </c>
      <c r="IH31" s="336">
        <v>44300</v>
      </c>
      <c r="II31" s="339">
        <v>1625658</v>
      </c>
      <c r="IJ31" s="340">
        <v>1625658</v>
      </c>
      <c r="IK31" s="341">
        <v>0</v>
      </c>
      <c r="IL31" s="342">
        <v>0</v>
      </c>
      <c r="IM31" s="343">
        <v>0</v>
      </c>
      <c r="IN31" s="403">
        <v>0</v>
      </c>
      <c r="IO31" s="344">
        <v>0</v>
      </c>
      <c r="IP31" s="344">
        <v>0</v>
      </c>
      <c r="IQ31" s="344">
        <v>0</v>
      </c>
      <c r="IR31" s="344">
        <v>0</v>
      </c>
      <c r="IS31" s="344">
        <v>0</v>
      </c>
      <c r="IT31" s="345">
        <v>0</v>
      </c>
      <c r="IU31" s="346">
        <v>0</v>
      </c>
      <c r="IV31" s="347">
        <v>0</v>
      </c>
      <c r="IW31" s="344">
        <v>0</v>
      </c>
      <c r="IX31" s="348">
        <v>0</v>
      </c>
      <c r="IY31" s="403">
        <v>0</v>
      </c>
      <c r="IZ31" s="344">
        <v>0</v>
      </c>
      <c r="JA31" s="344">
        <v>0</v>
      </c>
      <c r="JB31" s="344">
        <v>0</v>
      </c>
      <c r="JC31" s="344">
        <v>0</v>
      </c>
      <c r="JD31" s="344">
        <v>0</v>
      </c>
      <c r="JE31" s="348">
        <v>0</v>
      </c>
      <c r="JF31" s="349">
        <v>0</v>
      </c>
      <c r="JG31" s="347">
        <v>0</v>
      </c>
      <c r="JH31" s="344">
        <v>0</v>
      </c>
      <c r="JI31" s="345">
        <v>0</v>
      </c>
      <c r="JJ31" s="350">
        <v>0</v>
      </c>
      <c r="JK31" s="344">
        <v>347214</v>
      </c>
      <c r="JL31" s="344">
        <v>109098</v>
      </c>
      <c r="JM31" s="344">
        <v>166273</v>
      </c>
      <c r="JN31" s="344">
        <v>43791</v>
      </c>
      <c r="JO31" s="344">
        <v>44300</v>
      </c>
      <c r="JP31" s="348">
        <v>710676</v>
      </c>
      <c r="JQ31" s="346">
        <v>710676</v>
      </c>
      <c r="JR31" s="347">
        <v>0</v>
      </c>
      <c r="JS31" s="344">
        <v>0</v>
      </c>
      <c r="JT31" s="345">
        <v>0</v>
      </c>
      <c r="JU31" s="350">
        <v>0</v>
      </c>
      <c r="JV31" s="344">
        <v>0</v>
      </c>
      <c r="JW31" s="344">
        <v>0</v>
      </c>
      <c r="JX31" s="344">
        <v>96605</v>
      </c>
      <c r="JY31" s="344">
        <v>0</v>
      </c>
      <c r="JZ31" s="344">
        <v>0</v>
      </c>
      <c r="KA31" s="348">
        <v>96605</v>
      </c>
      <c r="KB31" s="346">
        <v>96605</v>
      </c>
      <c r="KC31" s="351">
        <v>0</v>
      </c>
      <c r="KD31" s="352">
        <v>0</v>
      </c>
      <c r="KE31" s="348">
        <v>0</v>
      </c>
      <c r="KF31" s="350">
        <v>0</v>
      </c>
      <c r="KG31" s="344">
        <v>0</v>
      </c>
      <c r="KH31" s="344">
        <v>0</v>
      </c>
      <c r="KI31" s="344">
        <v>0</v>
      </c>
      <c r="KJ31" s="344">
        <v>52409</v>
      </c>
      <c r="KK31" s="344">
        <v>0</v>
      </c>
      <c r="KL31" s="348">
        <v>52409</v>
      </c>
      <c r="KM31" s="353">
        <v>52409</v>
      </c>
      <c r="KN31" s="341">
        <v>0</v>
      </c>
      <c r="KO31" s="342">
        <v>0</v>
      </c>
      <c r="KP31" s="343">
        <v>0</v>
      </c>
      <c r="KQ31" s="403">
        <v>0</v>
      </c>
      <c r="KR31" s="344">
        <v>0</v>
      </c>
      <c r="KS31" s="344">
        <v>0</v>
      </c>
      <c r="KT31" s="344">
        <v>248098</v>
      </c>
      <c r="KU31" s="344">
        <v>517870</v>
      </c>
      <c r="KV31" s="344">
        <v>0</v>
      </c>
      <c r="KW31" s="348">
        <v>765968</v>
      </c>
      <c r="KX31" s="346">
        <v>765968</v>
      </c>
      <c r="KY31" s="347">
        <v>0</v>
      </c>
      <c r="KZ31" s="344">
        <v>0</v>
      </c>
      <c r="LA31" s="348">
        <v>0</v>
      </c>
      <c r="LB31" s="403">
        <v>0</v>
      </c>
      <c r="LC31" s="344">
        <v>0</v>
      </c>
      <c r="LD31" s="344">
        <v>0</v>
      </c>
      <c r="LE31" s="344">
        <v>0</v>
      </c>
      <c r="LF31" s="344">
        <v>0</v>
      </c>
      <c r="LG31" s="344">
        <v>0</v>
      </c>
      <c r="LH31" s="348">
        <v>0</v>
      </c>
      <c r="LI31" s="349">
        <v>0</v>
      </c>
      <c r="LJ31" s="347">
        <v>0</v>
      </c>
      <c r="LK31" s="344">
        <v>0</v>
      </c>
      <c r="LL31" s="348">
        <v>0</v>
      </c>
      <c r="LM31" s="403">
        <v>0</v>
      </c>
      <c r="LN31" s="344">
        <v>0</v>
      </c>
      <c r="LO31" s="344">
        <v>0</v>
      </c>
      <c r="LP31" s="344">
        <v>0</v>
      </c>
      <c r="LQ31" s="344">
        <v>0</v>
      </c>
      <c r="LR31" s="344">
        <v>0</v>
      </c>
      <c r="LS31" s="348">
        <v>0</v>
      </c>
      <c r="LT31" s="346">
        <v>0</v>
      </c>
      <c r="LU31" s="347">
        <v>0</v>
      </c>
      <c r="LV31" s="344">
        <v>0</v>
      </c>
      <c r="LW31" s="348">
        <v>0</v>
      </c>
      <c r="LX31" s="403">
        <v>0</v>
      </c>
      <c r="LY31" s="344">
        <v>0</v>
      </c>
      <c r="LZ31" s="344">
        <v>0</v>
      </c>
      <c r="MA31" s="344">
        <v>0</v>
      </c>
      <c r="MB31" s="344">
        <v>0</v>
      </c>
      <c r="MC31" s="344">
        <v>0</v>
      </c>
      <c r="MD31" s="348">
        <v>0</v>
      </c>
      <c r="ME31" s="349">
        <v>0</v>
      </c>
      <c r="MF31" s="347">
        <v>0</v>
      </c>
      <c r="MG31" s="344">
        <v>0</v>
      </c>
      <c r="MH31" s="348">
        <v>0</v>
      </c>
      <c r="MI31" s="403">
        <v>0</v>
      </c>
      <c r="MJ31" s="344">
        <v>0</v>
      </c>
      <c r="MK31" s="344">
        <v>399041</v>
      </c>
      <c r="ML31" s="344">
        <v>1039665</v>
      </c>
      <c r="MM31" s="344">
        <v>279908</v>
      </c>
      <c r="MN31" s="344">
        <v>920046</v>
      </c>
      <c r="MO31" s="348">
        <v>2638660</v>
      </c>
      <c r="MP31" s="353">
        <v>2638660</v>
      </c>
      <c r="MQ31" s="347">
        <v>0</v>
      </c>
      <c r="MR31" s="344">
        <v>0</v>
      </c>
      <c r="MS31" s="348">
        <v>0</v>
      </c>
      <c r="MT31" s="403">
        <v>0</v>
      </c>
      <c r="MU31" s="344">
        <v>0</v>
      </c>
      <c r="MV31" s="344">
        <v>0</v>
      </c>
      <c r="MW31" s="344">
        <v>489466</v>
      </c>
      <c r="MX31" s="344">
        <v>279908</v>
      </c>
      <c r="MY31" s="344">
        <v>638374</v>
      </c>
      <c r="MZ31" s="348">
        <v>1407748</v>
      </c>
      <c r="NA31" s="353">
        <v>1407748</v>
      </c>
      <c r="NB31" s="347">
        <v>0</v>
      </c>
      <c r="NC31" s="344">
        <v>0</v>
      </c>
      <c r="ND31" s="348">
        <v>0</v>
      </c>
      <c r="NE31" s="403">
        <v>0</v>
      </c>
      <c r="NF31" s="344">
        <v>0</v>
      </c>
      <c r="NG31" s="344">
        <v>399041</v>
      </c>
      <c r="NH31" s="344">
        <v>550199</v>
      </c>
      <c r="NI31" s="344">
        <v>0</v>
      </c>
      <c r="NJ31" s="344">
        <v>281672</v>
      </c>
      <c r="NK31" s="348">
        <v>1230912</v>
      </c>
      <c r="NL31" s="346">
        <v>1230912</v>
      </c>
      <c r="NM31" s="347">
        <v>0</v>
      </c>
      <c r="NN31" s="344">
        <v>0</v>
      </c>
      <c r="NO31" s="348">
        <v>0</v>
      </c>
      <c r="NP31" s="403">
        <v>0</v>
      </c>
      <c r="NQ31" s="344">
        <v>0</v>
      </c>
      <c r="NR31" s="344">
        <v>0</v>
      </c>
      <c r="NS31" s="344">
        <v>0</v>
      </c>
      <c r="NT31" s="344">
        <v>0</v>
      </c>
      <c r="NU31" s="344">
        <v>0</v>
      </c>
      <c r="NV31" s="348">
        <v>0</v>
      </c>
      <c r="NW31" s="349">
        <v>0</v>
      </c>
      <c r="NX31" s="347">
        <v>0</v>
      </c>
      <c r="NY31" s="344">
        <v>0</v>
      </c>
      <c r="NZ31" s="348">
        <v>0</v>
      </c>
      <c r="OA31" s="403">
        <v>0</v>
      </c>
      <c r="OB31" s="344">
        <v>0</v>
      </c>
      <c r="OC31" s="344">
        <v>0</v>
      </c>
      <c r="OD31" s="344">
        <v>0</v>
      </c>
      <c r="OE31" s="344">
        <v>0</v>
      </c>
      <c r="OF31" s="344">
        <v>0</v>
      </c>
      <c r="OG31" s="348">
        <v>0</v>
      </c>
      <c r="OH31" s="349">
        <v>0</v>
      </c>
      <c r="OI31" s="347">
        <v>106771</v>
      </c>
      <c r="OJ31" s="344">
        <v>29600</v>
      </c>
      <c r="OK31" s="345">
        <v>136371</v>
      </c>
      <c r="OL31" s="350">
        <v>0</v>
      </c>
      <c r="OM31" s="344">
        <v>1795826</v>
      </c>
      <c r="ON31" s="344">
        <v>1850658</v>
      </c>
      <c r="OO31" s="344">
        <v>2725357</v>
      </c>
      <c r="OP31" s="344">
        <v>2049159</v>
      </c>
      <c r="OQ31" s="344">
        <v>1714288</v>
      </c>
      <c r="OR31" s="348">
        <v>10135288</v>
      </c>
      <c r="OS31" s="353">
        <v>10271659</v>
      </c>
    </row>
    <row r="32" spans="2:409" s="70" customFormat="1" ht="21" customHeight="1" x14ac:dyDescent="0.2">
      <c r="B32" s="409" t="s">
        <v>27</v>
      </c>
      <c r="C32" s="325">
        <v>271429</v>
      </c>
      <c r="D32" s="326">
        <v>198848</v>
      </c>
      <c r="E32" s="327">
        <v>470277</v>
      </c>
      <c r="F32" s="328">
        <v>0</v>
      </c>
      <c r="G32" s="326">
        <v>1523500</v>
      </c>
      <c r="H32" s="326">
        <v>1276576</v>
      </c>
      <c r="I32" s="326">
        <v>1150084</v>
      </c>
      <c r="J32" s="326">
        <v>1540828</v>
      </c>
      <c r="K32" s="326">
        <v>798195</v>
      </c>
      <c r="L32" s="366">
        <v>6289183</v>
      </c>
      <c r="M32" s="329">
        <v>6759460</v>
      </c>
      <c r="N32" s="325">
        <v>15056</v>
      </c>
      <c r="O32" s="326">
        <v>69911</v>
      </c>
      <c r="P32" s="327">
        <v>84967</v>
      </c>
      <c r="Q32" s="325">
        <v>0</v>
      </c>
      <c r="R32" s="326">
        <v>335235</v>
      </c>
      <c r="S32" s="326">
        <v>462414</v>
      </c>
      <c r="T32" s="326">
        <v>563534</v>
      </c>
      <c r="U32" s="326">
        <v>516913</v>
      </c>
      <c r="V32" s="326">
        <v>775187</v>
      </c>
      <c r="W32" s="327">
        <v>2653283</v>
      </c>
      <c r="X32" s="329">
        <v>2738250</v>
      </c>
      <c r="Y32" s="325">
        <v>0</v>
      </c>
      <c r="Z32" s="326">
        <v>0</v>
      </c>
      <c r="AA32" s="327">
        <v>0</v>
      </c>
      <c r="AB32" s="325">
        <v>0</v>
      </c>
      <c r="AC32" s="326">
        <v>149876</v>
      </c>
      <c r="AD32" s="326">
        <v>195307</v>
      </c>
      <c r="AE32" s="326">
        <v>395673</v>
      </c>
      <c r="AF32" s="326">
        <v>239259</v>
      </c>
      <c r="AG32" s="326">
        <v>497783</v>
      </c>
      <c r="AH32" s="327">
        <v>1477898</v>
      </c>
      <c r="AI32" s="329">
        <v>1477898</v>
      </c>
      <c r="AJ32" s="325">
        <v>0</v>
      </c>
      <c r="AK32" s="326">
        <v>0</v>
      </c>
      <c r="AL32" s="327">
        <v>0</v>
      </c>
      <c r="AM32" s="325">
        <v>0</v>
      </c>
      <c r="AN32" s="326">
        <v>0</v>
      </c>
      <c r="AO32" s="326">
        <v>0</v>
      </c>
      <c r="AP32" s="326">
        <v>0</v>
      </c>
      <c r="AQ32" s="326">
        <v>0</v>
      </c>
      <c r="AR32" s="326">
        <v>0</v>
      </c>
      <c r="AS32" s="327">
        <v>0</v>
      </c>
      <c r="AT32" s="329">
        <v>0</v>
      </c>
      <c r="AU32" s="325">
        <v>0</v>
      </c>
      <c r="AV32" s="326">
        <v>65143</v>
      </c>
      <c r="AW32" s="327">
        <v>65143</v>
      </c>
      <c r="AX32" s="325">
        <v>0</v>
      </c>
      <c r="AY32" s="326">
        <v>135679</v>
      </c>
      <c r="AZ32" s="326">
        <v>193655</v>
      </c>
      <c r="BA32" s="326">
        <v>120701</v>
      </c>
      <c r="BB32" s="326">
        <v>193686</v>
      </c>
      <c r="BC32" s="326">
        <v>248236</v>
      </c>
      <c r="BD32" s="327">
        <v>891957</v>
      </c>
      <c r="BE32" s="329">
        <v>957100</v>
      </c>
      <c r="BF32" s="325">
        <v>0</v>
      </c>
      <c r="BG32" s="326">
        <v>0</v>
      </c>
      <c r="BH32" s="330">
        <v>0</v>
      </c>
      <c r="BI32" s="331">
        <v>0</v>
      </c>
      <c r="BJ32" s="326">
        <v>0</v>
      </c>
      <c r="BK32" s="326">
        <v>26428</v>
      </c>
      <c r="BL32" s="326">
        <v>0</v>
      </c>
      <c r="BM32" s="326">
        <v>0</v>
      </c>
      <c r="BN32" s="326">
        <v>0</v>
      </c>
      <c r="BO32" s="327">
        <v>26428</v>
      </c>
      <c r="BP32" s="329">
        <v>26428</v>
      </c>
      <c r="BQ32" s="325">
        <v>15056</v>
      </c>
      <c r="BR32" s="326">
        <v>4768</v>
      </c>
      <c r="BS32" s="327">
        <v>19824</v>
      </c>
      <c r="BT32" s="325">
        <v>0</v>
      </c>
      <c r="BU32" s="326">
        <v>49680</v>
      </c>
      <c r="BV32" s="326">
        <v>47024</v>
      </c>
      <c r="BW32" s="326">
        <v>47160</v>
      </c>
      <c r="BX32" s="326">
        <v>83968</v>
      </c>
      <c r="BY32" s="326">
        <v>29168</v>
      </c>
      <c r="BZ32" s="327">
        <v>257000</v>
      </c>
      <c r="CA32" s="329">
        <v>276824</v>
      </c>
      <c r="CB32" s="325">
        <v>21948</v>
      </c>
      <c r="CC32" s="326">
        <v>39881</v>
      </c>
      <c r="CD32" s="327">
        <v>61829</v>
      </c>
      <c r="CE32" s="325">
        <v>0</v>
      </c>
      <c r="CF32" s="326">
        <v>800881</v>
      </c>
      <c r="CG32" s="326">
        <v>543060</v>
      </c>
      <c r="CH32" s="326">
        <v>440057</v>
      </c>
      <c r="CI32" s="326">
        <v>400369</v>
      </c>
      <c r="CJ32" s="326">
        <v>0</v>
      </c>
      <c r="CK32" s="327">
        <v>2184367</v>
      </c>
      <c r="CL32" s="329">
        <v>2246196</v>
      </c>
      <c r="CM32" s="325">
        <v>0</v>
      </c>
      <c r="CN32" s="326">
        <v>0</v>
      </c>
      <c r="CO32" s="327">
        <v>0</v>
      </c>
      <c r="CP32" s="331">
        <v>0</v>
      </c>
      <c r="CQ32" s="326">
        <v>646404</v>
      </c>
      <c r="CR32" s="326">
        <v>379039</v>
      </c>
      <c r="CS32" s="326">
        <v>316769</v>
      </c>
      <c r="CT32" s="326">
        <v>400369</v>
      </c>
      <c r="CU32" s="326">
        <v>0</v>
      </c>
      <c r="CV32" s="327">
        <v>1742581</v>
      </c>
      <c r="CW32" s="329">
        <v>1742581</v>
      </c>
      <c r="CX32" s="325">
        <v>21948</v>
      </c>
      <c r="CY32" s="326">
        <v>39881</v>
      </c>
      <c r="CZ32" s="327">
        <v>61829</v>
      </c>
      <c r="DA32" s="325">
        <v>0</v>
      </c>
      <c r="DB32" s="326">
        <v>154477</v>
      </c>
      <c r="DC32" s="326">
        <v>164021</v>
      </c>
      <c r="DD32" s="326">
        <v>123288</v>
      </c>
      <c r="DE32" s="326">
        <v>0</v>
      </c>
      <c r="DF32" s="326">
        <v>0</v>
      </c>
      <c r="DG32" s="327">
        <v>441786</v>
      </c>
      <c r="DH32" s="329">
        <v>503615</v>
      </c>
      <c r="DI32" s="325">
        <v>0</v>
      </c>
      <c r="DJ32" s="326">
        <v>22816</v>
      </c>
      <c r="DK32" s="330">
        <v>22816</v>
      </c>
      <c r="DL32" s="331">
        <v>0</v>
      </c>
      <c r="DM32" s="326">
        <v>16060</v>
      </c>
      <c r="DN32" s="326">
        <v>80294</v>
      </c>
      <c r="DO32" s="326">
        <v>46605</v>
      </c>
      <c r="DP32" s="326">
        <v>27683</v>
      </c>
      <c r="DQ32" s="326">
        <v>0</v>
      </c>
      <c r="DR32" s="327">
        <v>170642</v>
      </c>
      <c r="DS32" s="329">
        <v>193458</v>
      </c>
      <c r="DT32" s="325">
        <v>0</v>
      </c>
      <c r="DU32" s="326">
        <v>0</v>
      </c>
      <c r="DV32" s="327">
        <v>0</v>
      </c>
      <c r="DW32" s="325">
        <v>0</v>
      </c>
      <c r="DX32" s="326">
        <v>16060</v>
      </c>
      <c r="DY32" s="326">
        <v>0</v>
      </c>
      <c r="DZ32" s="326">
        <v>46605</v>
      </c>
      <c r="EA32" s="326">
        <v>27683</v>
      </c>
      <c r="EB32" s="326">
        <v>0</v>
      </c>
      <c r="EC32" s="327">
        <v>90348</v>
      </c>
      <c r="ED32" s="329">
        <v>90348</v>
      </c>
      <c r="EE32" s="325">
        <v>0</v>
      </c>
      <c r="EF32" s="330">
        <v>22816</v>
      </c>
      <c r="EG32" s="327">
        <v>22816</v>
      </c>
      <c r="EH32" s="325">
        <v>0</v>
      </c>
      <c r="EI32" s="326">
        <v>0</v>
      </c>
      <c r="EJ32" s="326">
        <v>80294</v>
      </c>
      <c r="EK32" s="326">
        <v>0</v>
      </c>
      <c r="EL32" s="326">
        <v>0</v>
      </c>
      <c r="EM32" s="326">
        <v>0</v>
      </c>
      <c r="EN32" s="330">
        <v>80294</v>
      </c>
      <c r="EO32" s="329">
        <v>103110</v>
      </c>
      <c r="EP32" s="325">
        <v>0</v>
      </c>
      <c r="EQ32" s="326">
        <v>0</v>
      </c>
      <c r="ER32" s="330">
        <v>0</v>
      </c>
      <c r="ES32" s="331">
        <v>0</v>
      </c>
      <c r="ET32" s="326">
        <v>0</v>
      </c>
      <c r="EU32" s="326">
        <v>0</v>
      </c>
      <c r="EV32" s="326">
        <v>0</v>
      </c>
      <c r="EW32" s="326">
        <v>0</v>
      </c>
      <c r="EX32" s="326">
        <v>0</v>
      </c>
      <c r="EY32" s="327">
        <v>0</v>
      </c>
      <c r="EZ32" s="329">
        <v>0</v>
      </c>
      <c r="FA32" s="325">
        <v>0</v>
      </c>
      <c r="FB32" s="326">
        <v>0</v>
      </c>
      <c r="FC32" s="330">
        <v>0</v>
      </c>
      <c r="FD32" s="331">
        <v>0</v>
      </c>
      <c r="FE32" s="326">
        <v>0</v>
      </c>
      <c r="FF32" s="326">
        <v>0</v>
      </c>
      <c r="FG32" s="326">
        <v>0</v>
      </c>
      <c r="FH32" s="326">
        <v>0</v>
      </c>
      <c r="FI32" s="326">
        <v>0</v>
      </c>
      <c r="FJ32" s="327">
        <v>0</v>
      </c>
      <c r="FK32" s="329">
        <v>0</v>
      </c>
      <c r="FL32" s="325">
        <v>182016</v>
      </c>
      <c r="FM32" s="326">
        <v>66240</v>
      </c>
      <c r="FN32" s="327">
        <v>248256</v>
      </c>
      <c r="FO32" s="325">
        <v>0</v>
      </c>
      <c r="FP32" s="326">
        <v>52400</v>
      </c>
      <c r="FQ32" s="326">
        <v>190808</v>
      </c>
      <c r="FR32" s="326">
        <v>99888</v>
      </c>
      <c r="FS32" s="326">
        <v>57312</v>
      </c>
      <c r="FT32" s="326">
        <v>23008</v>
      </c>
      <c r="FU32" s="327">
        <v>423416</v>
      </c>
      <c r="FV32" s="329">
        <v>671672</v>
      </c>
      <c r="FW32" s="332">
        <v>29440</v>
      </c>
      <c r="FX32" s="326">
        <v>66240</v>
      </c>
      <c r="FY32" s="330">
        <v>95680</v>
      </c>
      <c r="FZ32" s="331">
        <v>0</v>
      </c>
      <c r="GA32" s="326">
        <v>52400</v>
      </c>
      <c r="GB32" s="326">
        <v>190808</v>
      </c>
      <c r="GC32" s="326">
        <v>99888</v>
      </c>
      <c r="GD32" s="326">
        <v>47232</v>
      </c>
      <c r="GE32" s="326">
        <v>23008</v>
      </c>
      <c r="GF32" s="327">
        <v>413336</v>
      </c>
      <c r="GG32" s="333">
        <v>509016</v>
      </c>
      <c r="GH32" s="332">
        <v>22176</v>
      </c>
      <c r="GI32" s="326">
        <v>0</v>
      </c>
      <c r="GJ32" s="330">
        <v>22176</v>
      </c>
      <c r="GK32" s="331">
        <v>0</v>
      </c>
      <c r="GL32" s="326">
        <v>0</v>
      </c>
      <c r="GM32" s="326">
        <v>0</v>
      </c>
      <c r="GN32" s="326">
        <v>0</v>
      </c>
      <c r="GO32" s="326">
        <v>10080</v>
      </c>
      <c r="GP32" s="326">
        <v>0</v>
      </c>
      <c r="GQ32" s="327">
        <v>10080</v>
      </c>
      <c r="GR32" s="329">
        <v>32256</v>
      </c>
      <c r="GS32" s="325">
        <v>130400</v>
      </c>
      <c r="GT32" s="326">
        <v>0</v>
      </c>
      <c r="GU32" s="327">
        <v>130400</v>
      </c>
      <c r="GV32" s="325">
        <v>0</v>
      </c>
      <c r="GW32" s="326">
        <v>0</v>
      </c>
      <c r="GX32" s="326">
        <v>0</v>
      </c>
      <c r="GY32" s="326">
        <v>0</v>
      </c>
      <c r="GZ32" s="326">
        <v>0</v>
      </c>
      <c r="HA32" s="326">
        <v>0</v>
      </c>
      <c r="HB32" s="330">
        <v>0</v>
      </c>
      <c r="HC32" s="329">
        <v>130400</v>
      </c>
      <c r="HD32" s="325">
        <v>52409</v>
      </c>
      <c r="HE32" s="326">
        <v>0</v>
      </c>
      <c r="HF32" s="330">
        <v>52409</v>
      </c>
      <c r="HG32" s="331">
        <v>0</v>
      </c>
      <c r="HH32" s="326">
        <v>318924</v>
      </c>
      <c r="HI32" s="326">
        <v>0</v>
      </c>
      <c r="HJ32" s="326">
        <v>0</v>
      </c>
      <c r="HK32" s="326">
        <v>538551</v>
      </c>
      <c r="HL32" s="326">
        <v>0</v>
      </c>
      <c r="HM32" s="327">
        <v>857475</v>
      </c>
      <c r="HN32" s="328">
        <v>909884</v>
      </c>
      <c r="HO32" s="332">
        <v>0</v>
      </c>
      <c r="HP32" s="326">
        <v>0</v>
      </c>
      <c r="HQ32" s="327">
        <v>0</v>
      </c>
      <c r="HR32" s="325">
        <v>0</v>
      </c>
      <c r="HS32" s="326">
        <v>0</v>
      </c>
      <c r="HT32" s="326">
        <v>0</v>
      </c>
      <c r="HU32" s="326">
        <v>0</v>
      </c>
      <c r="HV32" s="326">
        <v>0</v>
      </c>
      <c r="HW32" s="326">
        <v>0</v>
      </c>
      <c r="HX32" s="330">
        <v>0</v>
      </c>
      <c r="HY32" s="329">
        <v>0</v>
      </c>
      <c r="HZ32" s="357">
        <v>0</v>
      </c>
      <c r="IA32" s="355">
        <v>0</v>
      </c>
      <c r="IB32" s="357">
        <v>0</v>
      </c>
      <c r="IC32" s="354">
        <v>0</v>
      </c>
      <c r="ID32" s="355">
        <v>196235</v>
      </c>
      <c r="IE32" s="356">
        <v>24113</v>
      </c>
      <c r="IF32" s="357">
        <v>657700</v>
      </c>
      <c r="IG32" s="355">
        <v>202360</v>
      </c>
      <c r="IH32" s="357">
        <v>0</v>
      </c>
      <c r="II32" s="358">
        <v>1080408</v>
      </c>
      <c r="IJ32" s="357">
        <v>1080408</v>
      </c>
      <c r="IK32" s="341">
        <v>0</v>
      </c>
      <c r="IL32" s="342">
        <v>0</v>
      </c>
      <c r="IM32" s="343">
        <v>0</v>
      </c>
      <c r="IN32" s="403">
        <v>0</v>
      </c>
      <c r="IO32" s="344">
        <v>0</v>
      </c>
      <c r="IP32" s="344">
        <v>0</v>
      </c>
      <c r="IQ32" s="344">
        <v>175496</v>
      </c>
      <c r="IR32" s="344">
        <v>0</v>
      </c>
      <c r="IS32" s="344">
        <v>0</v>
      </c>
      <c r="IT32" s="345">
        <v>175496</v>
      </c>
      <c r="IU32" s="346">
        <v>175496</v>
      </c>
      <c r="IV32" s="347">
        <v>0</v>
      </c>
      <c r="IW32" s="344">
        <v>0</v>
      </c>
      <c r="IX32" s="348">
        <v>0</v>
      </c>
      <c r="IY32" s="403">
        <v>0</v>
      </c>
      <c r="IZ32" s="344">
        <v>0</v>
      </c>
      <c r="JA32" s="344">
        <v>0</v>
      </c>
      <c r="JB32" s="344">
        <v>0</v>
      </c>
      <c r="JC32" s="344">
        <v>0</v>
      </c>
      <c r="JD32" s="344">
        <v>0</v>
      </c>
      <c r="JE32" s="348">
        <v>0</v>
      </c>
      <c r="JF32" s="349">
        <v>0</v>
      </c>
      <c r="JG32" s="347">
        <v>0</v>
      </c>
      <c r="JH32" s="344">
        <v>0</v>
      </c>
      <c r="JI32" s="345">
        <v>0</v>
      </c>
      <c r="JJ32" s="350">
        <v>0</v>
      </c>
      <c r="JK32" s="344">
        <v>0</v>
      </c>
      <c r="JL32" s="344">
        <v>24113</v>
      </c>
      <c r="JM32" s="344">
        <v>0</v>
      </c>
      <c r="JN32" s="344">
        <v>0</v>
      </c>
      <c r="JO32" s="344">
        <v>0</v>
      </c>
      <c r="JP32" s="348">
        <v>24113</v>
      </c>
      <c r="JQ32" s="346">
        <v>24113</v>
      </c>
      <c r="JR32" s="347">
        <v>0</v>
      </c>
      <c r="JS32" s="344">
        <v>0</v>
      </c>
      <c r="JT32" s="345">
        <v>0</v>
      </c>
      <c r="JU32" s="350">
        <v>0</v>
      </c>
      <c r="JV32" s="344">
        <v>0</v>
      </c>
      <c r="JW32" s="344">
        <v>0</v>
      </c>
      <c r="JX32" s="344">
        <v>0</v>
      </c>
      <c r="JY32" s="344">
        <v>202360</v>
      </c>
      <c r="JZ32" s="344">
        <v>0</v>
      </c>
      <c r="KA32" s="348">
        <v>202360</v>
      </c>
      <c r="KB32" s="346">
        <v>202360</v>
      </c>
      <c r="KC32" s="351">
        <v>0</v>
      </c>
      <c r="KD32" s="352">
        <v>0</v>
      </c>
      <c r="KE32" s="348">
        <v>0</v>
      </c>
      <c r="KF32" s="350">
        <v>0</v>
      </c>
      <c r="KG32" s="344">
        <v>196235</v>
      </c>
      <c r="KH32" s="344">
        <v>0</v>
      </c>
      <c r="KI32" s="344">
        <v>0</v>
      </c>
      <c r="KJ32" s="344">
        <v>0</v>
      </c>
      <c r="KK32" s="344">
        <v>0</v>
      </c>
      <c r="KL32" s="348">
        <v>196235</v>
      </c>
      <c r="KM32" s="353">
        <v>196235</v>
      </c>
      <c r="KN32" s="341">
        <v>0</v>
      </c>
      <c r="KO32" s="342">
        <v>0</v>
      </c>
      <c r="KP32" s="343">
        <v>0</v>
      </c>
      <c r="KQ32" s="403">
        <v>0</v>
      </c>
      <c r="KR32" s="344">
        <v>0</v>
      </c>
      <c r="KS32" s="344">
        <v>0</v>
      </c>
      <c r="KT32" s="344">
        <v>252239</v>
      </c>
      <c r="KU32" s="344">
        <v>0</v>
      </c>
      <c r="KV32" s="344">
        <v>0</v>
      </c>
      <c r="KW32" s="348">
        <v>252239</v>
      </c>
      <c r="KX32" s="346">
        <v>252239</v>
      </c>
      <c r="KY32" s="347">
        <v>0</v>
      </c>
      <c r="KZ32" s="344">
        <v>0</v>
      </c>
      <c r="LA32" s="348">
        <v>0</v>
      </c>
      <c r="LB32" s="403">
        <v>0</v>
      </c>
      <c r="LC32" s="344">
        <v>0</v>
      </c>
      <c r="LD32" s="344">
        <v>0</v>
      </c>
      <c r="LE32" s="344">
        <v>0</v>
      </c>
      <c r="LF32" s="344">
        <v>0</v>
      </c>
      <c r="LG32" s="344">
        <v>0</v>
      </c>
      <c r="LH32" s="348">
        <v>0</v>
      </c>
      <c r="LI32" s="349">
        <v>0</v>
      </c>
      <c r="LJ32" s="347">
        <v>0</v>
      </c>
      <c r="LK32" s="344">
        <v>0</v>
      </c>
      <c r="LL32" s="348">
        <v>0</v>
      </c>
      <c r="LM32" s="403">
        <v>0</v>
      </c>
      <c r="LN32" s="344">
        <v>0</v>
      </c>
      <c r="LO32" s="344">
        <v>0</v>
      </c>
      <c r="LP32" s="344">
        <v>229965</v>
      </c>
      <c r="LQ32" s="344">
        <v>0</v>
      </c>
      <c r="LR32" s="344">
        <v>0</v>
      </c>
      <c r="LS32" s="348">
        <v>229965</v>
      </c>
      <c r="LT32" s="346">
        <v>229965</v>
      </c>
      <c r="LU32" s="347">
        <v>0</v>
      </c>
      <c r="LV32" s="344">
        <v>0</v>
      </c>
      <c r="LW32" s="348">
        <v>0</v>
      </c>
      <c r="LX32" s="403">
        <v>0</v>
      </c>
      <c r="LY32" s="344">
        <v>0</v>
      </c>
      <c r="LZ32" s="344">
        <v>0</v>
      </c>
      <c r="MA32" s="344">
        <v>0</v>
      </c>
      <c r="MB32" s="344">
        <v>0</v>
      </c>
      <c r="MC32" s="344">
        <v>0</v>
      </c>
      <c r="MD32" s="348">
        <v>0</v>
      </c>
      <c r="ME32" s="349">
        <v>0</v>
      </c>
      <c r="MF32" s="347">
        <v>0</v>
      </c>
      <c r="MG32" s="344">
        <v>0</v>
      </c>
      <c r="MH32" s="348">
        <v>0</v>
      </c>
      <c r="MI32" s="403">
        <v>0</v>
      </c>
      <c r="MJ32" s="344">
        <v>0</v>
      </c>
      <c r="MK32" s="344">
        <v>729123</v>
      </c>
      <c r="ML32" s="344">
        <v>265162</v>
      </c>
      <c r="MM32" s="344">
        <v>1597805</v>
      </c>
      <c r="MN32" s="344">
        <v>592505</v>
      </c>
      <c r="MO32" s="348">
        <v>3184595</v>
      </c>
      <c r="MP32" s="353">
        <v>3184595</v>
      </c>
      <c r="MQ32" s="347">
        <v>0</v>
      </c>
      <c r="MR32" s="344">
        <v>0</v>
      </c>
      <c r="MS32" s="348">
        <v>0</v>
      </c>
      <c r="MT32" s="403">
        <v>0</v>
      </c>
      <c r="MU32" s="344">
        <v>0</v>
      </c>
      <c r="MV32" s="344">
        <v>234623</v>
      </c>
      <c r="MW32" s="344">
        <v>0</v>
      </c>
      <c r="MX32" s="344">
        <v>230752</v>
      </c>
      <c r="MY32" s="344">
        <v>296278</v>
      </c>
      <c r="MZ32" s="348">
        <v>761653</v>
      </c>
      <c r="NA32" s="353">
        <v>761653</v>
      </c>
      <c r="NB32" s="347">
        <v>0</v>
      </c>
      <c r="NC32" s="344">
        <v>0</v>
      </c>
      <c r="ND32" s="348">
        <v>0</v>
      </c>
      <c r="NE32" s="403">
        <v>0</v>
      </c>
      <c r="NF32" s="344">
        <v>0</v>
      </c>
      <c r="NG32" s="344">
        <v>494500</v>
      </c>
      <c r="NH32" s="344">
        <v>265162</v>
      </c>
      <c r="NI32" s="344">
        <v>1367053</v>
      </c>
      <c r="NJ32" s="344">
        <v>296227</v>
      </c>
      <c r="NK32" s="348">
        <v>2422942</v>
      </c>
      <c r="NL32" s="346">
        <v>2422942</v>
      </c>
      <c r="NM32" s="347">
        <v>0</v>
      </c>
      <c r="NN32" s="344">
        <v>0</v>
      </c>
      <c r="NO32" s="348">
        <v>0</v>
      </c>
      <c r="NP32" s="403">
        <v>0</v>
      </c>
      <c r="NQ32" s="344">
        <v>0</v>
      </c>
      <c r="NR32" s="344">
        <v>0</v>
      </c>
      <c r="NS32" s="344">
        <v>0</v>
      </c>
      <c r="NT32" s="344">
        <v>0</v>
      </c>
      <c r="NU32" s="344">
        <v>0</v>
      </c>
      <c r="NV32" s="348">
        <v>0</v>
      </c>
      <c r="NW32" s="349">
        <v>0</v>
      </c>
      <c r="NX32" s="347">
        <v>0</v>
      </c>
      <c r="NY32" s="344">
        <v>0</v>
      </c>
      <c r="NZ32" s="348">
        <v>0</v>
      </c>
      <c r="OA32" s="403">
        <v>0</v>
      </c>
      <c r="OB32" s="344">
        <v>0</v>
      </c>
      <c r="OC32" s="344">
        <v>0</v>
      </c>
      <c r="OD32" s="344">
        <v>0</v>
      </c>
      <c r="OE32" s="344">
        <v>0</v>
      </c>
      <c r="OF32" s="344">
        <v>0</v>
      </c>
      <c r="OG32" s="348">
        <v>0</v>
      </c>
      <c r="OH32" s="349">
        <v>0</v>
      </c>
      <c r="OI32" s="347">
        <v>271429</v>
      </c>
      <c r="OJ32" s="344">
        <v>198848</v>
      </c>
      <c r="OK32" s="345">
        <v>470277</v>
      </c>
      <c r="OL32" s="350">
        <v>0</v>
      </c>
      <c r="OM32" s="344">
        <v>1719735</v>
      </c>
      <c r="ON32" s="344">
        <v>2029812</v>
      </c>
      <c r="OO32" s="344">
        <v>2072946</v>
      </c>
      <c r="OP32" s="344">
        <v>3340993</v>
      </c>
      <c r="OQ32" s="344">
        <v>1390700</v>
      </c>
      <c r="OR32" s="348">
        <v>10554186</v>
      </c>
      <c r="OS32" s="353">
        <v>11024463</v>
      </c>
    </row>
    <row r="33" spans="2:409" s="70" customFormat="1" ht="21" customHeight="1" x14ac:dyDescent="0.2">
      <c r="B33" s="409" t="s">
        <v>28</v>
      </c>
      <c r="C33" s="325">
        <v>0</v>
      </c>
      <c r="D33" s="326">
        <v>800</v>
      </c>
      <c r="E33" s="327">
        <v>800</v>
      </c>
      <c r="F33" s="328">
        <v>0</v>
      </c>
      <c r="G33" s="326">
        <v>669084</v>
      </c>
      <c r="H33" s="326">
        <v>238172</v>
      </c>
      <c r="I33" s="326">
        <v>350086</v>
      </c>
      <c r="J33" s="326">
        <v>462882</v>
      </c>
      <c r="K33" s="326">
        <v>10032</v>
      </c>
      <c r="L33" s="366">
        <v>1730256</v>
      </c>
      <c r="M33" s="329">
        <v>1731056</v>
      </c>
      <c r="N33" s="325">
        <v>0</v>
      </c>
      <c r="O33" s="326">
        <v>0</v>
      </c>
      <c r="P33" s="327">
        <v>0</v>
      </c>
      <c r="Q33" s="325">
        <v>0</v>
      </c>
      <c r="R33" s="326">
        <v>71518</v>
      </c>
      <c r="S33" s="326">
        <v>13040</v>
      </c>
      <c r="T33" s="326">
        <v>165054</v>
      </c>
      <c r="U33" s="326">
        <v>370520</v>
      </c>
      <c r="V33" s="326">
        <v>10032</v>
      </c>
      <c r="W33" s="327">
        <v>630164</v>
      </c>
      <c r="X33" s="329">
        <v>630164</v>
      </c>
      <c r="Y33" s="325">
        <v>0</v>
      </c>
      <c r="Z33" s="326">
        <v>0</v>
      </c>
      <c r="AA33" s="327">
        <v>0</v>
      </c>
      <c r="AB33" s="325">
        <v>0</v>
      </c>
      <c r="AC33" s="326">
        <v>0</v>
      </c>
      <c r="AD33" s="326">
        <v>0</v>
      </c>
      <c r="AE33" s="326">
        <v>96608</v>
      </c>
      <c r="AF33" s="326">
        <v>370520</v>
      </c>
      <c r="AG33" s="326">
        <v>0</v>
      </c>
      <c r="AH33" s="327">
        <v>467128</v>
      </c>
      <c r="AI33" s="329">
        <v>467128</v>
      </c>
      <c r="AJ33" s="325">
        <v>0</v>
      </c>
      <c r="AK33" s="326">
        <v>0</v>
      </c>
      <c r="AL33" s="327">
        <v>0</v>
      </c>
      <c r="AM33" s="325">
        <v>0</v>
      </c>
      <c r="AN33" s="326">
        <v>0</v>
      </c>
      <c r="AO33" s="326">
        <v>0</v>
      </c>
      <c r="AP33" s="326">
        <v>0</v>
      </c>
      <c r="AQ33" s="326">
        <v>0</v>
      </c>
      <c r="AR33" s="326">
        <v>0</v>
      </c>
      <c r="AS33" s="327">
        <v>0</v>
      </c>
      <c r="AT33" s="329">
        <v>0</v>
      </c>
      <c r="AU33" s="325">
        <v>0</v>
      </c>
      <c r="AV33" s="326">
        <v>0</v>
      </c>
      <c r="AW33" s="327">
        <v>0</v>
      </c>
      <c r="AX33" s="325">
        <v>0</v>
      </c>
      <c r="AY33" s="326">
        <v>33118</v>
      </c>
      <c r="AZ33" s="326">
        <v>0</v>
      </c>
      <c r="BA33" s="326">
        <v>63678</v>
      </c>
      <c r="BB33" s="326">
        <v>0</v>
      </c>
      <c r="BC33" s="326">
        <v>0</v>
      </c>
      <c r="BD33" s="327">
        <v>96796</v>
      </c>
      <c r="BE33" s="329">
        <v>96796</v>
      </c>
      <c r="BF33" s="325">
        <v>0</v>
      </c>
      <c r="BG33" s="326">
        <v>0</v>
      </c>
      <c r="BH33" s="330">
        <v>0</v>
      </c>
      <c r="BI33" s="331">
        <v>0</v>
      </c>
      <c r="BJ33" s="326">
        <v>0</v>
      </c>
      <c r="BK33" s="326">
        <v>0</v>
      </c>
      <c r="BL33" s="326">
        <v>0</v>
      </c>
      <c r="BM33" s="326">
        <v>0</v>
      </c>
      <c r="BN33" s="326">
        <v>0</v>
      </c>
      <c r="BO33" s="327">
        <v>0</v>
      </c>
      <c r="BP33" s="329">
        <v>0</v>
      </c>
      <c r="BQ33" s="325">
        <v>0</v>
      </c>
      <c r="BR33" s="326">
        <v>0</v>
      </c>
      <c r="BS33" s="327">
        <v>0</v>
      </c>
      <c r="BT33" s="325">
        <v>0</v>
      </c>
      <c r="BU33" s="326">
        <v>38400</v>
      </c>
      <c r="BV33" s="326">
        <v>13040</v>
      </c>
      <c r="BW33" s="326">
        <v>4768</v>
      </c>
      <c r="BX33" s="326">
        <v>0</v>
      </c>
      <c r="BY33" s="326">
        <v>10032</v>
      </c>
      <c r="BZ33" s="327">
        <v>66240</v>
      </c>
      <c r="CA33" s="329">
        <v>66240</v>
      </c>
      <c r="CB33" s="325">
        <v>0</v>
      </c>
      <c r="CC33" s="326">
        <v>0</v>
      </c>
      <c r="CD33" s="327">
        <v>0</v>
      </c>
      <c r="CE33" s="325">
        <v>0</v>
      </c>
      <c r="CF33" s="326">
        <v>105077</v>
      </c>
      <c r="CG33" s="326">
        <v>180444</v>
      </c>
      <c r="CH33" s="326">
        <v>83168</v>
      </c>
      <c r="CI33" s="326">
        <v>29354</v>
      </c>
      <c r="CJ33" s="326">
        <v>0</v>
      </c>
      <c r="CK33" s="327">
        <v>398043</v>
      </c>
      <c r="CL33" s="329">
        <v>398043</v>
      </c>
      <c r="CM33" s="325">
        <v>0</v>
      </c>
      <c r="CN33" s="326">
        <v>0</v>
      </c>
      <c r="CO33" s="327">
        <v>0</v>
      </c>
      <c r="CP33" s="331">
        <v>0</v>
      </c>
      <c r="CQ33" s="326">
        <v>0</v>
      </c>
      <c r="CR33" s="326">
        <v>180444</v>
      </c>
      <c r="CS33" s="326">
        <v>0</v>
      </c>
      <c r="CT33" s="326">
        <v>29354</v>
      </c>
      <c r="CU33" s="326">
        <v>0</v>
      </c>
      <c r="CV33" s="327">
        <v>209798</v>
      </c>
      <c r="CW33" s="329">
        <v>209798</v>
      </c>
      <c r="CX33" s="325">
        <v>0</v>
      </c>
      <c r="CY33" s="326">
        <v>0</v>
      </c>
      <c r="CZ33" s="327">
        <v>0</v>
      </c>
      <c r="DA33" s="325">
        <v>0</v>
      </c>
      <c r="DB33" s="326">
        <v>105077</v>
      </c>
      <c r="DC33" s="326">
        <v>0</v>
      </c>
      <c r="DD33" s="326">
        <v>83168</v>
      </c>
      <c r="DE33" s="326">
        <v>0</v>
      </c>
      <c r="DF33" s="326">
        <v>0</v>
      </c>
      <c r="DG33" s="327">
        <v>188245</v>
      </c>
      <c r="DH33" s="329">
        <v>188245</v>
      </c>
      <c r="DI33" s="325">
        <v>0</v>
      </c>
      <c r="DJ33" s="326">
        <v>0</v>
      </c>
      <c r="DK33" s="330">
        <v>0</v>
      </c>
      <c r="DL33" s="331">
        <v>0</v>
      </c>
      <c r="DM33" s="326">
        <v>0</v>
      </c>
      <c r="DN33" s="326">
        <v>0</v>
      </c>
      <c r="DO33" s="326">
        <v>95864</v>
      </c>
      <c r="DP33" s="326">
        <v>0</v>
      </c>
      <c r="DQ33" s="326">
        <v>0</v>
      </c>
      <c r="DR33" s="327">
        <v>95864</v>
      </c>
      <c r="DS33" s="329">
        <v>95864</v>
      </c>
      <c r="DT33" s="325">
        <v>0</v>
      </c>
      <c r="DU33" s="326">
        <v>0</v>
      </c>
      <c r="DV33" s="327">
        <v>0</v>
      </c>
      <c r="DW33" s="325">
        <v>0</v>
      </c>
      <c r="DX33" s="326">
        <v>0</v>
      </c>
      <c r="DY33" s="326">
        <v>0</v>
      </c>
      <c r="DZ33" s="326">
        <v>0</v>
      </c>
      <c r="EA33" s="326">
        <v>0</v>
      </c>
      <c r="EB33" s="326">
        <v>0</v>
      </c>
      <c r="EC33" s="327">
        <v>0</v>
      </c>
      <c r="ED33" s="329">
        <v>0</v>
      </c>
      <c r="EE33" s="325">
        <v>0</v>
      </c>
      <c r="EF33" s="330">
        <v>0</v>
      </c>
      <c r="EG33" s="327">
        <v>0</v>
      </c>
      <c r="EH33" s="325">
        <v>0</v>
      </c>
      <c r="EI33" s="326">
        <v>0</v>
      </c>
      <c r="EJ33" s="326">
        <v>0</v>
      </c>
      <c r="EK33" s="326">
        <v>95864</v>
      </c>
      <c r="EL33" s="326">
        <v>0</v>
      </c>
      <c r="EM33" s="326">
        <v>0</v>
      </c>
      <c r="EN33" s="330">
        <v>95864</v>
      </c>
      <c r="EO33" s="329">
        <v>95864</v>
      </c>
      <c r="EP33" s="325">
        <v>0</v>
      </c>
      <c r="EQ33" s="326">
        <v>0</v>
      </c>
      <c r="ER33" s="330">
        <v>0</v>
      </c>
      <c r="ES33" s="331">
        <v>0</v>
      </c>
      <c r="ET33" s="326">
        <v>0</v>
      </c>
      <c r="EU33" s="326">
        <v>0</v>
      </c>
      <c r="EV33" s="326">
        <v>0</v>
      </c>
      <c r="EW33" s="326">
        <v>0</v>
      </c>
      <c r="EX33" s="326">
        <v>0</v>
      </c>
      <c r="EY33" s="327">
        <v>0</v>
      </c>
      <c r="EZ33" s="329">
        <v>0</v>
      </c>
      <c r="FA33" s="325">
        <v>0</v>
      </c>
      <c r="FB33" s="326">
        <v>0</v>
      </c>
      <c r="FC33" s="330">
        <v>0</v>
      </c>
      <c r="FD33" s="331">
        <v>0</v>
      </c>
      <c r="FE33" s="326">
        <v>0</v>
      </c>
      <c r="FF33" s="326">
        <v>0</v>
      </c>
      <c r="FG33" s="326">
        <v>0</v>
      </c>
      <c r="FH33" s="326">
        <v>0</v>
      </c>
      <c r="FI33" s="326">
        <v>0</v>
      </c>
      <c r="FJ33" s="327">
        <v>0</v>
      </c>
      <c r="FK33" s="329">
        <v>0</v>
      </c>
      <c r="FL33" s="325">
        <v>0</v>
      </c>
      <c r="FM33" s="326">
        <v>800</v>
      </c>
      <c r="FN33" s="327">
        <v>800</v>
      </c>
      <c r="FO33" s="325">
        <v>0</v>
      </c>
      <c r="FP33" s="326">
        <v>20000</v>
      </c>
      <c r="FQ33" s="326">
        <v>44688</v>
      </c>
      <c r="FR33" s="326">
        <v>6000</v>
      </c>
      <c r="FS33" s="326">
        <v>63008</v>
      </c>
      <c r="FT33" s="326">
        <v>0</v>
      </c>
      <c r="FU33" s="327">
        <v>133696</v>
      </c>
      <c r="FV33" s="329">
        <v>134496</v>
      </c>
      <c r="FW33" s="332">
        <v>0</v>
      </c>
      <c r="FX33" s="326">
        <v>800</v>
      </c>
      <c r="FY33" s="330">
        <v>800</v>
      </c>
      <c r="FZ33" s="331">
        <v>0</v>
      </c>
      <c r="GA33" s="326">
        <v>20000</v>
      </c>
      <c r="GB33" s="326">
        <v>44688</v>
      </c>
      <c r="GC33" s="326">
        <v>6000</v>
      </c>
      <c r="GD33" s="326">
        <v>63008</v>
      </c>
      <c r="GE33" s="326">
        <v>0</v>
      </c>
      <c r="GF33" s="327">
        <v>133696</v>
      </c>
      <c r="GG33" s="333">
        <v>134496</v>
      </c>
      <c r="GH33" s="332">
        <v>0</v>
      </c>
      <c r="GI33" s="326">
        <v>0</v>
      </c>
      <c r="GJ33" s="330">
        <v>0</v>
      </c>
      <c r="GK33" s="331">
        <v>0</v>
      </c>
      <c r="GL33" s="326">
        <v>0</v>
      </c>
      <c r="GM33" s="326">
        <v>0</v>
      </c>
      <c r="GN33" s="326">
        <v>0</v>
      </c>
      <c r="GO33" s="326">
        <v>0</v>
      </c>
      <c r="GP33" s="326">
        <v>0</v>
      </c>
      <c r="GQ33" s="327">
        <v>0</v>
      </c>
      <c r="GR33" s="329">
        <v>0</v>
      </c>
      <c r="GS33" s="325">
        <v>0</v>
      </c>
      <c r="GT33" s="326">
        <v>0</v>
      </c>
      <c r="GU33" s="327">
        <v>0</v>
      </c>
      <c r="GV33" s="325">
        <v>0</v>
      </c>
      <c r="GW33" s="326">
        <v>0</v>
      </c>
      <c r="GX33" s="326">
        <v>0</v>
      </c>
      <c r="GY33" s="326">
        <v>0</v>
      </c>
      <c r="GZ33" s="326">
        <v>0</v>
      </c>
      <c r="HA33" s="326">
        <v>0</v>
      </c>
      <c r="HB33" s="330">
        <v>0</v>
      </c>
      <c r="HC33" s="329">
        <v>0</v>
      </c>
      <c r="HD33" s="325">
        <v>0</v>
      </c>
      <c r="HE33" s="326">
        <v>0</v>
      </c>
      <c r="HF33" s="330">
        <v>0</v>
      </c>
      <c r="HG33" s="331">
        <v>0</v>
      </c>
      <c r="HH33" s="326">
        <v>472489</v>
      </c>
      <c r="HI33" s="326">
        <v>0</v>
      </c>
      <c r="HJ33" s="326">
        <v>0</v>
      </c>
      <c r="HK33" s="326">
        <v>0</v>
      </c>
      <c r="HL33" s="326">
        <v>0</v>
      </c>
      <c r="HM33" s="327">
        <v>472489</v>
      </c>
      <c r="HN33" s="328">
        <v>472489</v>
      </c>
      <c r="HO33" s="332">
        <v>0</v>
      </c>
      <c r="HP33" s="326">
        <v>0</v>
      </c>
      <c r="HQ33" s="327">
        <v>0</v>
      </c>
      <c r="HR33" s="325">
        <v>0</v>
      </c>
      <c r="HS33" s="326">
        <v>0</v>
      </c>
      <c r="HT33" s="326">
        <v>0</v>
      </c>
      <c r="HU33" s="326">
        <v>0</v>
      </c>
      <c r="HV33" s="326">
        <v>0</v>
      </c>
      <c r="HW33" s="326">
        <v>0</v>
      </c>
      <c r="HX33" s="330">
        <v>0</v>
      </c>
      <c r="HY33" s="329">
        <v>0</v>
      </c>
      <c r="HZ33" s="334">
        <v>0</v>
      </c>
      <c r="IA33" s="335">
        <v>0</v>
      </c>
      <c r="IB33" s="336">
        <v>0</v>
      </c>
      <c r="IC33" s="337">
        <v>0</v>
      </c>
      <c r="ID33" s="335">
        <v>121840</v>
      </c>
      <c r="IE33" s="338">
        <v>0</v>
      </c>
      <c r="IF33" s="336">
        <v>0</v>
      </c>
      <c r="IG33" s="335">
        <v>0</v>
      </c>
      <c r="IH33" s="336">
        <v>261472</v>
      </c>
      <c r="II33" s="339">
        <v>383312</v>
      </c>
      <c r="IJ33" s="340">
        <v>383312</v>
      </c>
      <c r="IK33" s="341">
        <v>0</v>
      </c>
      <c r="IL33" s="342">
        <v>0</v>
      </c>
      <c r="IM33" s="343">
        <v>0</v>
      </c>
      <c r="IN33" s="403">
        <v>0</v>
      </c>
      <c r="IO33" s="344">
        <v>0</v>
      </c>
      <c r="IP33" s="344">
        <v>0</v>
      </c>
      <c r="IQ33" s="344">
        <v>0</v>
      </c>
      <c r="IR33" s="344">
        <v>0</v>
      </c>
      <c r="IS33" s="344">
        <v>0</v>
      </c>
      <c r="IT33" s="345">
        <v>0</v>
      </c>
      <c r="IU33" s="346">
        <v>0</v>
      </c>
      <c r="IV33" s="347">
        <v>0</v>
      </c>
      <c r="IW33" s="344">
        <v>0</v>
      </c>
      <c r="IX33" s="348">
        <v>0</v>
      </c>
      <c r="IY33" s="403">
        <v>0</v>
      </c>
      <c r="IZ33" s="344">
        <v>0</v>
      </c>
      <c r="JA33" s="344">
        <v>0</v>
      </c>
      <c r="JB33" s="344">
        <v>0</v>
      </c>
      <c r="JC33" s="344">
        <v>0</v>
      </c>
      <c r="JD33" s="344">
        <v>0</v>
      </c>
      <c r="JE33" s="348">
        <v>0</v>
      </c>
      <c r="JF33" s="349">
        <v>0</v>
      </c>
      <c r="JG33" s="347">
        <v>0</v>
      </c>
      <c r="JH33" s="344">
        <v>0</v>
      </c>
      <c r="JI33" s="345">
        <v>0</v>
      </c>
      <c r="JJ33" s="350">
        <v>0</v>
      </c>
      <c r="JK33" s="344">
        <v>121840</v>
      </c>
      <c r="JL33" s="344">
        <v>0</v>
      </c>
      <c r="JM33" s="344">
        <v>0</v>
      </c>
      <c r="JN33" s="344">
        <v>0</v>
      </c>
      <c r="JO33" s="344">
        <v>0</v>
      </c>
      <c r="JP33" s="348">
        <v>121840</v>
      </c>
      <c r="JQ33" s="346">
        <v>121840</v>
      </c>
      <c r="JR33" s="347">
        <v>0</v>
      </c>
      <c r="JS33" s="344">
        <v>0</v>
      </c>
      <c r="JT33" s="345">
        <v>0</v>
      </c>
      <c r="JU33" s="350">
        <v>0</v>
      </c>
      <c r="JV33" s="344">
        <v>0</v>
      </c>
      <c r="JW33" s="344">
        <v>0</v>
      </c>
      <c r="JX33" s="344">
        <v>0</v>
      </c>
      <c r="JY33" s="344">
        <v>0</v>
      </c>
      <c r="JZ33" s="344">
        <v>0</v>
      </c>
      <c r="KA33" s="348">
        <v>0</v>
      </c>
      <c r="KB33" s="346">
        <v>0</v>
      </c>
      <c r="KC33" s="351">
        <v>0</v>
      </c>
      <c r="KD33" s="352">
        <v>0</v>
      </c>
      <c r="KE33" s="348">
        <v>0</v>
      </c>
      <c r="KF33" s="350">
        <v>0</v>
      </c>
      <c r="KG33" s="344">
        <v>0</v>
      </c>
      <c r="KH33" s="344">
        <v>0</v>
      </c>
      <c r="KI33" s="344">
        <v>0</v>
      </c>
      <c r="KJ33" s="344">
        <v>0</v>
      </c>
      <c r="KK33" s="344">
        <v>0</v>
      </c>
      <c r="KL33" s="348">
        <v>0</v>
      </c>
      <c r="KM33" s="353">
        <v>0</v>
      </c>
      <c r="KN33" s="341">
        <v>0</v>
      </c>
      <c r="KO33" s="342">
        <v>0</v>
      </c>
      <c r="KP33" s="343">
        <v>0</v>
      </c>
      <c r="KQ33" s="403">
        <v>0</v>
      </c>
      <c r="KR33" s="344">
        <v>0</v>
      </c>
      <c r="KS33" s="344">
        <v>0</v>
      </c>
      <c r="KT33" s="344">
        <v>0</v>
      </c>
      <c r="KU33" s="344">
        <v>0</v>
      </c>
      <c r="KV33" s="344">
        <v>261472</v>
      </c>
      <c r="KW33" s="348">
        <v>261472</v>
      </c>
      <c r="KX33" s="346">
        <v>261472</v>
      </c>
      <c r="KY33" s="347">
        <v>0</v>
      </c>
      <c r="KZ33" s="344">
        <v>0</v>
      </c>
      <c r="LA33" s="348">
        <v>0</v>
      </c>
      <c r="LB33" s="403">
        <v>0</v>
      </c>
      <c r="LC33" s="344">
        <v>0</v>
      </c>
      <c r="LD33" s="344">
        <v>0</v>
      </c>
      <c r="LE33" s="344">
        <v>0</v>
      </c>
      <c r="LF33" s="344">
        <v>0</v>
      </c>
      <c r="LG33" s="344">
        <v>0</v>
      </c>
      <c r="LH33" s="348">
        <v>0</v>
      </c>
      <c r="LI33" s="349">
        <v>0</v>
      </c>
      <c r="LJ33" s="347">
        <v>0</v>
      </c>
      <c r="LK33" s="344">
        <v>0</v>
      </c>
      <c r="LL33" s="348">
        <v>0</v>
      </c>
      <c r="LM33" s="403">
        <v>0</v>
      </c>
      <c r="LN33" s="344">
        <v>0</v>
      </c>
      <c r="LO33" s="344">
        <v>0</v>
      </c>
      <c r="LP33" s="344">
        <v>0</v>
      </c>
      <c r="LQ33" s="344">
        <v>0</v>
      </c>
      <c r="LR33" s="344">
        <v>0</v>
      </c>
      <c r="LS33" s="348">
        <v>0</v>
      </c>
      <c r="LT33" s="346">
        <v>0</v>
      </c>
      <c r="LU33" s="347">
        <v>0</v>
      </c>
      <c r="LV33" s="344">
        <v>0</v>
      </c>
      <c r="LW33" s="348">
        <v>0</v>
      </c>
      <c r="LX33" s="403">
        <v>0</v>
      </c>
      <c r="LY33" s="344">
        <v>0</v>
      </c>
      <c r="LZ33" s="344">
        <v>0</v>
      </c>
      <c r="MA33" s="344">
        <v>0</v>
      </c>
      <c r="MB33" s="344">
        <v>0</v>
      </c>
      <c r="MC33" s="344">
        <v>0</v>
      </c>
      <c r="MD33" s="348">
        <v>0</v>
      </c>
      <c r="ME33" s="349">
        <v>0</v>
      </c>
      <c r="MF33" s="347">
        <v>0</v>
      </c>
      <c r="MG33" s="344">
        <v>0</v>
      </c>
      <c r="MH33" s="348">
        <v>0</v>
      </c>
      <c r="MI33" s="403">
        <v>0</v>
      </c>
      <c r="MJ33" s="344">
        <v>0</v>
      </c>
      <c r="MK33" s="344">
        <v>0</v>
      </c>
      <c r="ML33" s="344">
        <v>0</v>
      </c>
      <c r="MM33" s="344">
        <v>230752</v>
      </c>
      <c r="MN33" s="344">
        <v>249400</v>
      </c>
      <c r="MO33" s="348">
        <v>480152</v>
      </c>
      <c r="MP33" s="353">
        <v>480152</v>
      </c>
      <c r="MQ33" s="347">
        <v>0</v>
      </c>
      <c r="MR33" s="344">
        <v>0</v>
      </c>
      <c r="MS33" s="348">
        <v>0</v>
      </c>
      <c r="MT33" s="403">
        <v>0</v>
      </c>
      <c r="MU33" s="344">
        <v>0</v>
      </c>
      <c r="MV33" s="344">
        <v>0</v>
      </c>
      <c r="MW33" s="344">
        <v>0</v>
      </c>
      <c r="MX33" s="344">
        <v>230752</v>
      </c>
      <c r="MY33" s="344">
        <v>249400</v>
      </c>
      <c r="MZ33" s="348">
        <v>480152</v>
      </c>
      <c r="NA33" s="353">
        <v>480152</v>
      </c>
      <c r="NB33" s="347">
        <v>0</v>
      </c>
      <c r="NC33" s="344">
        <v>0</v>
      </c>
      <c r="ND33" s="348">
        <v>0</v>
      </c>
      <c r="NE33" s="403">
        <v>0</v>
      </c>
      <c r="NF33" s="344">
        <v>0</v>
      </c>
      <c r="NG33" s="344">
        <v>0</v>
      </c>
      <c r="NH33" s="344">
        <v>0</v>
      </c>
      <c r="NI33" s="344">
        <v>0</v>
      </c>
      <c r="NJ33" s="344">
        <v>0</v>
      </c>
      <c r="NK33" s="348">
        <v>0</v>
      </c>
      <c r="NL33" s="346">
        <v>0</v>
      </c>
      <c r="NM33" s="347">
        <v>0</v>
      </c>
      <c r="NN33" s="344">
        <v>0</v>
      </c>
      <c r="NO33" s="348">
        <v>0</v>
      </c>
      <c r="NP33" s="403">
        <v>0</v>
      </c>
      <c r="NQ33" s="344">
        <v>0</v>
      </c>
      <c r="NR33" s="344">
        <v>0</v>
      </c>
      <c r="NS33" s="344">
        <v>0</v>
      </c>
      <c r="NT33" s="344">
        <v>0</v>
      </c>
      <c r="NU33" s="344">
        <v>0</v>
      </c>
      <c r="NV33" s="348">
        <v>0</v>
      </c>
      <c r="NW33" s="349">
        <v>0</v>
      </c>
      <c r="NX33" s="347">
        <v>0</v>
      </c>
      <c r="NY33" s="344">
        <v>0</v>
      </c>
      <c r="NZ33" s="348">
        <v>0</v>
      </c>
      <c r="OA33" s="403">
        <v>0</v>
      </c>
      <c r="OB33" s="344">
        <v>0</v>
      </c>
      <c r="OC33" s="344">
        <v>0</v>
      </c>
      <c r="OD33" s="344">
        <v>0</v>
      </c>
      <c r="OE33" s="344">
        <v>0</v>
      </c>
      <c r="OF33" s="344">
        <v>0</v>
      </c>
      <c r="OG33" s="348">
        <v>0</v>
      </c>
      <c r="OH33" s="349">
        <v>0</v>
      </c>
      <c r="OI33" s="347">
        <v>0</v>
      </c>
      <c r="OJ33" s="344">
        <v>800</v>
      </c>
      <c r="OK33" s="345">
        <v>800</v>
      </c>
      <c r="OL33" s="350">
        <v>0</v>
      </c>
      <c r="OM33" s="344">
        <v>790924</v>
      </c>
      <c r="ON33" s="344">
        <v>238172</v>
      </c>
      <c r="OO33" s="344">
        <v>350086</v>
      </c>
      <c r="OP33" s="344">
        <v>693634</v>
      </c>
      <c r="OQ33" s="344">
        <v>520904</v>
      </c>
      <c r="OR33" s="348">
        <v>2593720</v>
      </c>
      <c r="OS33" s="353">
        <v>2594520</v>
      </c>
    </row>
    <row r="34" spans="2:409" s="70" customFormat="1" ht="21" customHeight="1" x14ac:dyDescent="0.2">
      <c r="B34" s="409" t="s">
        <v>29</v>
      </c>
      <c r="C34" s="325">
        <v>78172</v>
      </c>
      <c r="D34" s="326">
        <v>13888</v>
      </c>
      <c r="E34" s="327">
        <v>92060</v>
      </c>
      <c r="F34" s="328">
        <v>0</v>
      </c>
      <c r="G34" s="326">
        <v>328428</v>
      </c>
      <c r="H34" s="326">
        <v>589004</v>
      </c>
      <c r="I34" s="326">
        <v>205992</v>
      </c>
      <c r="J34" s="326">
        <v>0</v>
      </c>
      <c r="K34" s="326">
        <v>388968</v>
      </c>
      <c r="L34" s="366">
        <v>1512392</v>
      </c>
      <c r="M34" s="329">
        <v>1604452</v>
      </c>
      <c r="N34" s="325">
        <v>9600</v>
      </c>
      <c r="O34" s="326">
        <v>13888</v>
      </c>
      <c r="P34" s="327">
        <v>23488</v>
      </c>
      <c r="Q34" s="325">
        <v>0</v>
      </c>
      <c r="R34" s="326">
        <v>15472</v>
      </c>
      <c r="S34" s="326">
        <v>187423</v>
      </c>
      <c r="T34" s="326">
        <v>99592</v>
      </c>
      <c r="U34" s="326">
        <v>0</v>
      </c>
      <c r="V34" s="326">
        <v>312376</v>
      </c>
      <c r="W34" s="327">
        <v>614863</v>
      </c>
      <c r="X34" s="329">
        <v>638351</v>
      </c>
      <c r="Y34" s="325">
        <v>0</v>
      </c>
      <c r="Z34" s="326">
        <v>0</v>
      </c>
      <c r="AA34" s="327">
        <v>0</v>
      </c>
      <c r="AB34" s="325">
        <v>0</v>
      </c>
      <c r="AC34" s="326">
        <v>0</v>
      </c>
      <c r="AD34" s="326">
        <v>116791</v>
      </c>
      <c r="AE34" s="326">
        <v>0</v>
      </c>
      <c r="AF34" s="326">
        <v>0</v>
      </c>
      <c r="AG34" s="326">
        <v>229784</v>
      </c>
      <c r="AH34" s="327">
        <v>346575</v>
      </c>
      <c r="AI34" s="329">
        <v>346575</v>
      </c>
      <c r="AJ34" s="325">
        <v>0</v>
      </c>
      <c r="AK34" s="326">
        <v>0</v>
      </c>
      <c r="AL34" s="327">
        <v>0</v>
      </c>
      <c r="AM34" s="325">
        <v>0</v>
      </c>
      <c r="AN34" s="326">
        <v>0</v>
      </c>
      <c r="AO34" s="326">
        <v>0</v>
      </c>
      <c r="AP34" s="326">
        <v>35848</v>
      </c>
      <c r="AQ34" s="326">
        <v>0</v>
      </c>
      <c r="AR34" s="326">
        <v>68224</v>
      </c>
      <c r="AS34" s="327">
        <v>104072</v>
      </c>
      <c r="AT34" s="329">
        <v>104072</v>
      </c>
      <c r="AU34" s="325">
        <v>0</v>
      </c>
      <c r="AV34" s="326">
        <v>13888</v>
      </c>
      <c r="AW34" s="327">
        <v>13888</v>
      </c>
      <c r="AX34" s="325">
        <v>0</v>
      </c>
      <c r="AY34" s="326">
        <v>0</v>
      </c>
      <c r="AZ34" s="326">
        <v>28296</v>
      </c>
      <c r="BA34" s="326">
        <v>54144</v>
      </c>
      <c r="BB34" s="326">
        <v>0</v>
      </c>
      <c r="BC34" s="326">
        <v>0</v>
      </c>
      <c r="BD34" s="327">
        <v>82440</v>
      </c>
      <c r="BE34" s="329">
        <v>96328</v>
      </c>
      <c r="BF34" s="325">
        <v>0</v>
      </c>
      <c r="BG34" s="326">
        <v>0</v>
      </c>
      <c r="BH34" s="330">
        <v>0</v>
      </c>
      <c r="BI34" s="331">
        <v>0</v>
      </c>
      <c r="BJ34" s="326">
        <v>0</v>
      </c>
      <c r="BK34" s="326">
        <v>30592</v>
      </c>
      <c r="BL34" s="326">
        <v>0</v>
      </c>
      <c r="BM34" s="326">
        <v>0</v>
      </c>
      <c r="BN34" s="326">
        <v>0</v>
      </c>
      <c r="BO34" s="327">
        <v>30592</v>
      </c>
      <c r="BP34" s="329">
        <v>30592</v>
      </c>
      <c r="BQ34" s="325">
        <v>9600</v>
      </c>
      <c r="BR34" s="326">
        <v>0</v>
      </c>
      <c r="BS34" s="327">
        <v>9600</v>
      </c>
      <c r="BT34" s="325">
        <v>0</v>
      </c>
      <c r="BU34" s="326">
        <v>15472</v>
      </c>
      <c r="BV34" s="326">
        <v>11744</v>
      </c>
      <c r="BW34" s="326">
        <v>9600</v>
      </c>
      <c r="BX34" s="326">
        <v>0</v>
      </c>
      <c r="BY34" s="326">
        <v>14368</v>
      </c>
      <c r="BZ34" s="327">
        <v>51184</v>
      </c>
      <c r="CA34" s="329">
        <v>60784</v>
      </c>
      <c r="CB34" s="325">
        <v>0</v>
      </c>
      <c r="CC34" s="326">
        <v>0</v>
      </c>
      <c r="CD34" s="327">
        <v>0</v>
      </c>
      <c r="CE34" s="325">
        <v>0</v>
      </c>
      <c r="CF34" s="326">
        <v>0</v>
      </c>
      <c r="CG34" s="326">
        <v>172968</v>
      </c>
      <c r="CH34" s="326">
        <v>76056</v>
      </c>
      <c r="CI34" s="326">
        <v>0</v>
      </c>
      <c r="CJ34" s="326">
        <v>0</v>
      </c>
      <c r="CK34" s="327">
        <v>249024</v>
      </c>
      <c r="CL34" s="329">
        <v>249024</v>
      </c>
      <c r="CM34" s="325">
        <v>0</v>
      </c>
      <c r="CN34" s="326">
        <v>0</v>
      </c>
      <c r="CO34" s="327">
        <v>0</v>
      </c>
      <c r="CP34" s="331">
        <v>0</v>
      </c>
      <c r="CQ34" s="326">
        <v>0</v>
      </c>
      <c r="CR34" s="326">
        <v>172968</v>
      </c>
      <c r="CS34" s="326">
        <v>76056</v>
      </c>
      <c r="CT34" s="326">
        <v>0</v>
      </c>
      <c r="CU34" s="326">
        <v>0</v>
      </c>
      <c r="CV34" s="327">
        <v>249024</v>
      </c>
      <c r="CW34" s="329">
        <v>249024</v>
      </c>
      <c r="CX34" s="325">
        <v>0</v>
      </c>
      <c r="CY34" s="326">
        <v>0</v>
      </c>
      <c r="CZ34" s="327">
        <v>0</v>
      </c>
      <c r="DA34" s="325">
        <v>0</v>
      </c>
      <c r="DB34" s="326">
        <v>0</v>
      </c>
      <c r="DC34" s="326">
        <v>0</v>
      </c>
      <c r="DD34" s="326">
        <v>0</v>
      </c>
      <c r="DE34" s="326">
        <v>0</v>
      </c>
      <c r="DF34" s="326">
        <v>0</v>
      </c>
      <c r="DG34" s="327">
        <v>0</v>
      </c>
      <c r="DH34" s="329">
        <v>0</v>
      </c>
      <c r="DI34" s="325">
        <v>0</v>
      </c>
      <c r="DJ34" s="326">
        <v>0</v>
      </c>
      <c r="DK34" s="330">
        <v>0</v>
      </c>
      <c r="DL34" s="331">
        <v>0</v>
      </c>
      <c r="DM34" s="326">
        <v>0</v>
      </c>
      <c r="DN34" s="326">
        <v>0</v>
      </c>
      <c r="DO34" s="326">
        <v>0</v>
      </c>
      <c r="DP34" s="326">
        <v>0</v>
      </c>
      <c r="DQ34" s="326">
        <v>0</v>
      </c>
      <c r="DR34" s="327">
        <v>0</v>
      </c>
      <c r="DS34" s="329">
        <v>0</v>
      </c>
      <c r="DT34" s="325">
        <v>0</v>
      </c>
      <c r="DU34" s="326">
        <v>0</v>
      </c>
      <c r="DV34" s="327">
        <v>0</v>
      </c>
      <c r="DW34" s="325">
        <v>0</v>
      </c>
      <c r="DX34" s="326">
        <v>0</v>
      </c>
      <c r="DY34" s="326">
        <v>0</v>
      </c>
      <c r="DZ34" s="326">
        <v>0</v>
      </c>
      <c r="EA34" s="326">
        <v>0</v>
      </c>
      <c r="EB34" s="326">
        <v>0</v>
      </c>
      <c r="EC34" s="327">
        <v>0</v>
      </c>
      <c r="ED34" s="329">
        <v>0</v>
      </c>
      <c r="EE34" s="325">
        <v>0</v>
      </c>
      <c r="EF34" s="330">
        <v>0</v>
      </c>
      <c r="EG34" s="327">
        <v>0</v>
      </c>
      <c r="EH34" s="325">
        <v>0</v>
      </c>
      <c r="EI34" s="326">
        <v>0</v>
      </c>
      <c r="EJ34" s="326">
        <v>0</v>
      </c>
      <c r="EK34" s="326">
        <v>0</v>
      </c>
      <c r="EL34" s="326">
        <v>0</v>
      </c>
      <c r="EM34" s="326">
        <v>0</v>
      </c>
      <c r="EN34" s="330">
        <v>0</v>
      </c>
      <c r="EO34" s="329">
        <v>0</v>
      </c>
      <c r="EP34" s="325">
        <v>0</v>
      </c>
      <c r="EQ34" s="326">
        <v>0</v>
      </c>
      <c r="ER34" s="330">
        <v>0</v>
      </c>
      <c r="ES34" s="331">
        <v>0</v>
      </c>
      <c r="ET34" s="326">
        <v>0</v>
      </c>
      <c r="EU34" s="326">
        <v>0</v>
      </c>
      <c r="EV34" s="326">
        <v>0</v>
      </c>
      <c r="EW34" s="326">
        <v>0</v>
      </c>
      <c r="EX34" s="326">
        <v>0</v>
      </c>
      <c r="EY34" s="327">
        <v>0</v>
      </c>
      <c r="EZ34" s="329">
        <v>0</v>
      </c>
      <c r="FA34" s="325">
        <v>0</v>
      </c>
      <c r="FB34" s="326">
        <v>0</v>
      </c>
      <c r="FC34" s="330">
        <v>0</v>
      </c>
      <c r="FD34" s="331">
        <v>0</v>
      </c>
      <c r="FE34" s="326">
        <v>0</v>
      </c>
      <c r="FF34" s="326">
        <v>0</v>
      </c>
      <c r="FG34" s="326">
        <v>0</v>
      </c>
      <c r="FH34" s="326">
        <v>0</v>
      </c>
      <c r="FI34" s="326">
        <v>0</v>
      </c>
      <c r="FJ34" s="327">
        <v>0</v>
      </c>
      <c r="FK34" s="329">
        <v>0</v>
      </c>
      <c r="FL34" s="325">
        <v>16080</v>
      </c>
      <c r="FM34" s="326">
        <v>0</v>
      </c>
      <c r="FN34" s="327">
        <v>16080</v>
      </c>
      <c r="FO34" s="325">
        <v>0</v>
      </c>
      <c r="FP34" s="326">
        <v>0</v>
      </c>
      <c r="FQ34" s="326">
        <v>51584</v>
      </c>
      <c r="FR34" s="326">
        <v>30344</v>
      </c>
      <c r="FS34" s="326">
        <v>0</v>
      </c>
      <c r="FT34" s="326">
        <v>76592</v>
      </c>
      <c r="FU34" s="327">
        <v>158520</v>
      </c>
      <c r="FV34" s="329">
        <v>174600</v>
      </c>
      <c r="FW34" s="332">
        <v>16080</v>
      </c>
      <c r="FX34" s="326">
        <v>0</v>
      </c>
      <c r="FY34" s="330">
        <v>16080</v>
      </c>
      <c r="FZ34" s="331">
        <v>0</v>
      </c>
      <c r="GA34" s="326">
        <v>0</v>
      </c>
      <c r="GB34" s="326">
        <v>51584</v>
      </c>
      <c r="GC34" s="326">
        <v>30344</v>
      </c>
      <c r="GD34" s="326">
        <v>0</v>
      </c>
      <c r="GE34" s="326">
        <v>76592</v>
      </c>
      <c r="GF34" s="327">
        <v>158520</v>
      </c>
      <c r="GG34" s="333">
        <v>174600</v>
      </c>
      <c r="GH34" s="332">
        <v>0</v>
      </c>
      <c r="GI34" s="326">
        <v>0</v>
      </c>
      <c r="GJ34" s="330">
        <v>0</v>
      </c>
      <c r="GK34" s="331">
        <v>0</v>
      </c>
      <c r="GL34" s="326">
        <v>0</v>
      </c>
      <c r="GM34" s="326">
        <v>0</v>
      </c>
      <c r="GN34" s="326">
        <v>0</v>
      </c>
      <c r="GO34" s="326">
        <v>0</v>
      </c>
      <c r="GP34" s="326">
        <v>0</v>
      </c>
      <c r="GQ34" s="327">
        <v>0</v>
      </c>
      <c r="GR34" s="329">
        <v>0</v>
      </c>
      <c r="GS34" s="325">
        <v>0</v>
      </c>
      <c r="GT34" s="326">
        <v>0</v>
      </c>
      <c r="GU34" s="327">
        <v>0</v>
      </c>
      <c r="GV34" s="325">
        <v>0</v>
      </c>
      <c r="GW34" s="326">
        <v>0</v>
      </c>
      <c r="GX34" s="326">
        <v>0</v>
      </c>
      <c r="GY34" s="326">
        <v>0</v>
      </c>
      <c r="GZ34" s="326">
        <v>0</v>
      </c>
      <c r="HA34" s="326">
        <v>0</v>
      </c>
      <c r="HB34" s="330">
        <v>0</v>
      </c>
      <c r="HC34" s="329">
        <v>0</v>
      </c>
      <c r="HD34" s="325">
        <v>52492</v>
      </c>
      <c r="HE34" s="326">
        <v>0</v>
      </c>
      <c r="HF34" s="330">
        <v>52492</v>
      </c>
      <c r="HG34" s="331">
        <v>0</v>
      </c>
      <c r="HH34" s="326">
        <v>312956</v>
      </c>
      <c r="HI34" s="326">
        <v>177029</v>
      </c>
      <c r="HJ34" s="326">
        <v>0</v>
      </c>
      <c r="HK34" s="326">
        <v>0</v>
      </c>
      <c r="HL34" s="326">
        <v>0</v>
      </c>
      <c r="HM34" s="327">
        <v>489985</v>
      </c>
      <c r="HN34" s="328">
        <v>542477</v>
      </c>
      <c r="HO34" s="332">
        <v>0</v>
      </c>
      <c r="HP34" s="326">
        <v>0</v>
      </c>
      <c r="HQ34" s="327">
        <v>0</v>
      </c>
      <c r="HR34" s="325">
        <v>0</v>
      </c>
      <c r="HS34" s="326">
        <v>0</v>
      </c>
      <c r="HT34" s="326">
        <v>0</v>
      </c>
      <c r="HU34" s="326">
        <v>0</v>
      </c>
      <c r="HV34" s="326">
        <v>0</v>
      </c>
      <c r="HW34" s="326">
        <v>0</v>
      </c>
      <c r="HX34" s="330">
        <v>0</v>
      </c>
      <c r="HY34" s="329">
        <v>0</v>
      </c>
      <c r="HZ34" s="357">
        <v>0</v>
      </c>
      <c r="IA34" s="355">
        <v>0</v>
      </c>
      <c r="IB34" s="357">
        <v>0</v>
      </c>
      <c r="IC34" s="354">
        <v>0</v>
      </c>
      <c r="ID34" s="355">
        <v>0</v>
      </c>
      <c r="IE34" s="356">
        <v>118896</v>
      </c>
      <c r="IF34" s="357">
        <v>672504</v>
      </c>
      <c r="IG34" s="355">
        <v>181016</v>
      </c>
      <c r="IH34" s="357">
        <v>0</v>
      </c>
      <c r="II34" s="358">
        <v>972416</v>
      </c>
      <c r="IJ34" s="357">
        <v>972416</v>
      </c>
      <c r="IK34" s="341">
        <v>0</v>
      </c>
      <c r="IL34" s="342">
        <v>0</v>
      </c>
      <c r="IM34" s="343">
        <v>0</v>
      </c>
      <c r="IN34" s="403">
        <v>0</v>
      </c>
      <c r="IO34" s="344">
        <v>0</v>
      </c>
      <c r="IP34" s="344">
        <v>0</v>
      </c>
      <c r="IQ34" s="344">
        <v>143072</v>
      </c>
      <c r="IR34" s="344">
        <v>0</v>
      </c>
      <c r="IS34" s="344">
        <v>0</v>
      </c>
      <c r="IT34" s="345">
        <v>143072</v>
      </c>
      <c r="IU34" s="346">
        <v>143072</v>
      </c>
      <c r="IV34" s="347">
        <v>0</v>
      </c>
      <c r="IW34" s="344">
        <v>0</v>
      </c>
      <c r="IX34" s="348">
        <v>0</v>
      </c>
      <c r="IY34" s="403">
        <v>0</v>
      </c>
      <c r="IZ34" s="344">
        <v>0</v>
      </c>
      <c r="JA34" s="344">
        <v>0</v>
      </c>
      <c r="JB34" s="344">
        <v>0</v>
      </c>
      <c r="JC34" s="344">
        <v>0</v>
      </c>
      <c r="JD34" s="344">
        <v>0</v>
      </c>
      <c r="JE34" s="348">
        <v>0</v>
      </c>
      <c r="JF34" s="349">
        <v>0</v>
      </c>
      <c r="JG34" s="347">
        <v>0</v>
      </c>
      <c r="JH34" s="344">
        <v>0</v>
      </c>
      <c r="JI34" s="345">
        <v>0</v>
      </c>
      <c r="JJ34" s="350">
        <v>0</v>
      </c>
      <c r="JK34" s="344">
        <v>0</v>
      </c>
      <c r="JL34" s="344">
        <v>118896</v>
      </c>
      <c r="JM34" s="344">
        <v>49368</v>
      </c>
      <c r="JN34" s="344">
        <v>0</v>
      </c>
      <c r="JO34" s="344">
        <v>0</v>
      </c>
      <c r="JP34" s="348">
        <v>168264</v>
      </c>
      <c r="JQ34" s="346">
        <v>168264</v>
      </c>
      <c r="JR34" s="347">
        <v>0</v>
      </c>
      <c r="JS34" s="344">
        <v>0</v>
      </c>
      <c r="JT34" s="345">
        <v>0</v>
      </c>
      <c r="JU34" s="350">
        <v>0</v>
      </c>
      <c r="JV34" s="344">
        <v>0</v>
      </c>
      <c r="JW34" s="344">
        <v>0</v>
      </c>
      <c r="JX34" s="344">
        <v>0</v>
      </c>
      <c r="JY34" s="344">
        <v>0</v>
      </c>
      <c r="JZ34" s="344">
        <v>0</v>
      </c>
      <c r="KA34" s="348">
        <v>0</v>
      </c>
      <c r="KB34" s="346">
        <v>0</v>
      </c>
      <c r="KC34" s="351">
        <v>0</v>
      </c>
      <c r="KD34" s="352">
        <v>0</v>
      </c>
      <c r="KE34" s="348">
        <v>0</v>
      </c>
      <c r="KF34" s="350">
        <v>0</v>
      </c>
      <c r="KG34" s="344">
        <v>0</v>
      </c>
      <c r="KH34" s="344">
        <v>0</v>
      </c>
      <c r="KI34" s="344">
        <v>0</v>
      </c>
      <c r="KJ34" s="344">
        <v>0</v>
      </c>
      <c r="KK34" s="344">
        <v>0</v>
      </c>
      <c r="KL34" s="348">
        <v>0</v>
      </c>
      <c r="KM34" s="353">
        <v>0</v>
      </c>
      <c r="KN34" s="341">
        <v>0</v>
      </c>
      <c r="KO34" s="342">
        <v>0</v>
      </c>
      <c r="KP34" s="343">
        <v>0</v>
      </c>
      <c r="KQ34" s="403">
        <v>0</v>
      </c>
      <c r="KR34" s="344">
        <v>0</v>
      </c>
      <c r="KS34" s="344">
        <v>0</v>
      </c>
      <c r="KT34" s="344">
        <v>0</v>
      </c>
      <c r="KU34" s="344">
        <v>0</v>
      </c>
      <c r="KV34" s="344">
        <v>0</v>
      </c>
      <c r="KW34" s="348">
        <v>0</v>
      </c>
      <c r="KX34" s="346">
        <v>0</v>
      </c>
      <c r="KY34" s="347">
        <v>0</v>
      </c>
      <c r="KZ34" s="344">
        <v>0</v>
      </c>
      <c r="LA34" s="348">
        <v>0</v>
      </c>
      <c r="LB34" s="403">
        <v>0</v>
      </c>
      <c r="LC34" s="344">
        <v>0</v>
      </c>
      <c r="LD34" s="344">
        <v>0</v>
      </c>
      <c r="LE34" s="344">
        <v>0</v>
      </c>
      <c r="LF34" s="344">
        <v>0</v>
      </c>
      <c r="LG34" s="344">
        <v>0</v>
      </c>
      <c r="LH34" s="348">
        <v>0</v>
      </c>
      <c r="LI34" s="349">
        <v>0</v>
      </c>
      <c r="LJ34" s="347">
        <v>0</v>
      </c>
      <c r="LK34" s="344">
        <v>0</v>
      </c>
      <c r="LL34" s="348">
        <v>0</v>
      </c>
      <c r="LM34" s="403">
        <v>0</v>
      </c>
      <c r="LN34" s="344">
        <v>0</v>
      </c>
      <c r="LO34" s="344">
        <v>0</v>
      </c>
      <c r="LP34" s="344">
        <v>480064</v>
      </c>
      <c r="LQ34" s="344">
        <v>181016</v>
      </c>
      <c r="LR34" s="344">
        <v>0</v>
      </c>
      <c r="LS34" s="348">
        <v>661080</v>
      </c>
      <c r="LT34" s="346">
        <v>661080</v>
      </c>
      <c r="LU34" s="347">
        <v>0</v>
      </c>
      <c r="LV34" s="344">
        <v>0</v>
      </c>
      <c r="LW34" s="348">
        <v>0</v>
      </c>
      <c r="LX34" s="403">
        <v>0</v>
      </c>
      <c r="LY34" s="344">
        <v>0</v>
      </c>
      <c r="LZ34" s="344">
        <v>0</v>
      </c>
      <c r="MA34" s="344">
        <v>0</v>
      </c>
      <c r="MB34" s="344">
        <v>0</v>
      </c>
      <c r="MC34" s="344">
        <v>0</v>
      </c>
      <c r="MD34" s="348">
        <v>0</v>
      </c>
      <c r="ME34" s="349">
        <v>0</v>
      </c>
      <c r="MF34" s="347">
        <v>0</v>
      </c>
      <c r="MG34" s="344">
        <v>0</v>
      </c>
      <c r="MH34" s="348">
        <v>0</v>
      </c>
      <c r="MI34" s="403">
        <v>0</v>
      </c>
      <c r="MJ34" s="344">
        <v>0</v>
      </c>
      <c r="MK34" s="344">
        <v>0</v>
      </c>
      <c r="ML34" s="344">
        <v>0</v>
      </c>
      <c r="MM34" s="344">
        <v>316200</v>
      </c>
      <c r="MN34" s="344">
        <v>472452</v>
      </c>
      <c r="MO34" s="348">
        <v>788652</v>
      </c>
      <c r="MP34" s="353">
        <v>788652</v>
      </c>
      <c r="MQ34" s="347">
        <v>0</v>
      </c>
      <c r="MR34" s="344">
        <v>0</v>
      </c>
      <c r="MS34" s="348">
        <v>0</v>
      </c>
      <c r="MT34" s="403">
        <v>0</v>
      </c>
      <c r="MU34" s="344">
        <v>0</v>
      </c>
      <c r="MV34" s="344">
        <v>0</v>
      </c>
      <c r="MW34" s="344">
        <v>0</v>
      </c>
      <c r="MX34" s="344">
        <v>0</v>
      </c>
      <c r="MY34" s="344">
        <v>181600</v>
      </c>
      <c r="MZ34" s="348">
        <v>181600</v>
      </c>
      <c r="NA34" s="353">
        <v>181600</v>
      </c>
      <c r="NB34" s="347">
        <v>0</v>
      </c>
      <c r="NC34" s="344">
        <v>0</v>
      </c>
      <c r="ND34" s="348">
        <v>0</v>
      </c>
      <c r="NE34" s="403">
        <v>0</v>
      </c>
      <c r="NF34" s="344">
        <v>0</v>
      </c>
      <c r="NG34" s="344">
        <v>0</v>
      </c>
      <c r="NH34" s="344">
        <v>0</v>
      </c>
      <c r="NI34" s="344">
        <v>316200</v>
      </c>
      <c r="NJ34" s="344">
        <v>290852</v>
      </c>
      <c r="NK34" s="348">
        <v>607052</v>
      </c>
      <c r="NL34" s="346">
        <v>607052</v>
      </c>
      <c r="NM34" s="347">
        <v>0</v>
      </c>
      <c r="NN34" s="344">
        <v>0</v>
      </c>
      <c r="NO34" s="348">
        <v>0</v>
      </c>
      <c r="NP34" s="403">
        <v>0</v>
      </c>
      <c r="NQ34" s="344">
        <v>0</v>
      </c>
      <c r="NR34" s="344">
        <v>0</v>
      </c>
      <c r="NS34" s="344">
        <v>0</v>
      </c>
      <c r="NT34" s="344">
        <v>0</v>
      </c>
      <c r="NU34" s="344">
        <v>0</v>
      </c>
      <c r="NV34" s="348">
        <v>0</v>
      </c>
      <c r="NW34" s="349">
        <v>0</v>
      </c>
      <c r="NX34" s="347">
        <v>0</v>
      </c>
      <c r="NY34" s="344">
        <v>0</v>
      </c>
      <c r="NZ34" s="348">
        <v>0</v>
      </c>
      <c r="OA34" s="403">
        <v>0</v>
      </c>
      <c r="OB34" s="344">
        <v>0</v>
      </c>
      <c r="OC34" s="344">
        <v>0</v>
      </c>
      <c r="OD34" s="344">
        <v>0</v>
      </c>
      <c r="OE34" s="344">
        <v>0</v>
      </c>
      <c r="OF34" s="344">
        <v>0</v>
      </c>
      <c r="OG34" s="348">
        <v>0</v>
      </c>
      <c r="OH34" s="349">
        <v>0</v>
      </c>
      <c r="OI34" s="347">
        <v>78172</v>
      </c>
      <c r="OJ34" s="344">
        <v>13888</v>
      </c>
      <c r="OK34" s="345">
        <v>92060</v>
      </c>
      <c r="OL34" s="350">
        <v>0</v>
      </c>
      <c r="OM34" s="344">
        <v>328428</v>
      </c>
      <c r="ON34" s="344">
        <v>707900</v>
      </c>
      <c r="OO34" s="344">
        <v>878496</v>
      </c>
      <c r="OP34" s="344">
        <v>497216</v>
      </c>
      <c r="OQ34" s="344">
        <v>861420</v>
      </c>
      <c r="OR34" s="348">
        <v>3273460</v>
      </c>
      <c r="OS34" s="353">
        <v>3365520</v>
      </c>
    </row>
    <row r="35" spans="2:409" s="70" customFormat="1" ht="21" customHeight="1" x14ac:dyDescent="0.2">
      <c r="B35" s="409" t="s">
        <v>30</v>
      </c>
      <c r="C35" s="325">
        <v>34224</v>
      </c>
      <c r="D35" s="326">
        <v>57664</v>
      </c>
      <c r="E35" s="367">
        <v>91888</v>
      </c>
      <c r="F35" s="369">
        <v>0</v>
      </c>
      <c r="G35" s="368">
        <v>250046</v>
      </c>
      <c r="H35" s="368">
        <v>394388</v>
      </c>
      <c r="I35" s="368">
        <v>401125</v>
      </c>
      <c r="J35" s="368">
        <v>303688</v>
      </c>
      <c r="K35" s="368">
        <v>0</v>
      </c>
      <c r="L35" s="369">
        <v>1349247</v>
      </c>
      <c r="M35" s="329">
        <v>1441135</v>
      </c>
      <c r="N35" s="325">
        <v>0</v>
      </c>
      <c r="O35" s="326">
        <v>57664</v>
      </c>
      <c r="P35" s="327">
        <v>57664</v>
      </c>
      <c r="Q35" s="325">
        <v>0</v>
      </c>
      <c r="R35" s="326">
        <v>64482</v>
      </c>
      <c r="S35" s="326">
        <v>95760</v>
      </c>
      <c r="T35" s="326">
        <v>54000</v>
      </c>
      <c r="U35" s="326">
        <v>95544</v>
      </c>
      <c r="V35" s="326">
        <v>0</v>
      </c>
      <c r="W35" s="327">
        <v>309786</v>
      </c>
      <c r="X35" s="329">
        <v>367450</v>
      </c>
      <c r="Y35" s="325">
        <v>0</v>
      </c>
      <c r="Z35" s="326">
        <v>0</v>
      </c>
      <c r="AA35" s="327">
        <v>0</v>
      </c>
      <c r="AB35" s="325">
        <v>0</v>
      </c>
      <c r="AC35" s="326">
        <v>23394</v>
      </c>
      <c r="AD35" s="326">
        <v>86160</v>
      </c>
      <c r="AE35" s="326">
        <v>0</v>
      </c>
      <c r="AF35" s="326">
        <v>28872</v>
      </c>
      <c r="AG35" s="326">
        <v>0</v>
      </c>
      <c r="AH35" s="327">
        <v>138426</v>
      </c>
      <c r="AI35" s="329">
        <v>138426</v>
      </c>
      <c r="AJ35" s="325">
        <v>0</v>
      </c>
      <c r="AK35" s="326">
        <v>0</v>
      </c>
      <c r="AL35" s="327">
        <v>0</v>
      </c>
      <c r="AM35" s="325">
        <v>0</v>
      </c>
      <c r="AN35" s="326">
        <v>0</v>
      </c>
      <c r="AO35" s="326">
        <v>0</v>
      </c>
      <c r="AP35" s="326">
        <v>0</v>
      </c>
      <c r="AQ35" s="326">
        <v>0</v>
      </c>
      <c r="AR35" s="326">
        <v>0</v>
      </c>
      <c r="AS35" s="327">
        <v>0</v>
      </c>
      <c r="AT35" s="329">
        <v>0</v>
      </c>
      <c r="AU35" s="325">
        <v>0</v>
      </c>
      <c r="AV35" s="326">
        <v>57664</v>
      </c>
      <c r="AW35" s="327">
        <v>57664</v>
      </c>
      <c r="AX35" s="325">
        <v>0</v>
      </c>
      <c r="AY35" s="326">
        <v>31056</v>
      </c>
      <c r="AZ35" s="326">
        <v>0</v>
      </c>
      <c r="BA35" s="326">
        <v>29816</v>
      </c>
      <c r="BB35" s="326">
        <v>35456</v>
      </c>
      <c r="BC35" s="326">
        <v>0</v>
      </c>
      <c r="BD35" s="327">
        <v>96328</v>
      </c>
      <c r="BE35" s="329">
        <v>153992</v>
      </c>
      <c r="BF35" s="325">
        <v>0</v>
      </c>
      <c r="BG35" s="326">
        <v>0</v>
      </c>
      <c r="BH35" s="330">
        <v>0</v>
      </c>
      <c r="BI35" s="331">
        <v>0</v>
      </c>
      <c r="BJ35" s="326">
        <v>0</v>
      </c>
      <c r="BK35" s="326">
        <v>0</v>
      </c>
      <c r="BL35" s="326">
        <v>0</v>
      </c>
      <c r="BM35" s="326">
        <v>0</v>
      </c>
      <c r="BN35" s="326">
        <v>0</v>
      </c>
      <c r="BO35" s="327">
        <v>0</v>
      </c>
      <c r="BP35" s="329">
        <v>0</v>
      </c>
      <c r="BQ35" s="325">
        <v>0</v>
      </c>
      <c r="BR35" s="326">
        <v>0</v>
      </c>
      <c r="BS35" s="327">
        <v>0</v>
      </c>
      <c r="BT35" s="325">
        <v>0</v>
      </c>
      <c r="BU35" s="326">
        <v>10032</v>
      </c>
      <c r="BV35" s="326">
        <v>9600</v>
      </c>
      <c r="BW35" s="326">
        <v>24184</v>
      </c>
      <c r="BX35" s="326">
        <v>31216</v>
      </c>
      <c r="BY35" s="326">
        <v>0</v>
      </c>
      <c r="BZ35" s="327">
        <v>75032</v>
      </c>
      <c r="CA35" s="329">
        <v>75032</v>
      </c>
      <c r="CB35" s="325">
        <v>18544</v>
      </c>
      <c r="CC35" s="326">
        <v>0</v>
      </c>
      <c r="CD35" s="327">
        <v>18544</v>
      </c>
      <c r="CE35" s="325">
        <v>0</v>
      </c>
      <c r="CF35" s="326">
        <v>0</v>
      </c>
      <c r="CG35" s="326">
        <v>0</v>
      </c>
      <c r="CH35" s="326">
        <v>0</v>
      </c>
      <c r="CI35" s="326">
        <v>94712</v>
      </c>
      <c r="CJ35" s="326">
        <v>0</v>
      </c>
      <c r="CK35" s="327">
        <v>94712</v>
      </c>
      <c r="CL35" s="329">
        <v>113256</v>
      </c>
      <c r="CM35" s="325">
        <v>0</v>
      </c>
      <c r="CN35" s="326">
        <v>0</v>
      </c>
      <c r="CO35" s="327">
        <v>0</v>
      </c>
      <c r="CP35" s="331">
        <v>0</v>
      </c>
      <c r="CQ35" s="326">
        <v>0</v>
      </c>
      <c r="CR35" s="326">
        <v>0</v>
      </c>
      <c r="CS35" s="326">
        <v>0</v>
      </c>
      <c r="CT35" s="326">
        <v>94712</v>
      </c>
      <c r="CU35" s="326">
        <v>0</v>
      </c>
      <c r="CV35" s="327">
        <v>94712</v>
      </c>
      <c r="CW35" s="329">
        <v>94712</v>
      </c>
      <c r="CX35" s="325">
        <v>18544</v>
      </c>
      <c r="CY35" s="326">
        <v>0</v>
      </c>
      <c r="CZ35" s="327">
        <v>18544</v>
      </c>
      <c r="DA35" s="325">
        <v>0</v>
      </c>
      <c r="DB35" s="326">
        <v>0</v>
      </c>
      <c r="DC35" s="326">
        <v>0</v>
      </c>
      <c r="DD35" s="326">
        <v>0</v>
      </c>
      <c r="DE35" s="326">
        <v>0</v>
      </c>
      <c r="DF35" s="326">
        <v>0</v>
      </c>
      <c r="DG35" s="327">
        <v>0</v>
      </c>
      <c r="DH35" s="329">
        <v>18544</v>
      </c>
      <c r="DI35" s="325">
        <v>0</v>
      </c>
      <c r="DJ35" s="326">
        <v>0</v>
      </c>
      <c r="DK35" s="330">
        <v>0</v>
      </c>
      <c r="DL35" s="331">
        <v>0</v>
      </c>
      <c r="DM35" s="326">
        <v>23344</v>
      </c>
      <c r="DN35" s="326">
        <v>0</v>
      </c>
      <c r="DO35" s="326">
        <v>119296</v>
      </c>
      <c r="DP35" s="326">
        <v>91224</v>
      </c>
      <c r="DQ35" s="326">
        <v>0</v>
      </c>
      <c r="DR35" s="327">
        <v>233864</v>
      </c>
      <c r="DS35" s="329">
        <v>233864</v>
      </c>
      <c r="DT35" s="325">
        <v>0</v>
      </c>
      <c r="DU35" s="326">
        <v>0</v>
      </c>
      <c r="DV35" s="327">
        <v>0</v>
      </c>
      <c r="DW35" s="325">
        <v>0</v>
      </c>
      <c r="DX35" s="326">
        <v>23344</v>
      </c>
      <c r="DY35" s="326">
        <v>0</v>
      </c>
      <c r="DZ35" s="326">
        <v>119296</v>
      </c>
      <c r="EA35" s="326">
        <v>91224</v>
      </c>
      <c r="EB35" s="326">
        <v>0</v>
      </c>
      <c r="EC35" s="327">
        <v>233864</v>
      </c>
      <c r="ED35" s="329">
        <v>233864</v>
      </c>
      <c r="EE35" s="325">
        <v>0</v>
      </c>
      <c r="EF35" s="330">
        <v>0</v>
      </c>
      <c r="EG35" s="327">
        <v>0</v>
      </c>
      <c r="EH35" s="325">
        <v>0</v>
      </c>
      <c r="EI35" s="326">
        <v>0</v>
      </c>
      <c r="EJ35" s="326">
        <v>0</v>
      </c>
      <c r="EK35" s="326">
        <v>0</v>
      </c>
      <c r="EL35" s="326">
        <v>0</v>
      </c>
      <c r="EM35" s="326">
        <v>0</v>
      </c>
      <c r="EN35" s="330">
        <v>0</v>
      </c>
      <c r="EO35" s="329">
        <v>0</v>
      </c>
      <c r="EP35" s="325">
        <v>0</v>
      </c>
      <c r="EQ35" s="326">
        <v>0</v>
      </c>
      <c r="ER35" s="330">
        <v>0</v>
      </c>
      <c r="ES35" s="331">
        <v>0</v>
      </c>
      <c r="ET35" s="326">
        <v>0</v>
      </c>
      <c r="EU35" s="326">
        <v>0</v>
      </c>
      <c r="EV35" s="326">
        <v>0</v>
      </c>
      <c r="EW35" s="326">
        <v>0</v>
      </c>
      <c r="EX35" s="326">
        <v>0</v>
      </c>
      <c r="EY35" s="327">
        <v>0</v>
      </c>
      <c r="EZ35" s="329">
        <v>0</v>
      </c>
      <c r="FA35" s="325">
        <v>0</v>
      </c>
      <c r="FB35" s="326">
        <v>0</v>
      </c>
      <c r="FC35" s="330">
        <v>0</v>
      </c>
      <c r="FD35" s="331">
        <v>0</v>
      </c>
      <c r="FE35" s="326">
        <v>0</v>
      </c>
      <c r="FF35" s="326">
        <v>0</v>
      </c>
      <c r="FG35" s="326">
        <v>0</v>
      </c>
      <c r="FH35" s="326">
        <v>0</v>
      </c>
      <c r="FI35" s="326">
        <v>0</v>
      </c>
      <c r="FJ35" s="327">
        <v>0</v>
      </c>
      <c r="FK35" s="329">
        <v>0</v>
      </c>
      <c r="FL35" s="325">
        <v>15680</v>
      </c>
      <c r="FM35" s="326">
        <v>0</v>
      </c>
      <c r="FN35" s="327">
        <v>15680</v>
      </c>
      <c r="FO35" s="325">
        <v>0</v>
      </c>
      <c r="FP35" s="326">
        <v>1600</v>
      </c>
      <c r="FQ35" s="326">
        <v>14552</v>
      </c>
      <c r="FR35" s="326">
        <v>30400</v>
      </c>
      <c r="FS35" s="326">
        <v>22208</v>
      </c>
      <c r="FT35" s="326">
        <v>0</v>
      </c>
      <c r="FU35" s="327">
        <v>68760</v>
      </c>
      <c r="FV35" s="329">
        <v>84440</v>
      </c>
      <c r="FW35" s="332">
        <v>15680</v>
      </c>
      <c r="FX35" s="326">
        <v>0</v>
      </c>
      <c r="FY35" s="330">
        <v>15680</v>
      </c>
      <c r="FZ35" s="331">
        <v>0</v>
      </c>
      <c r="GA35" s="326">
        <v>1600</v>
      </c>
      <c r="GB35" s="326">
        <v>14552</v>
      </c>
      <c r="GC35" s="326">
        <v>30400</v>
      </c>
      <c r="GD35" s="326">
        <v>22208</v>
      </c>
      <c r="GE35" s="326">
        <v>0</v>
      </c>
      <c r="GF35" s="327">
        <v>68760</v>
      </c>
      <c r="GG35" s="333">
        <v>84440</v>
      </c>
      <c r="GH35" s="332">
        <v>0</v>
      </c>
      <c r="GI35" s="326">
        <v>0</v>
      </c>
      <c r="GJ35" s="330">
        <v>0</v>
      </c>
      <c r="GK35" s="331">
        <v>0</v>
      </c>
      <c r="GL35" s="326">
        <v>0</v>
      </c>
      <c r="GM35" s="326">
        <v>0</v>
      </c>
      <c r="GN35" s="326">
        <v>0</v>
      </c>
      <c r="GO35" s="326">
        <v>0</v>
      </c>
      <c r="GP35" s="326">
        <v>0</v>
      </c>
      <c r="GQ35" s="327">
        <v>0</v>
      </c>
      <c r="GR35" s="329">
        <v>0</v>
      </c>
      <c r="GS35" s="325">
        <v>0</v>
      </c>
      <c r="GT35" s="326">
        <v>0</v>
      </c>
      <c r="GU35" s="327">
        <v>0</v>
      </c>
      <c r="GV35" s="325">
        <v>0</v>
      </c>
      <c r="GW35" s="326">
        <v>0</v>
      </c>
      <c r="GX35" s="326">
        <v>0</v>
      </c>
      <c r="GY35" s="326">
        <v>0</v>
      </c>
      <c r="GZ35" s="326">
        <v>0</v>
      </c>
      <c r="HA35" s="326">
        <v>0</v>
      </c>
      <c r="HB35" s="330">
        <v>0</v>
      </c>
      <c r="HC35" s="329">
        <v>0</v>
      </c>
      <c r="HD35" s="325">
        <v>0</v>
      </c>
      <c r="HE35" s="326">
        <v>0</v>
      </c>
      <c r="HF35" s="330">
        <v>0</v>
      </c>
      <c r="HG35" s="331">
        <v>0</v>
      </c>
      <c r="HH35" s="326">
        <v>160620</v>
      </c>
      <c r="HI35" s="326">
        <v>284076</v>
      </c>
      <c r="HJ35" s="326">
        <v>197429</v>
      </c>
      <c r="HK35" s="326">
        <v>0</v>
      </c>
      <c r="HL35" s="326">
        <v>0</v>
      </c>
      <c r="HM35" s="327">
        <v>642125</v>
      </c>
      <c r="HN35" s="328">
        <v>642125</v>
      </c>
      <c r="HO35" s="332">
        <v>0</v>
      </c>
      <c r="HP35" s="326">
        <v>0</v>
      </c>
      <c r="HQ35" s="327">
        <v>0</v>
      </c>
      <c r="HR35" s="325">
        <v>0</v>
      </c>
      <c r="HS35" s="326">
        <v>0</v>
      </c>
      <c r="HT35" s="326">
        <v>0</v>
      </c>
      <c r="HU35" s="326">
        <v>0</v>
      </c>
      <c r="HV35" s="326">
        <v>0</v>
      </c>
      <c r="HW35" s="326">
        <v>0</v>
      </c>
      <c r="HX35" s="330">
        <v>0</v>
      </c>
      <c r="HY35" s="329">
        <v>0</v>
      </c>
      <c r="HZ35" s="334">
        <v>0</v>
      </c>
      <c r="IA35" s="335">
        <v>0</v>
      </c>
      <c r="IB35" s="336">
        <v>0</v>
      </c>
      <c r="IC35" s="337">
        <v>0</v>
      </c>
      <c r="ID35" s="335">
        <v>56024</v>
      </c>
      <c r="IE35" s="338">
        <v>0</v>
      </c>
      <c r="IF35" s="336">
        <v>0</v>
      </c>
      <c r="IG35" s="335">
        <v>257424</v>
      </c>
      <c r="IH35" s="336">
        <v>0</v>
      </c>
      <c r="II35" s="339">
        <v>313448</v>
      </c>
      <c r="IJ35" s="340">
        <v>313448</v>
      </c>
      <c r="IK35" s="341">
        <v>0</v>
      </c>
      <c r="IL35" s="342">
        <v>0</v>
      </c>
      <c r="IM35" s="343">
        <v>0</v>
      </c>
      <c r="IN35" s="403">
        <v>0</v>
      </c>
      <c r="IO35" s="344">
        <v>0</v>
      </c>
      <c r="IP35" s="344">
        <v>0</v>
      </c>
      <c r="IQ35" s="344">
        <v>0</v>
      </c>
      <c r="IR35" s="344">
        <v>0</v>
      </c>
      <c r="IS35" s="344">
        <v>0</v>
      </c>
      <c r="IT35" s="345">
        <v>0</v>
      </c>
      <c r="IU35" s="346">
        <v>0</v>
      </c>
      <c r="IV35" s="347">
        <v>0</v>
      </c>
      <c r="IW35" s="344">
        <v>0</v>
      </c>
      <c r="IX35" s="348">
        <v>0</v>
      </c>
      <c r="IY35" s="403">
        <v>0</v>
      </c>
      <c r="IZ35" s="344">
        <v>0</v>
      </c>
      <c r="JA35" s="344">
        <v>0</v>
      </c>
      <c r="JB35" s="344">
        <v>0</v>
      </c>
      <c r="JC35" s="344">
        <v>0</v>
      </c>
      <c r="JD35" s="344">
        <v>0</v>
      </c>
      <c r="JE35" s="348">
        <v>0</v>
      </c>
      <c r="JF35" s="349">
        <v>0</v>
      </c>
      <c r="JG35" s="347">
        <v>0</v>
      </c>
      <c r="JH35" s="344">
        <v>0</v>
      </c>
      <c r="JI35" s="345">
        <v>0</v>
      </c>
      <c r="JJ35" s="350">
        <v>0</v>
      </c>
      <c r="JK35" s="344">
        <v>56024</v>
      </c>
      <c r="JL35" s="344">
        <v>0</v>
      </c>
      <c r="JM35" s="344">
        <v>0</v>
      </c>
      <c r="JN35" s="344">
        <v>0</v>
      </c>
      <c r="JO35" s="344">
        <v>0</v>
      </c>
      <c r="JP35" s="348">
        <v>56024</v>
      </c>
      <c r="JQ35" s="346">
        <v>56024</v>
      </c>
      <c r="JR35" s="347">
        <v>0</v>
      </c>
      <c r="JS35" s="344">
        <v>0</v>
      </c>
      <c r="JT35" s="345">
        <v>0</v>
      </c>
      <c r="JU35" s="350">
        <v>0</v>
      </c>
      <c r="JV35" s="344">
        <v>0</v>
      </c>
      <c r="JW35" s="344">
        <v>0</v>
      </c>
      <c r="JX35" s="344">
        <v>0</v>
      </c>
      <c r="JY35" s="344">
        <v>0</v>
      </c>
      <c r="JZ35" s="344">
        <v>0</v>
      </c>
      <c r="KA35" s="348">
        <v>0</v>
      </c>
      <c r="KB35" s="346">
        <v>0</v>
      </c>
      <c r="KC35" s="351">
        <v>0</v>
      </c>
      <c r="KD35" s="352">
        <v>0</v>
      </c>
      <c r="KE35" s="348">
        <v>0</v>
      </c>
      <c r="KF35" s="350">
        <v>0</v>
      </c>
      <c r="KG35" s="344">
        <v>0</v>
      </c>
      <c r="KH35" s="344">
        <v>0</v>
      </c>
      <c r="KI35" s="344">
        <v>0</v>
      </c>
      <c r="KJ35" s="344">
        <v>0</v>
      </c>
      <c r="KK35" s="344">
        <v>0</v>
      </c>
      <c r="KL35" s="348">
        <v>0</v>
      </c>
      <c r="KM35" s="353">
        <v>0</v>
      </c>
      <c r="KN35" s="341">
        <v>0</v>
      </c>
      <c r="KO35" s="342">
        <v>0</v>
      </c>
      <c r="KP35" s="343">
        <v>0</v>
      </c>
      <c r="KQ35" s="403">
        <v>0</v>
      </c>
      <c r="KR35" s="344">
        <v>0</v>
      </c>
      <c r="KS35" s="344">
        <v>0</v>
      </c>
      <c r="KT35" s="344">
        <v>0</v>
      </c>
      <c r="KU35" s="344">
        <v>257424</v>
      </c>
      <c r="KV35" s="344">
        <v>0</v>
      </c>
      <c r="KW35" s="348">
        <v>257424</v>
      </c>
      <c r="KX35" s="346">
        <v>257424</v>
      </c>
      <c r="KY35" s="347">
        <v>0</v>
      </c>
      <c r="KZ35" s="344">
        <v>0</v>
      </c>
      <c r="LA35" s="348">
        <v>0</v>
      </c>
      <c r="LB35" s="403">
        <v>0</v>
      </c>
      <c r="LC35" s="344">
        <v>0</v>
      </c>
      <c r="LD35" s="344">
        <v>0</v>
      </c>
      <c r="LE35" s="344">
        <v>0</v>
      </c>
      <c r="LF35" s="344">
        <v>0</v>
      </c>
      <c r="LG35" s="344">
        <v>0</v>
      </c>
      <c r="LH35" s="348">
        <v>0</v>
      </c>
      <c r="LI35" s="349">
        <v>0</v>
      </c>
      <c r="LJ35" s="347">
        <v>0</v>
      </c>
      <c r="LK35" s="344">
        <v>0</v>
      </c>
      <c r="LL35" s="348">
        <v>0</v>
      </c>
      <c r="LM35" s="403">
        <v>0</v>
      </c>
      <c r="LN35" s="344">
        <v>0</v>
      </c>
      <c r="LO35" s="344">
        <v>0</v>
      </c>
      <c r="LP35" s="344">
        <v>0</v>
      </c>
      <c r="LQ35" s="344">
        <v>0</v>
      </c>
      <c r="LR35" s="344">
        <v>0</v>
      </c>
      <c r="LS35" s="348">
        <v>0</v>
      </c>
      <c r="LT35" s="346">
        <v>0</v>
      </c>
      <c r="LU35" s="347">
        <v>0</v>
      </c>
      <c r="LV35" s="344">
        <v>0</v>
      </c>
      <c r="LW35" s="348">
        <v>0</v>
      </c>
      <c r="LX35" s="403">
        <v>0</v>
      </c>
      <c r="LY35" s="344">
        <v>0</v>
      </c>
      <c r="LZ35" s="344">
        <v>0</v>
      </c>
      <c r="MA35" s="344">
        <v>0</v>
      </c>
      <c r="MB35" s="344">
        <v>0</v>
      </c>
      <c r="MC35" s="344">
        <v>0</v>
      </c>
      <c r="MD35" s="348">
        <v>0</v>
      </c>
      <c r="ME35" s="349">
        <v>0</v>
      </c>
      <c r="MF35" s="347">
        <v>0</v>
      </c>
      <c r="MG35" s="344">
        <v>0</v>
      </c>
      <c r="MH35" s="348">
        <v>0</v>
      </c>
      <c r="MI35" s="403">
        <v>0</v>
      </c>
      <c r="MJ35" s="344">
        <v>205632</v>
      </c>
      <c r="MK35" s="344">
        <v>239288</v>
      </c>
      <c r="ML35" s="344">
        <v>135966</v>
      </c>
      <c r="MM35" s="344">
        <v>1148245</v>
      </c>
      <c r="MN35" s="344">
        <v>262944</v>
      </c>
      <c r="MO35" s="348">
        <v>1992075</v>
      </c>
      <c r="MP35" s="353">
        <v>1992075</v>
      </c>
      <c r="MQ35" s="347">
        <v>0</v>
      </c>
      <c r="MR35" s="344">
        <v>0</v>
      </c>
      <c r="MS35" s="348">
        <v>0</v>
      </c>
      <c r="MT35" s="403">
        <v>0</v>
      </c>
      <c r="MU35" s="344">
        <v>0</v>
      </c>
      <c r="MV35" s="344">
        <v>0</v>
      </c>
      <c r="MW35" s="344">
        <v>0</v>
      </c>
      <c r="MX35" s="344">
        <v>239208</v>
      </c>
      <c r="MY35" s="344">
        <v>262944</v>
      </c>
      <c r="MZ35" s="348">
        <v>502152</v>
      </c>
      <c r="NA35" s="353">
        <v>502152</v>
      </c>
      <c r="NB35" s="347">
        <v>0</v>
      </c>
      <c r="NC35" s="344">
        <v>0</v>
      </c>
      <c r="ND35" s="348">
        <v>0</v>
      </c>
      <c r="NE35" s="403">
        <v>0</v>
      </c>
      <c r="NF35" s="344">
        <v>205632</v>
      </c>
      <c r="NG35" s="344">
        <v>239288</v>
      </c>
      <c r="NH35" s="344">
        <v>135966</v>
      </c>
      <c r="NI35" s="344">
        <v>522147</v>
      </c>
      <c r="NJ35" s="344">
        <v>0</v>
      </c>
      <c r="NK35" s="348">
        <v>1103033</v>
      </c>
      <c r="NL35" s="346">
        <v>1103033</v>
      </c>
      <c r="NM35" s="347">
        <v>0</v>
      </c>
      <c r="NN35" s="344">
        <v>0</v>
      </c>
      <c r="NO35" s="348">
        <v>0</v>
      </c>
      <c r="NP35" s="403">
        <v>0</v>
      </c>
      <c r="NQ35" s="344">
        <v>0</v>
      </c>
      <c r="NR35" s="344">
        <v>0</v>
      </c>
      <c r="NS35" s="344">
        <v>0</v>
      </c>
      <c r="NT35" s="344">
        <v>0</v>
      </c>
      <c r="NU35" s="344">
        <v>0</v>
      </c>
      <c r="NV35" s="348">
        <v>0</v>
      </c>
      <c r="NW35" s="349">
        <v>0</v>
      </c>
      <c r="NX35" s="347">
        <v>0</v>
      </c>
      <c r="NY35" s="344">
        <v>0</v>
      </c>
      <c r="NZ35" s="348">
        <v>0</v>
      </c>
      <c r="OA35" s="403">
        <v>0</v>
      </c>
      <c r="OB35" s="344">
        <v>0</v>
      </c>
      <c r="OC35" s="344">
        <v>0</v>
      </c>
      <c r="OD35" s="344">
        <v>0</v>
      </c>
      <c r="OE35" s="344">
        <v>386890</v>
      </c>
      <c r="OF35" s="344">
        <v>0</v>
      </c>
      <c r="OG35" s="348">
        <v>386890</v>
      </c>
      <c r="OH35" s="349">
        <v>386890</v>
      </c>
      <c r="OI35" s="347">
        <v>34224</v>
      </c>
      <c r="OJ35" s="344">
        <v>57664</v>
      </c>
      <c r="OK35" s="345">
        <v>91888</v>
      </c>
      <c r="OL35" s="350">
        <v>0</v>
      </c>
      <c r="OM35" s="344">
        <v>511702</v>
      </c>
      <c r="ON35" s="344">
        <v>633676</v>
      </c>
      <c r="OO35" s="344">
        <v>537091</v>
      </c>
      <c r="OP35" s="344">
        <v>1709357</v>
      </c>
      <c r="OQ35" s="344">
        <v>262944</v>
      </c>
      <c r="OR35" s="348">
        <v>3654770</v>
      </c>
      <c r="OS35" s="353">
        <v>3746658</v>
      </c>
    </row>
    <row r="36" spans="2:409" s="70" customFormat="1" ht="21" customHeight="1" x14ac:dyDescent="0.2">
      <c r="B36" s="409" t="s">
        <v>31</v>
      </c>
      <c r="C36" s="325">
        <v>3608</v>
      </c>
      <c r="D36" s="326">
        <v>49920</v>
      </c>
      <c r="E36" s="327">
        <v>53528</v>
      </c>
      <c r="F36" s="328">
        <v>0</v>
      </c>
      <c r="G36" s="326">
        <v>309476</v>
      </c>
      <c r="H36" s="326">
        <v>129880</v>
      </c>
      <c r="I36" s="326">
        <v>459218</v>
      </c>
      <c r="J36" s="326">
        <v>65234</v>
      </c>
      <c r="K36" s="326">
        <v>21248</v>
      </c>
      <c r="L36" s="366">
        <v>985056</v>
      </c>
      <c r="M36" s="329">
        <v>1038584</v>
      </c>
      <c r="N36" s="325">
        <v>0</v>
      </c>
      <c r="O36" s="326">
        <v>34720</v>
      </c>
      <c r="P36" s="327">
        <v>34720</v>
      </c>
      <c r="Q36" s="325">
        <v>0</v>
      </c>
      <c r="R36" s="326">
        <v>16608</v>
      </c>
      <c r="S36" s="326">
        <v>45488</v>
      </c>
      <c r="T36" s="326">
        <v>353040</v>
      </c>
      <c r="U36" s="326">
        <v>27728</v>
      </c>
      <c r="V36" s="326">
        <v>21248</v>
      </c>
      <c r="W36" s="327">
        <v>464112</v>
      </c>
      <c r="X36" s="329">
        <v>498832</v>
      </c>
      <c r="Y36" s="325">
        <v>0</v>
      </c>
      <c r="Z36" s="326">
        <v>0</v>
      </c>
      <c r="AA36" s="327">
        <v>0</v>
      </c>
      <c r="AB36" s="325">
        <v>0</v>
      </c>
      <c r="AC36" s="326">
        <v>0</v>
      </c>
      <c r="AD36" s="326">
        <v>0</v>
      </c>
      <c r="AE36" s="326">
        <v>166192</v>
      </c>
      <c r="AF36" s="326">
        <v>0</v>
      </c>
      <c r="AG36" s="326">
        <v>0</v>
      </c>
      <c r="AH36" s="327">
        <v>166192</v>
      </c>
      <c r="AI36" s="329">
        <v>166192</v>
      </c>
      <c r="AJ36" s="325">
        <v>0</v>
      </c>
      <c r="AK36" s="326">
        <v>0</v>
      </c>
      <c r="AL36" s="327">
        <v>0</v>
      </c>
      <c r="AM36" s="325">
        <v>0</v>
      </c>
      <c r="AN36" s="326">
        <v>0</v>
      </c>
      <c r="AO36" s="326">
        <v>45488</v>
      </c>
      <c r="AP36" s="326">
        <v>102336</v>
      </c>
      <c r="AQ36" s="326">
        <v>0</v>
      </c>
      <c r="AR36" s="326">
        <v>0</v>
      </c>
      <c r="AS36" s="327">
        <v>147824</v>
      </c>
      <c r="AT36" s="329">
        <v>147824</v>
      </c>
      <c r="AU36" s="325">
        <v>0</v>
      </c>
      <c r="AV36" s="326">
        <v>34720</v>
      </c>
      <c r="AW36" s="327">
        <v>34720</v>
      </c>
      <c r="AX36" s="325">
        <v>0</v>
      </c>
      <c r="AY36" s="326">
        <v>16608</v>
      </c>
      <c r="AZ36" s="326">
        <v>0</v>
      </c>
      <c r="BA36" s="326">
        <v>84512</v>
      </c>
      <c r="BB36" s="326">
        <v>0</v>
      </c>
      <c r="BC36" s="326">
        <v>0</v>
      </c>
      <c r="BD36" s="327">
        <v>101120</v>
      </c>
      <c r="BE36" s="329">
        <v>135840</v>
      </c>
      <c r="BF36" s="325">
        <v>0</v>
      </c>
      <c r="BG36" s="326">
        <v>0</v>
      </c>
      <c r="BH36" s="330">
        <v>0</v>
      </c>
      <c r="BI36" s="331">
        <v>0</v>
      </c>
      <c r="BJ36" s="326">
        <v>0</v>
      </c>
      <c r="BK36" s="326">
        <v>0</v>
      </c>
      <c r="BL36" s="326">
        <v>0</v>
      </c>
      <c r="BM36" s="326">
        <v>0</v>
      </c>
      <c r="BN36" s="326">
        <v>0</v>
      </c>
      <c r="BO36" s="327">
        <v>0</v>
      </c>
      <c r="BP36" s="329">
        <v>0</v>
      </c>
      <c r="BQ36" s="325">
        <v>0</v>
      </c>
      <c r="BR36" s="326">
        <v>0</v>
      </c>
      <c r="BS36" s="327">
        <v>0</v>
      </c>
      <c r="BT36" s="325">
        <v>0</v>
      </c>
      <c r="BU36" s="326">
        <v>0</v>
      </c>
      <c r="BV36" s="326">
        <v>0</v>
      </c>
      <c r="BW36" s="326">
        <v>0</v>
      </c>
      <c r="BX36" s="326">
        <v>27728</v>
      </c>
      <c r="BY36" s="326">
        <v>21248</v>
      </c>
      <c r="BZ36" s="327">
        <v>48976</v>
      </c>
      <c r="CA36" s="329">
        <v>48976</v>
      </c>
      <c r="CB36" s="325">
        <v>0</v>
      </c>
      <c r="CC36" s="326">
        <v>0</v>
      </c>
      <c r="CD36" s="327">
        <v>0</v>
      </c>
      <c r="CE36" s="325">
        <v>0</v>
      </c>
      <c r="CF36" s="326">
        <v>156090</v>
      </c>
      <c r="CG36" s="326">
        <v>47952</v>
      </c>
      <c r="CH36" s="326">
        <v>12904</v>
      </c>
      <c r="CI36" s="326">
        <v>0</v>
      </c>
      <c r="CJ36" s="326">
        <v>0</v>
      </c>
      <c r="CK36" s="327">
        <v>216946</v>
      </c>
      <c r="CL36" s="329">
        <v>216946</v>
      </c>
      <c r="CM36" s="325">
        <v>0</v>
      </c>
      <c r="CN36" s="326">
        <v>0</v>
      </c>
      <c r="CO36" s="327">
        <v>0</v>
      </c>
      <c r="CP36" s="331">
        <v>0</v>
      </c>
      <c r="CQ36" s="326">
        <v>115158</v>
      </c>
      <c r="CR36" s="326">
        <v>0</v>
      </c>
      <c r="CS36" s="326">
        <v>0</v>
      </c>
      <c r="CT36" s="326">
        <v>0</v>
      </c>
      <c r="CU36" s="326">
        <v>0</v>
      </c>
      <c r="CV36" s="327">
        <v>115158</v>
      </c>
      <c r="CW36" s="329">
        <v>115158</v>
      </c>
      <c r="CX36" s="325">
        <v>0</v>
      </c>
      <c r="CY36" s="326">
        <v>0</v>
      </c>
      <c r="CZ36" s="327">
        <v>0</v>
      </c>
      <c r="DA36" s="325">
        <v>0</v>
      </c>
      <c r="DB36" s="326">
        <v>40932</v>
      </c>
      <c r="DC36" s="326">
        <v>47952</v>
      </c>
      <c r="DD36" s="326">
        <v>12904</v>
      </c>
      <c r="DE36" s="326">
        <v>0</v>
      </c>
      <c r="DF36" s="326">
        <v>0</v>
      </c>
      <c r="DG36" s="327">
        <v>101788</v>
      </c>
      <c r="DH36" s="329">
        <v>101788</v>
      </c>
      <c r="DI36" s="325">
        <v>0</v>
      </c>
      <c r="DJ36" s="326">
        <v>0</v>
      </c>
      <c r="DK36" s="330">
        <v>0</v>
      </c>
      <c r="DL36" s="331">
        <v>0</v>
      </c>
      <c r="DM36" s="326">
        <v>62458</v>
      </c>
      <c r="DN36" s="326">
        <v>0</v>
      </c>
      <c r="DO36" s="326">
        <v>34138</v>
      </c>
      <c r="DP36" s="326">
        <v>26906</v>
      </c>
      <c r="DQ36" s="326">
        <v>0</v>
      </c>
      <c r="DR36" s="327">
        <v>123502</v>
      </c>
      <c r="DS36" s="329">
        <v>123502</v>
      </c>
      <c r="DT36" s="325">
        <v>0</v>
      </c>
      <c r="DU36" s="326">
        <v>0</v>
      </c>
      <c r="DV36" s="327">
        <v>0</v>
      </c>
      <c r="DW36" s="325">
        <v>0</v>
      </c>
      <c r="DX36" s="326">
        <v>62458</v>
      </c>
      <c r="DY36" s="326">
        <v>0</v>
      </c>
      <c r="DZ36" s="326">
        <v>34138</v>
      </c>
      <c r="EA36" s="326">
        <v>26906</v>
      </c>
      <c r="EB36" s="326">
        <v>0</v>
      </c>
      <c r="EC36" s="327">
        <v>123502</v>
      </c>
      <c r="ED36" s="329">
        <v>123502</v>
      </c>
      <c r="EE36" s="325">
        <v>0</v>
      </c>
      <c r="EF36" s="330">
        <v>0</v>
      </c>
      <c r="EG36" s="327">
        <v>0</v>
      </c>
      <c r="EH36" s="325">
        <v>0</v>
      </c>
      <c r="EI36" s="326">
        <v>0</v>
      </c>
      <c r="EJ36" s="326">
        <v>0</v>
      </c>
      <c r="EK36" s="326">
        <v>0</v>
      </c>
      <c r="EL36" s="326">
        <v>0</v>
      </c>
      <c r="EM36" s="326">
        <v>0</v>
      </c>
      <c r="EN36" s="330">
        <v>0</v>
      </c>
      <c r="EO36" s="329">
        <v>0</v>
      </c>
      <c r="EP36" s="325">
        <v>0</v>
      </c>
      <c r="EQ36" s="326">
        <v>0</v>
      </c>
      <c r="ER36" s="330">
        <v>0</v>
      </c>
      <c r="ES36" s="331">
        <v>0</v>
      </c>
      <c r="ET36" s="326">
        <v>0</v>
      </c>
      <c r="EU36" s="326">
        <v>0</v>
      </c>
      <c r="EV36" s="326">
        <v>0</v>
      </c>
      <c r="EW36" s="326">
        <v>0</v>
      </c>
      <c r="EX36" s="326">
        <v>0</v>
      </c>
      <c r="EY36" s="327">
        <v>0</v>
      </c>
      <c r="EZ36" s="329">
        <v>0</v>
      </c>
      <c r="FA36" s="325">
        <v>0</v>
      </c>
      <c r="FB36" s="326">
        <v>0</v>
      </c>
      <c r="FC36" s="330">
        <v>0</v>
      </c>
      <c r="FD36" s="331">
        <v>0</v>
      </c>
      <c r="FE36" s="326">
        <v>0</v>
      </c>
      <c r="FF36" s="326">
        <v>0</v>
      </c>
      <c r="FG36" s="326">
        <v>0</v>
      </c>
      <c r="FH36" s="326">
        <v>0</v>
      </c>
      <c r="FI36" s="326">
        <v>0</v>
      </c>
      <c r="FJ36" s="327">
        <v>0</v>
      </c>
      <c r="FK36" s="329">
        <v>0</v>
      </c>
      <c r="FL36" s="325">
        <v>3608</v>
      </c>
      <c r="FM36" s="326">
        <v>15200</v>
      </c>
      <c r="FN36" s="327">
        <v>18808</v>
      </c>
      <c r="FO36" s="325">
        <v>0</v>
      </c>
      <c r="FP36" s="326">
        <v>74320</v>
      </c>
      <c r="FQ36" s="326">
        <v>36440</v>
      </c>
      <c r="FR36" s="326">
        <v>59136</v>
      </c>
      <c r="FS36" s="326">
        <v>10600</v>
      </c>
      <c r="FT36" s="326">
        <v>0</v>
      </c>
      <c r="FU36" s="327">
        <v>180496</v>
      </c>
      <c r="FV36" s="329">
        <v>199304</v>
      </c>
      <c r="FW36" s="332">
        <v>3608</v>
      </c>
      <c r="FX36" s="326">
        <v>15200</v>
      </c>
      <c r="FY36" s="330">
        <v>18808</v>
      </c>
      <c r="FZ36" s="331">
        <v>0</v>
      </c>
      <c r="GA36" s="326">
        <v>25920</v>
      </c>
      <c r="GB36" s="326">
        <v>36440</v>
      </c>
      <c r="GC36" s="326">
        <v>44000</v>
      </c>
      <c r="GD36" s="326">
        <v>10600</v>
      </c>
      <c r="GE36" s="326">
        <v>0</v>
      </c>
      <c r="GF36" s="327">
        <v>116960</v>
      </c>
      <c r="GG36" s="333">
        <v>135768</v>
      </c>
      <c r="GH36" s="332">
        <v>0</v>
      </c>
      <c r="GI36" s="326">
        <v>0</v>
      </c>
      <c r="GJ36" s="330">
        <v>0</v>
      </c>
      <c r="GK36" s="331">
        <v>0</v>
      </c>
      <c r="GL36" s="326">
        <v>0</v>
      </c>
      <c r="GM36" s="326">
        <v>0</v>
      </c>
      <c r="GN36" s="326">
        <v>0</v>
      </c>
      <c r="GO36" s="326">
        <v>0</v>
      </c>
      <c r="GP36" s="326">
        <v>0</v>
      </c>
      <c r="GQ36" s="327">
        <v>0</v>
      </c>
      <c r="GR36" s="329">
        <v>0</v>
      </c>
      <c r="GS36" s="325">
        <v>0</v>
      </c>
      <c r="GT36" s="326">
        <v>0</v>
      </c>
      <c r="GU36" s="327">
        <v>0</v>
      </c>
      <c r="GV36" s="325">
        <v>0</v>
      </c>
      <c r="GW36" s="326">
        <v>48400</v>
      </c>
      <c r="GX36" s="326">
        <v>0</v>
      </c>
      <c r="GY36" s="326">
        <v>15136</v>
      </c>
      <c r="GZ36" s="326">
        <v>0</v>
      </c>
      <c r="HA36" s="326">
        <v>0</v>
      </c>
      <c r="HB36" s="330">
        <v>63536</v>
      </c>
      <c r="HC36" s="329">
        <v>63536</v>
      </c>
      <c r="HD36" s="325">
        <v>0</v>
      </c>
      <c r="HE36" s="326">
        <v>0</v>
      </c>
      <c r="HF36" s="330">
        <v>0</v>
      </c>
      <c r="HG36" s="331">
        <v>0</v>
      </c>
      <c r="HH36" s="326">
        <v>0</v>
      </c>
      <c r="HI36" s="326">
        <v>0</v>
      </c>
      <c r="HJ36" s="326">
        <v>0</v>
      </c>
      <c r="HK36" s="326">
        <v>0</v>
      </c>
      <c r="HL36" s="326">
        <v>0</v>
      </c>
      <c r="HM36" s="327">
        <v>0</v>
      </c>
      <c r="HN36" s="328">
        <v>0</v>
      </c>
      <c r="HO36" s="332">
        <v>0</v>
      </c>
      <c r="HP36" s="326">
        <v>0</v>
      </c>
      <c r="HQ36" s="327">
        <v>0</v>
      </c>
      <c r="HR36" s="325">
        <v>0</v>
      </c>
      <c r="HS36" s="326">
        <v>0</v>
      </c>
      <c r="HT36" s="326">
        <v>0</v>
      </c>
      <c r="HU36" s="326">
        <v>0</v>
      </c>
      <c r="HV36" s="326">
        <v>0</v>
      </c>
      <c r="HW36" s="326">
        <v>0</v>
      </c>
      <c r="HX36" s="330">
        <v>0</v>
      </c>
      <c r="HY36" s="329">
        <v>0</v>
      </c>
      <c r="HZ36" s="357">
        <v>0</v>
      </c>
      <c r="IA36" s="355">
        <v>0</v>
      </c>
      <c r="IB36" s="357">
        <v>0</v>
      </c>
      <c r="IC36" s="354">
        <v>0</v>
      </c>
      <c r="ID36" s="355">
        <v>136578</v>
      </c>
      <c r="IE36" s="356">
        <v>260353</v>
      </c>
      <c r="IF36" s="357">
        <v>0</v>
      </c>
      <c r="IG36" s="355">
        <v>850308</v>
      </c>
      <c r="IH36" s="357">
        <v>253728</v>
      </c>
      <c r="II36" s="358">
        <v>1500967</v>
      </c>
      <c r="IJ36" s="357">
        <v>1500967</v>
      </c>
      <c r="IK36" s="341">
        <v>0</v>
      </c>
      <c r="IL36" s="342">
        <v>0</v>
      </c>
      <c r="IM36" s="343">
        <v>0</v>
      </c>
      <c r="IN36" s="403">
        <v>0</v>
      </c>
      <c r="IO36" s="344">
        <v>0</v>
      </c>
      <c r="IP36" s="344">
        <v>0</v>
      </c>
      <c r="IQ36" s="344">
        <v>0</v>
      </c>
      <c r="IR36" s="344">
        <v>0</v>
      </c>
      <c r="IS36" s="344">
        <v>0</v>
      </c>
      <c r="IT36" s="345">
        <v>0</v>
      </c>
      <c r="IU36" s="346">
        <v>0</v>
      </c>
      <c r="IV36" s="347">
        <v>0</v>
      </c>
      <c r="IW36" s="344">
        <v>0</v>
      </c>
      <c r="IX36" s="348">
        <v>0</v>
      </c>
      <c r="IY36" s="403">
        <v>0</v>
      </c>
      <c r="IZ36" s="344">
        <v>0</v>
      </c>
      <c r="JA36" s="344">
        <v>0</v>
      </c>
      <c r="JB36" s="344">
        <v>0</v>
      </c>
      <c r="JC36" s="344">
        <v>0</v>
      </c>
      <c r="JD36" s="344">
        <v>0</v>
      </c>
      <c r="JE36" s="348">
        <v>0</v>
      </c>
      <c r="JF36" s="349">
        <v>0</v>
      </c>
      <c r="JG36" s="347">
        <v>0</v>
      </c>
      <c r="JH36" s="344">
        <v>0</v>
      </c>
      <c r="JI36" s="345">
        <v>0</v>
      </c>
      <c r="JJ36" s="350">
        <v>0</v>
      </c>
      <c r="JK36" s="344">
        <v>0</v>
      </c>
      <c r="JL36" s="344">
        <v>18284</v>
      </c>
      <c r="JM36" s="344">
        <v>0</v>
      </c>
      <c r="JN36" s="344">
        <v>0</v>
      </c>
      <c r="JO36" s="344">
        <v>0</v>
      </c>
      <c r="JP36" s="348">
        <v>18284</v>
      </c>
      <c r="JQ36" s="346">
        <v>18284</v>
      </c>
      <c r="JR36" s="347">
        <v>0</v>
      </c>
      <c r="JS36" s="344">
        <v>0</v>
      </c>
      <c r="JT36" s="345">
        <v>0</v>
      </c>
      <c r="JU36" s="350">
        <v>0</v>
      </c>
      <c r="JV36" s="344">
        <v>0</v>
      </c>
      <c r="JW36" s="344">
        <v>0</v>
      </c>
      <c r="JX36" s="344">
        <v>0</v>
      </c>
      <c r="JY36" s="344">
        <v>182868</v>
      </c>
      <c r="JZ36" s="344">
        <v>0</v>
      </c>
      <c r="KA36" s="348">
        <v>182868</v>
      </c>
      <c r="KB36" s="346">
        <v>182868</v>
      </c>
      <c r="KC36" s="351">
        <v>0</v>
      </c>
      <c r="KD36" s="352">
        <v>0</v>
      </c>
      <c r="KE36" s="348">
        <v>0</v>
      </c>
      <c r="KF36" s="350">
        <v>0</v>
      </c>
      <c r="KG36" s="344">
        <v>136578</v>
      </c>
      <c r="KH36" s="344">
        <v>0</v>
      </c>
      <c r="KI36" s="344">
        <v>0</v>
      </c>
      <c r="KJ36" s="344">
        <v>0</v>
      </c>
      <c r="KK36" s="344">
        <v>0</v>
      </c>
      <c r="KL36" s="348">
        <v>136578</v>
      </c>
      <c r="KM36" s="353">
        <v>136578</v>
      </c>
      <c r="KN36" s="341">
        <v>0</v>
      </c>
      <c r="KO36" s="342">
        <v>0</v>
      </c>
      <c r="KP36" s="343">
        <v>0</v>
      </c>
      <c r="KQ36" s="403">
        <v>0</v>
      </c>
      <c r="KR36" s="344">
        <v>0</v>
      </c>
      <c r="KS36" s="344">
        <v>242069</v>
      </c>
      <c r="KT36" s="344">
        <v>0</v>
      </c>
      <c r="KU36" s="344">
        <v>237672</v>
      </c>
      <c r="KV36" s="344">
        <v>253728</v>
      </c>
      <c r="KW36" s="348">
        <v>733469</v>
      </c>
      <c r="KX36" s="346">
        <v>733469</v>
      </c>
      <c r="KY36" s="347">
        <v>0</v>
      </c>
      <c r="KZ36" s="344">
        <v>0</v>
      </c>
      <c r="LA36" s="348">
        <v>0</v>
      </c>
      <c r="LB36" s="403">
        <v>0</v>
      </c>
      <c r="LC36" s="344">
        <v>0</v>
      </c>
      <c r="LD36" s="344">
        <v>0</v>
      </c>
      <c r="LE36" s="344">
        <v>0</v>
      </c>
      <c r="LF36" s="344">
        <v>0</v>
      </c>
      <c r="LG36" s="344">
        <v>0</v>
      </c>
      <c r="LH36" s="348">
        <v>0</v>
      </c>
      <c r="LI36" s="349">
        <v>0</v>
      </c>
      <c r="LJ36" s="347">
        <v>0</v>
      </c>
      <c r="LK36" s="344">
        <v>0</v>
      </c>
      <c r="LL36" s="348">
        <v>0</v>
      </c>
      <c r="LM36" s="403">
        <v>0</v>
      </c>
      <c r="LN36" s="344">
        <v>0</v>
      </c>
      <c r="LO36" s="344">
        <v>0</v>
      </c>
      <c r="LP36" s="344">
        <v>0</v>
      </c>
      <c r="LQ36" s="344">
        <v>429768</v>
      </c>
      <c r="LR36" s="344">
        <v>0</v>
      </c>
      <c r="LS36" s="348">
        <v>429768</v>
      </c>
      <c r="LT36" s="346">
        <v>429768</v>
      </c>
      <c r="LU36" s="347">
        <v>0</v>
      </c>
      <c r="LV36" s="344">
        <v>0</v>
      </c>
      <c r="LW36" s="348">
        <v>0</v>
      </c>
      <c r="LX36" s="403">
        <v>0</v>
      </c>
      <c r="LY36" s="344">
        <v>0</v>
      </c>
      <c r="LZ36" s="344">
        <v>0</v>
      </c>
      <c r="MA36" s="344">
        <v>0</v>
      </c>
      <c r="MB36" s="344">
        <v>0</v>
      </c>
      <c r="MC36" s="344">
        <v>0</v>
      </c>
      <c r="MD36" s="348">
        <v>0</v>
      </c>
      <c r="ME36" s="349">
        <v>0</v>
      </c>
      <c r="MF36" s="347">
        <v>0</v>
      </c>
      <c r="MG36" s="344">
        <v>0</v>
      </c>
      <c r="MH36" s="348">
        <v>0</v>
      </c>
      <c r="MI36" s="403">
        <v>0</v>
      </c>
      <c r="MJ36" s="344">
        <v>136242</v>
      </c>
      <c r="MK36" s="344">
        <v>0</v>
      </c>
      <c r="ML36" s="344">
        <v>629152</v>
      </c>
      <c r="MM36" s="344">
        <v>277585</v>
      </c>
      <c r="MN36" s="344">
        <v>0</v>
      </c>
      <c r="MO36" s="348">
        <v>1042979</v>
      </c>
      <c r="MP36" s="353">
        <v>1042979</v>
      </c>
      <c r="MQ36" s="347">
        <v>0</v>
      </c>
      <c r="MR36" s="344">
        <v>0</v>
      </c>
      <c r="MS36" s="348">
        <v>0</v>
      </c>
      <c r="MT36" s="403">
        <v>0</v>
      </c>
      <c r="MU36" s="344">
        <v>0</v>
      </c>
      <c r="MV36" s="344">
        <v>0</v>
      </c>
      <c r="MW36" s="344">
        <v>629152</v>
      </c>
      <c r="MX36" s="344">
        <v>277585</v>
      </c>
      <c r="MY36" s="344">
        <v>0</v>
      </c>
      <c r="MZ36" s="348">
        <v>906737</v>
      </c>
      <c r="NA36" s="353">
        <v>906737</v>
      </c>
      <c r="NB36" s="347">
        <v>0</v>
      </c>
      <c r="NC36" s="344">
        <v>0</v>
      </c>
      <c r="ND36" s="348">
        <v>0</v>
      </c>
      <c r="NE36" s="403">
        <v>0</v>
      </c>
      <c r="NF36" s="344">
        <v>136242</v>
      </c>
      <c r="NG36" s="344">
        <v>0</v>
      </c>
      <c r="NH36" s="344">
        <v>0</v>
      </c>
      <c r="NI36" s="344">
        <v>0</v>
      </c>
      <c r="NJ36" s="344">
        <v>0</v>
      </c>
      <c r="NK36" s="348">
        <v>136242</v>
      </c>
      <c r="NL36" s="346">
        <v>136242</v>
      </c>
      <c r="NM36" s="347">
        <v>0</v>
      </c>
      <c r="NN36" s="344">
        <v>0</v>
      </c>
      <c r="NO36" s="348">
        <v>0</v>
      </c>
      <c r="NP36" s="403">
        <v>0</v>
      </c>
      <c r="NQ36" s="344">
        <v>0</v>
      </c>
      <c r="NR36" s="344">
        <v>0</v>
      </c>
      <c r="NS36" s="344">
        <v>0</v>
      </c>
      <c r="NT36" s="344">
        <v>0</v>
      </c>
      <c r="NU36" s="344">
        <v>0</v>
      </c>
      <c r="NV36" s="348">
        <v>0</v>
      </c>
      <c r="NW36" s="349">
        <v>0</v>
      </c>
      <c r="NX36" s="347">
        <v>0</v>
      </c>
      <c r="NY36" s="344">
        <v>0</v>
      </c>
      <c r="NZ36" s="348">
        <v>0</v>
      </c>
      <c r="OA36" s="403">
        <v>0</v>
      </c>
      <c r="OB36" s="344">
        <v>0</v>
      </c>
      <c r="OC36" s="344">
        <v>0</v>
      </c>
      <c r="OD36" s="344">
        <v>0</v>
      </c>
      <c r="OE36" s="344">
        <v>0</v>
      </c>
      <c r="OF36" s="344">
        <v>0</v>
      </c>
      <c r="OG36" s="348">
        <v>0</v>
      </c>
      <c r="OH36" s="349">
        <v>0</v>
      </c>
      <c r="OI36" s="347">
        <v>3608</v>
      </c>
      <c r="OJ36" s="344">
        <v>49920</v>
      </c>
      <c r="OK36" s="345">
        <v>53528</v>
      </c>
      <c r="OL36" s="350">
        <v>0</v>
      </c>
      <c r="OM36" s="344">
        <v>582296</v>
      </c>
      <c r="ON36" s="344">
        <v>390233</v>
      </c>
      <c r="OO36" s="344">
        <v>1088370</v>
      </c>
      <c r="OP36" s="344">
        <v>1193127</v>
      </c>
      <c r="OQ36" s="344">
        <v>274976</v>
      </c>
      <c r="OR36" s="348">
        <v>3529002</v>
      </c>
      <c r="OS36" s="353">
        <v>3582530</v>
      </c>
    </row>
    <row r="37" spans="2:409" s="70" customFormat="1" ht="21" customHeight="1" x14ac:dyDescent="0.2">
      <c r="B37" s="409" t="s">
        <v>32</v>
      </c>
      <c r="C37" s="325">
        <v>1200</v>
      </c>
      <c r="D37" s="326">
        <v>14400</v>
      </c>
      <c r="E37" s="367">
        <v>15600</v>
      </c>
      <c r="F37" s="369">
        <v>0</v>
      </c>
      <c r="G37" s="368">
        <v>517683</v>
      </c>
      <c r="H37" s="368">
        <v>1028281</v>
      </c>
      <c r="I37" s="368">
        <v>736059</v>
      </c>
      <c r="J37" s="368">
        <v>259439</v>
      </c>
      <c r="K37" s="368">
        <v>497648</v>
      </c>
      <c r="L37" s="369">
        <v>3039110</v>
      </c>
      <c r="M37" s="329">
        <v>3054710</v>
      </c>
      <c r="N37" s="325">
        <v>0</v>
      </c>
      <c r="O37" s="326">
        <v>0</v>
      </c>
      <c r="P37" s="327">
        <v>0</v>
      </c>
      <c r="Q37" s="325">
        <v>0</v>
      </c>
      <c r="R37" s="326">
        <v>197683</v>
      </c>
      <c r="S37" s="326">
        <v>234490</v>
      </c>
      <c r="T37" s="326">
        <v>49016</v>
      </c>
      <c r="U37" s="326">
        <v>33488</v>
      </c>
      <c r="V37" s="326">
        <v>249536</v>
      </c>
      <c r="W37" s="327">
        <v>764213</v>
      </c>
      <c r="X37" s="329">
        <v>764213</v>
      </c>
      <c r="Y37" s="325">
        <v>0</v>
      </c>
      <c r="Z37" s="326">
        <v>0</v>
      </c>
      <c r="AA37" s="327">
        <v>0</v>
      </c>
      <c r="AB37" s="325">
        <v>0</v>
      </c>
      <c r="AC37" s="326">
        <v>122824</v>
      </c>
      <c r="AD37" s="326">
        <v>73144</v>
      </c>
      <c r="AE37" s="326">
        <v>0</v>
      </c>
      <c r="AF37" s="326">
        <v>0</v>
      </c>
      <c r="AG37" s="326">
        <v>177376</v>
      </c>
      <c r="AH37" s="327">
        <v>373344</v>
      </c>
      <c r="AI37" s="329">
        <v>373344</v>
      </c>
      <c r="AJ37" s="325">
        <v>0</v>
      </c>
      <c r="AK37" s="326">
        <v>0</v>
      </c>
      <c r="AL37" s="327">
        <v>0</v>
      </c>
      <c r="AM37" s="325">
        <v>0</v>
      </c>
      <c r="AN37" s="326">
        <v>0</v>
      </c>
      <c r="AO37" s="326">
        <v>0</v>
      </c>
      <c r="AP37" s="326">
        <v>0</v>
      </c>
      <c r="AQ37" s="326">
        <v>0</v>
      </c>
      <c r="AR37" s="326">
        <v>46112</v>
      </c>
      <c r="AS37" s="327">
        <v>46112</v>
      </c>
      <c r="AT37" s="329">
        <v>46112</v>
      </c>
      <c r="AU37" s="325">
        <v>0</v>
      </c>
      <c r="AV37" s="326">
        <v>0</v>
      </c>
      <c r="AW37" s="327">
        <v>0</v>
      </c>
      <c r="AX37" s="325">
        <v>0</v>
      </c>
      <c r="AY37" s="326">
        <v>74859</v>
      </c>
      <c r="AZ37" s="326">
        <v>115058</v>
      </c>
      <c r="BA37" s="326">
        <v>0</v>
      </c>
      <c r="BB37" s="326">
        <v>0</v>
      </c>
      <c r="BC37" s="326">
        <v>0</v>
      </c>
      <c r="BD37" s="327">
        <v>189917</v>
      </c>
      <c r="BE37" s="329">
        <v>189917</v>
      </c>
      <c r="BF37" s="325">
        <v>0</v>
      </c>
      <c r="BG37" s="326">
        <v>0</v>
      </c>
      <c r="BH37" s="330">
        <v>0</v>
      </c>
      <c r="BI37" s="331">
        <v>0</v>
      </c>
      <c r="BJ37" s="326">
        <v>0</v>
      </c>
      <c r="BK37" s="326">
        <v>22944</v>
      </c>
      <c r="BL37" s="326">
        <v>0</v>
      </c>
      <c r="BM37" s="326">
        <v>0</v>
      </c>
      <c r="BN37" s="326">
        <v>0</v>
      </c>
      <c r="BO37" s="327">
        <v>22944</v>
      </c>
      <c r="BP37" s="329">
        <v>22944</v>
      </c>
      <c r="BQ37" s="325">
        <v>0</v>
      </c>
      <c r="BR37" s="326">
        <v>0</v>
      </c>
      <c r="BS37" s="327">
        <v>0</v>
      </c>
      <c r="BT37" s="325">
        <v>0</v>
      </c>
      <c r="BU37" s="326">
        <v>0</v>
      </c>
      <c r="BV37" s="326">
        <v>23344</v>
      </c>
      <c r="BW37" s="326">
        <v>49016</v>
      </c>
      <c r="BX37" s="326">
        <v>33488</v>
      </c>
      <c r="BY37" s="326">
        <v>26048</v>
      </c>
      <c r="BZ37" s="327">
        <v>131896</v>
      </c>
      <c r="CA37" s="329">
        <v>131896</v>
      </c>
      <c r="CB37" s="325">
        <v>0</v>
      </c>
      <c r="CC37" s="326">
        <v>0</v>
      </c>
      <c r="CD37" s="327">
        <v>0</v>
      </c>
      <c r="CE37" s="325">
        <v>0</v>
      </c>
      <c r="CF37" s="326">
        <v>96136</v>
      </c>
      <c r="CG37" s="326">
        <v>305836</v>
      </c>
      <c r="CH37" s="326">
        <v>196304</v>
      </c>
      <c r="CI37" s="326">
        <v>0</v>
      </c>
      <c r="CJ37" s="326">
        <v>0</v>
      </c>
      <c r="CK37" s="327">
        <v>598276</v>
      </c>
      <c r="CL37" s="329">
        <v>598276</v>
      </c>
      <c r="CM37" s="325">
        <v>0</v>
      </c>
      <c r="CN37" s="326">
        <v>0</v>
      </c>
      <c r="CO37" s="327">
        <v>0</v>
      </c>
      <c r="CP37" s="331">
        <v>0</v>
      </c>
      <c r="CQ37" s="326">
        <v>96136</v>
      </c>
      <c r="CR37" s="326">
        <v>228264</v>
      </c>
      <c r="CS37" s="326">
        <v>196304</v>
      </c>
      <c r="CT37" s="326">
        <v>0</v>
      </c>
      <c r="CU37" s="326">
        <v>0</v>
      </c>
      <c r="CV37" s="327">
        <v>520704</v>
      </c>
      <c r="CW37" s="329">
        <v>520704</v>
      </c>
      <c r="CX37" s="325">
        <v>0</v>
      </c>
      <c r="CY37" s="326">
        <v>0</v>
      </c>
      <c r="CZ37" s="327">
        <v>0</v>
      </c>
      <c r="DA37" s="325">
        <v>0</v>
      </c>
      <c r="DB37" s="326">
        <v>0</v>
      </c>
      <c r="DC37" s="326">
        <v>77572</v>
      </c>
      <c r="DD37" s="326">
        <v>0</v>
      </c>
      <c r="DE37" s="326">
        <v>0</v>
      </c>
      <c r="DF37" s="326">
        <v>0</v>
      </c>
      <c r="DG37" s="327">
        <v>77572</v>
      </c>
      <c r="DH37" s="329">
        <v>77572</v>
      </c>
      <c r="DI37" s="325">
        <v>0</v>
      </c>
      <c r="DJ37" s="326">
        <v>0</v>
      </c>
      <c r="DK37" s="330">
        <v>0</v>
      </c>
      <c r="DL37" s="331">
        <v>0</v>
      </c>
      <c r="DM37" s="326">
        <v>0</v>
      </c>
      <c r="DN37" s="326">
        <v>49238</v>
      </c>
      <c r="DO37" s="326">
        <v>0</v>
      </c>
      <c r="DP37" s="326">
        <v>0</v>
      </c>
      <c r="DQ37" s="326">
        <v>0</v>
      </c>
      <c r="DR37" s="327">
        <v>49238</v>
      </c>
      <c r="DS37" s="329">
        <v>49238</v>
      </c>
      <c r="DT37" s="325">
        <v>0</v>
      </c>
      <c r="DU37" s="326">
        <v>0</v>
      </c>
      <c r="DV37" s="327">
        <v>0</v>
      </c>
      <c r="DW37" s="325">
        <v>0</v>
      </c>
      <c r="DX37" s="326">
        <v>0</v>
      </c>
      <c r="DY37" s="326">
        <v>49238</v>
      </c>
      <c r="DZ37" s="326">
        <v>0</v>
      </c>
      <c r="EA37" s="326">
        <v>0</v>
      </c>
      <c r="EB37" s="326">
        <v>0</v>
      </c>
      <c r="EC37" s="327">
        <v>49238</v>
      </c>
      <c r="ED37" s="329">
        <v>49238</v>
      </c>
      <c r="EE37" s="325">
        <v>0</v>
      </c>
      <c r="EF37" s="330">
        <v>0</v>
      </c>
      <c r="EG37" s="327">
        <v>0</v>
      </c>
      <c r="EH37" s="325">
        <v>0</v>
      </c>
      <c r="EI37" s="326">
        <v>0</v>
      </c>
      <c r="EJ37" s="326">
        <v>0</v>
      </c>
      <c r="EK37" s="326">
        <v>0</v>
      </c>
      <c r="EL37" s="326">
        <v>0</v>
      </c>
      <c r="EM37" s="326">
        <v>0</v>
      </c>
      <c r="EN37" s="330">
        <v>0</v>
      </c>
      <c r="EO37" s="329">
        <v>0</v>
      </c>
      <c r="EP37" s="325">
        <v>0</v>
      </c>
      <c r="EQ37" s="326">
        <v>0</v>
      </c>
      <c r="ER37" s="330">
        <v>0</v>
      </c>
      <c r="ES37" s="331">
        <v>0</v>
      </c>
      <c r="ET37" s="326">
        <v>0</v>
      </c>
      <c r="EU37" s="326">
        <v>0</v>
      </c>
      <c r="EV37" s="326">
        <v>0</v>
      </c>
      <c r="EW37" s="326">
        <v>0</v>
      </c>
      <c r="EX37" s="326">
        <v>0</v>
      </c>
      <c r="EY37" s="327">
        <v>0</v>
      </c>
      <c r="EZ37" s="329">
        <v>0</v>
      </c>
      <c r="FA37" s="325">
        <v>0</v>
      </c>
      <c r="FB37" s="326">
        <v>0</v>
      </c>
      <c r="FC37" s="330">
        <v>0</v>
      </c>
      <c r="FD37" s="331">
        <v>0</v>
      </c>
      <c r="FE37" s="326">
        <v>0</v>
      </c>
      <c r="FF37" s="326">
        <v>0</v>
      </c>
      <c r="FG37" s="326">
        <v>0</v>
      </c>
      <c r="FH37" s="326">
        <v>0</v>
      </c>
      <c r="FI37" s="326">
        <v>0</v>
      </c>
      <c r="FJ37" s="327">
        <v>0</v>
      </c>
      <c r="FK37" s="329">
        <v>0</v>
      </c>
      <c r="FL37" s="325">
        <v>1200</v>
      </c>
      <c r="FM37" s="326">
        <v>14400</v>
      </c>
      <c r="FN37" s="327">
        <v>15600</v>
      </c>
      <c r="FO37" s="325">
        <v>0</v>
      </c>
      <c r="FP37" s="326">
        <v>70432</v>
      </c>
      <c r="FQ37" s="326">
        <v>94008</v>
      </c>
      <c r="FR37" s="326">
        <v>10600</v>
      </c>
      <c r="FS37" s="326">
        <v>6000</v>
      </c>
      <c r="FT37" s="326">
        <v>22080</v>
      </c>
      <c r="FU37" s="327">
        <v>203120</v>
      </c>
      <c r="FV37" s="329">
        <v>218720</v>
      </c>
      <c r="FW37" s="332">
        <v>1200</v>
      </c>
      <c r="FX37" s="326">
        <v>14400</v>
      </c>
      <c r="FY37" s="330">
        <v>15600</v>
      </c>
      <c r="FZ37" s="331">
        <v>0</v>
      </c>
      <c r="GA37" s="326">
        <v>33120</v>
      </c>
      <c r="GB37" s="326">
        <v>94008</v>
      </c>
      <c r="GC37" s="326">
        <v>10600</v>
      </c>
      <c r="GD37" s="326">
        <v>6000</v>
      </c>
      <c r="GE37" s="326">
        <v>22080</v>
      </c>
      <c r="GF37" s="327">
        <v>165808</v>
      </c>
      <c r="GG37" s="333">
        <v>181408</v>
      </c>
      <c r="GH37" s="332">
        <v>0</v>
      </c>
      <c r="GI37" s="326">
        <v>0</v>
      </c>
      <c r="GJ37" s="330">
        <v>0</v>
      </c>
      <c r="GK37" s="331">
        <v>0</v>
      </c>
      <c r="GL37" s="326">
        <v>37312</v>
      </c>
      <c r="GM37" s="326">
        <v>0</v>
      </c>
      <c r="GN37" s="326">
        <v>0</v>
      </c>
      <c r="GO37" s="326">
        <v>0</v>
      </c>
      <c r="GP37" s="326">
        <v>0</v>
      </c>
      <c r="GQ37" s="327">
        <v>37312</v>
      </c>
      <c r="GR37" s="329">
        <v>37312</v>
      </c>
      <c r="GS37" s="325">
        <v>0</v>
      </c>
      <c r="GT37" s="326">
        <v>0</v>
      </c>
      <c r="GU37" s="327">
        <v>0</v>
      </c>
      <c r="GV37" s="325">
        <v>0</v>
      </c>
      <c r="GW37" s="326">
        <v>0</v>
      </c>
      <c r="GX37" s="326">
        <v>0</v>
      </c>
      <c r="GY37" s="326">
        <v>0</v>
      </c>
      <c r="GZ37" s="326">
        <v>0</v>
      </c>
      <c r="HA37" s="326">
        <v>0</v>
      </c>
      <c r="HB37" s="330">
        <v>0</v>
      </c>
      <c r="HC37" s="329">
        <v>0</v>
      </c>
      <c r="HD37" s="325">
        <v>0</v>
      </c>
      <c r="HE37" s="326">
        <v>0</v>
      </c>
      <c r="HF37" s="330">
        <v>0</v>
      </c>
      <c r="HG37" s="331">
        <v>0</v>
      </c>
      <c r="HH37" s="326">
        <v>153432</v>
      </c>
      <c r="HI37" s="326">
        <v>344709</v>
      </c>
      <c r="HJ37" s="326">
        <v>480139</v>
      </c>
      <c r="HK37" s="326">
        <v>219951</v>
      </c>
      <c r="HL37" s="326">
        <v>226032</v>
      </c>
      <c r="HM37" s="327">
        <v>1424263</v>
      </c>
      <c r="HN37" s="328">
        <v>1424263</v>
      </c>
      <c r="HO37" s="332">
        <v>0</v>
      </c>
      <c r="HP37" s="326">
        <v>0</v>
      </c>
      <c r="HQ37" s="327">
        <v>0</v>
      </c>
      <c r="HR37" s="325">
        <v>0</v>
      </c>
      <c r="HS37" s="326">
        <v>0</v>
      </c>
      <c r="HT37" s="326">
        <v>0</v>
      </c>
      <c r="HU37" s="326">
        <v>0</v>
      </c>
      <c r="HV37" s="326">
        <v>0</v>
      </c>
      <c r="HW37" s="326">
        <v>0</v>
      </c>
      <c r="HX37" s="330">
        <v>0</v>
      </c>
      <c r="HY37" s="329">
        <v>0</v>
      </c>
      <c r="HZ37" s="334">
        <v>0</v>
      </c>
      <c r="IA37" s="335">
        <v>0</v>
      </c>
      <c r="IB37" s="336">
        <v>0</v>
      </c>
      <c r="IC37" s="337">
        <v>0</v>
      </c>
      <c r="ID37" s="335">
        <v>81672</v>
      </c>
      <c r="IE37" s="338">
        <v>289141</v>
      </c>
      <c r="IF37" s="336">
        <v>446464</v>
      </c>
      <c r="IG37" s="335">
        <v>222048</v>
      </c>
      <c r="IH37" s="336">
        <v>42134</v>
      </c>
      <c r="II37" s="339">
        <v>1081459</v>
      </c>
      <c r="IJ37" s="340">
        <v>1081459</v>
      </c>
      <c r="IK37" s="341">
        <v>0</v>
      </c>
      <c r="IL37" s="342">
        <v>0</v>
      </c>
      <c r="IM37" s="343">
        <v>0</v>
      </c>
      <c r="IN37" s="403">
        <v>0</v>
      </c>
      <c r="IO37" s="344">
        <v>0</v>
      </c>
      <c r="IP37" s="344">
        <v>102136</v>
      </c>
      <c r="IQ37" s="344">
        <v>0</v>
      </c>
      <c r="IR37" s="344">
        <v>0</v>
      </c>
      <c r="IS37" s="344">
        <v>0</v>
      </c>
      <c r="IT37" s="345">
        <v>102136</v>
      </c>
      <c r="IU37" s="346">
        <v>102136</v>
      </c>
      <c r="IV37" s="347">
        <v>0</v>
      </c>
      <c r="IW37" s="344">
        <v>0</v>
      </c>
      <c r="IX37" s="348">
        <v>0</v>
      </c>
      <c r="IY37" s="403">
        <v>0</v>
      </c>
      <c r="IZ37" s="344">
        <v>0</v>
      </c>
      <c r="JA37" s="344">
        <v>0</v>
      </c>
      <c r="JB37" s="344">
        <v>0</v>
      </c>
      <c r="JC37" s="344">
        <v>0</v>
      </c>
      <c r="JD37" s="344">
        <v>0</v>
      </c>
      <c r="JE37" s="348">
        <v>0</v>
      </c>
      <c r="JF37" s="349">
        <v>0</v>
      </c>
      <c r="JG37" s="347">
        <v>0</v>
      </c>
      <c r="JH37" s="344">
        <v>0</v>
      </c>
      <c r="JI37" s="345">
        <v>0</v>
      </c>
      <c r="JJ37" s="350">
        <v>0</v>
      </c>
      <c r="JK37" s="344">
        <v>81672</v>
      </c>
      <c r="JL37" s="344">
        <v>187005</v>
      </c>
      <c r="JM37" s="344">
        <v>0</v>
      </c>
      <c r="JN37" s="344">
        <v>0</v>
      </c>
      <c r="JO37" s="344">
        <v>42134</v>
      </c>
      <c r="JP37" s="348">
        <v>310811</v>
      </c>
      <c r="JQ37" s="346">
        <v>310811</v>
      </c>
      <c r="JR37" s="347">
        <v>0</v>
      </c>
      <c r="JS37" s="344">
        <v>0</v>
      </c>
      <c r="JT37" s="345">
        <v>0</v>
      </c>
      <c r="JU37" s="350">
        <v>0</v>
      </c>
      <c r="JV37" s="344">
        <v>0</v>
      </c>
      <c r="JW37" s="344">
        <v>0</v>
      </c>
      <c r="JX37" s="344">
        <v>0</v>
      </c>
      <c r="JY37" s="344">
        <v>0</v>
      </c>
      <c r="JZ37" s="344">
        <v>0</v>
      </c>
      <c r="KA37" s="348">
        <v>0</v>
      </c>
      <c r="KB37" s="346">
        <v>0</v>
      </c>
      <c r="KC37" s="351">
        <v>0</v>
      </c>
      <c r="KD37" s="352">
        <v>0</v>
      </c>
      <c r="KE37" s="348">
        <v>0</v>
      </c>
      <c r="KF37" s="350">
        <v>0</v>
      </c>
      <c r="KG37" s="344">
        <v>0</v>
      </c>
      <c r="KH37" s="344">
        <v>0</v>
      </c>
      <c r="KI37" s="344">
        <v>0</v>
      </c>
      <c r="KJ37" s="344">
        <v>0</v>
      </c>
      <c r="KK37" s="344">
        <v>0</v>
      </c>
      <c r="KL37" s="348">
        <v>0</v>
      </c>
      <c r="KM37" s="353">
        <v>0</v>
      </c>
      <c r="KN37" s="341">
        <v>0</v>
      </c>
      <c r="KO37" s="342">
        <v>0</v>
      </c>
      <c r="KP37" s="343">
        <v>0</v>
      </c>
      <c r="KQ37" s="403">
        <v>0</v>
      </c>
      <c r="KR37" s="344">
        <v>0</v>
      </c>
      <c r="KS37" s="344">
        <v>0</v>
      </c>
      <c r="KT37" s="344">
        <v>243896</v>
      </c>
      <c r="KU37" s="344">
        <v>0</v>
      </c>
      <c r="KV37" s="344">
        <v>0</v>
      </c>
      <c r="KW37" s="348">
        <v>243896</v>
      </c>
      <c r="KX37" s="346">
        <v>243896</v>
      </c>
      <c r="KY37" s="347">
        <v>0</v>
      </c>
      <c r="KZ37" s="344">
        <v>0</v>
      </c>
      <c r="LA37" s="348">
        <v>0</v>
      </c>
      <c r="LB37" s="403">
        <v>0</v>
      </c>
      <c r="LC37" s="344">
        <v>0</v>
      </c>
      <c r="LD37" s="344">
        <v>0</v>
      </c>
      <c r="LE37" s="344">
        <v>0</v>
      </c>
      <c r="LF37" s="344">
        <v>0</v>
      </c>
      <c r="LG37" s="344">
        <v>0</v>
      </c>
      <c r="LH37" s="348">
        <v>0</v>
      </c>
      <c r="LI37" s="349">
        <v>0</v>
      </c>
      <c r="LJ37" s="347">
        <v>0</v>
      </c>
      <c r="LK37" s="344">
        <v>0</v>
      </c>
      <c r="LL37" s="348">
        <v>0</v>
      </c>
      <c r="LM37" s="403">
        <v>0</v>
      </c>
      <c r="LN37" s="344">
        <v>0</v>
      </c>
      <c r="LO37" s="344">
        <v>0</v>
      </c>
      <c r="LP37" s="344">
        <v>202568</v>
      </c>
      <c r="LQ37" s="344">
        <v>222048</v>
      </c>
      <c r="LR37" s="344">
        <v>0</v>
      </c>
      <c r="LS37" s="348">
        <v>424616</v>
      </c>
      <c r="LT37" s="346">
        <v>424616</v>
      </c>
      <c r="LU37" s="347">
        <v>0</v>
      </c>
      <c r="LV37" s="344">
        <v>0</v>
      </c>
      <c r="LW37" s="348">
        <v>0</v>
      </c>
      <c r="LX37" s="403">
        <v>0</v>
      </c>
      <c r="LY37" s="344">
        <v>0</v>
      </c>
      <c r="LZ37" s="344">
        <v>0</v>
      </c>
      <c r="MA37" s="344">
        <v>0</v>
      </c>
      <c r="MB37" s="344">
        <v>0</v>
      </c>
      <c r="MC37" s="344">
        <v>0</v>
      </c>
      <c r="MD37" s="348">
        <v>0</v>
      </c>
      <c r="ME37" s="349">
        <v>0</v>
      </c>
      <c r="MF37" s="347">
        <v>0</v>
      </c>
      <c r="MG37" s="344">
        <v>0</v>
      </c>
      <c r="MH37" s="348">
        <v>0</v>
      </c>
      <c r="MI37" s="403">
        <v>0</v>
      </c>
      <c r="MJ37" s="344">
        <v>0</v>
      </c>
      <c r="MK37" s="344">
        <v>0</v>
      </c>
      <c r="ML37" s="344">
        <v>0</v>
      </c>
      <c r="MM37" s="344">
        <v>1314212</v>
      </c>
      <c r="MN37" s="344">
        <v>889042</v>
      </c>
      <c r="MO37" s="348">
        <v>2203254</v>
      </c>
      <c r="MP37" s="353">
        <v>2203254</v>
      </c>
      <c r="MQ37" s="347">
        <v>0</v>
      </c>
      <c r="MR37" s="344">
        <v>0</v>
      </c>
      <c r="MS37" s="348">
        <v>0</v>
      </c>
      <c r="MT37" s="403">
        <v>0</v>
      </c>
      <c r="MU37" s="344">
        <v>0</v>
      </c>
      <c r="MV37" s="344">
        <v>0</v>
      </c>
      <c r="MW37" s="344">
        <v>0</v>
      </c>
      <c r="MX37" s="344">
        <v>745440</v>
      </c>
      <c r="MY37" s="344">
        <v>574398</v>
      </c>
      <c r="MZ37" s="348">
        <v>1319838</v>
      </c>
      <c r="NA37" s="353">
        <v>1319838</v>
      </c>
      <c r="NB37" s="347">
        <v>0</v>
      </c>
      <c r="NC37" s="344">
        <v>0</v>
      </c>
      <c r="ND37" s="348">
        <v>0</v>
      </c>
      <c r="NE37" s="403">
        <v>0</v>
      </c>
      <c r="NF37" s="344">
        <v>0</v>
      </c>
      <c r="NG37" s="344">
        <v>0</v>
      </c>
      <c r="NH37" s="344">
        <v>0</v>
      </c>
      <c r="NI37" s="344">
        <v>568772</v>
      </c>
      <c r="NJ37" s="344">
        <v>314644</v>
      </c>
      <c r="NK37" s="348">
        <v>883416</v>
      </c>
      <c r="NL37" s="346">
        <v>883416</v>
      </c>
      <c r="NM37" s="347">
        <v>0</v>
      </c>
      <c r="NN37" s="344">
        <v>0</v>
      </c>
      <c r="NO37" s="348">
        <v>0</v>
      </c>
      <c r="NP37" s="403">
        <v>0</v>
      </c>
      <c r="NQ37" s="344">
        <v>0</v>
      </c>
      <c r="NR37" s="344">
        <v>0</v>
      </c>
      <c r="NS37" s="344">
        <v>0</v>
      </c>
      <c r="NT37" s="344">
        <v>0</v>
      </c>
      <c r="NU37" s="344">
        <v>0</v>
      </c>
      <c r="NV37" s="348">
        <v>0</v>
      </c>
      <c r="NW37" s="349">
        <v>0</v>
      </c>
      <c r="NX37" s="347">
        <v>0</v>
      </c>
      <c r="NY37" s="344">
        <v>0</v>
      </c>
      <c r="NZ37" s="348">
        <v>0</v>
      </c>
      <c r="OA37" s="403">
        <v>0</v>
      </c>
      <c r="OB37" s="344">
        <v>0</v>
      </c>
      <c r="OC37" s="344">
        <v>0</v>
      </c>
      <c r="OD37" s="344">
        <v>0</v>
      </c>
      <c r="OE37" s="344">
        <v>0</v>
      </c>
      <c r="OF37" s="344">
        <v>0</v>
      </c>
      <c r="OG37" s="348">
        <v>0</v>
      </c>
      <c r="OH37" s="349">
        <v>0</v>
      </c>
      <c r="OI37" s="347">
        <v>1200</v>
      </c>
      <c r="OJ37" s="344">
        <v>14400</v>
      </c>
      <c r="OK37" s="345">
        <v>15600</v>
      </c>
      <c r="OL37" s="350">
        <v>0</v>
      </c>
      <c r="OM37" s="344">
        <v>599355</v>
      </c>
      <c r="ON37" s="344">
        <v>1317422</v>
      </c>
      <c r="OO37" s="344">
        <v>1182523</v>
      </c>
      <c r="OP37" s="344">
        <v>1795699</v>
      </c>
      <c r="OQ37" s="344">
        <v>1428824</v>
      </c>
      <c r="OR37" s="348">
        <v>6323823</v>
      </c>
      <c r="OS37" s="353">
        <v>6339423</v>
      </c>
    </row>
    <row r="38" spans="2:409" s="70" customFormat="1" ht="21" customHeight="1" x14ac:dyDescent="0.2">
      <c r="B38" s="409" t="s">
        <v>33</v>
      </c>
      <c r="C38" s="325">
        <v>75020</v>
      </c>
      <c r="D38" s="326">
        <v>62148</v>
      </c>
      <c r="E38" s="327">
        <v>137168</v>
      </c>
      <c r="F38" s="328">
        <v>0</v>
      </c>
      <c r="G38" s="326">
        <v>225665</v>
      </c>
      <c r="H38" s="326">
        <v>222962</v>
      </c>
      <c r="I38" s="326">
        <v>144486</v>
      </c>
      <c r="J38" s="326">
        <v>0</v>
      </c>
      <c r="K38" s="326">
        <v>524248</v>
      </c>
      <c r="L38" s="366">
        <v>1117361</v>
      </c>
      <c r="M38" s="329">
        <v>1254529</v>
      </c>
      <c r="N38" s="325">
        <v>70220</v>
      </c>
      <c r="O38" s="326">
        <v>23528</v>
      </c>
      <c r="P38" s="327">
        <v>93748</v>
      </c>
      <c r="Q38" s="325">
        <v>0</v>
      </c>
      <c r="R38" s="326">
        <v>180839</v>
      </c>
      <c r="S38" s="326">
        <v>26582</v>
      </c>
      <c r="T38" s="326">
        <v>136446</v>
      </c>
      <c r="U38" s="326">
        <v>0</v>
      </c>
      <c r="V38" s="326">
        <v>50200</v>
      </c>
      <c r="W38" s="327">
        <v>394067</v>
      </c>
      <c r="X38" s="329">
        <v>487815</v>
      </c>
      <c r="Y38" s="325">
        <v>0</v>
      </c>
      <c r="Z38" s="326">
        <v>0</v>
      </c>
      <c r="AA38" s="327">
        <v>0</v>
      </c>
      <c r="AB38" s="325">
        <v>0</v>
      </c>
      <c r="AC38" s="326">
        <v>30873</v>
      </c>
      <c r="AD38" s="326">
        <v>0</v>
      </c>
      <c r="AE38" s="326">
        <v>41003</v>
      </c>
      <c r="AF38" s="326">
        <v>0</v>
      </c>
      <c r="AG38" s="326">
        <v>50200</v>
      </c>
      <c r="AH38" s="327">
        <v>122076</v>
      </c>
      <c r="AI38" s="329">
        <v>122076</v>
      </c>
      <c r="AJ38" s="325">
        <v>0</v>
      </c>
      <c r="AK38" s="326">
        <v>0</v>
      </c>
      <c r="AL38" s="327">
        <v>0</v>
      </c>
      <c r="AM38" s="325">
        <v>0</v>
      </c>
      <c r="AN38" s="326">
        <v>0</v>
      </c>
      <c r="AO38" s="326">
        <v>0</v>
      </c>
      <c r="AP38" s="326">
        <v>0</v>
      </c>
      <c r="AQ38" s="326">
        <v>0</v>
      </c>
      <c r="AR38" s="326">
        <v>0</v>
      </c>
      <c r="AS38" s="327">
        <v>0</v>
      </c>
      <c r="AT38" s="329">
        <v>0</v>
      </c>
      <c r="AU38" s="325">
        <v>0</v>
      </c>
      <c r="AV38" s="326">
        <v>0</v>
      </c>
      <c r="AW38" s="327">
        <v>0</v>
      </c>
      <c r="AX38" s="325">
        <v>0</v>
      </c>
      <c r="AY38" s="326">
        <v>82817</v>
      </c>
      <c r="AZ38" s="326">
        <v>16982</v>
      </c>
      <c r="BA38" s="326">
        <v>20044</v>
      </c>
      <c r="BB38" s="326">
        <v>0</v>
      </c>
      <c r="BC38" s="326">
        <v>0</v>
      </c>
      <c r="BD38" s="327">
        <v>119843</v>
      </c>
      <c r="BE38" s="329">
        <v>119843</v>
      </c>
      <c r="BF38" s="325">
        <v>70220</v>
      </c>
      <c r="BG38" s="326">
        <v>23528</v>
      </c>
      <c r="BH38" s="330">
        <v>93748</v>
      </c>
      <c r="BI38" s="331">
        <v>0</v>
      </c>
      <c r="BJ38" s="326">
        <v>53477</v>
      </c>
      <c r="BK38" s="326">
        <v>0</v>
      </c>
      <c r="BL38" s="326">
        <v>68975</v>
      </c>
      <c r="BM38" s="326">
        <v>0</v>
      </c>
      <c r="BN38" s="326">
        <v>0</v>
      </c>
      <c r="BO38" s="327">
        <v>122452</v>
      </c>
      <c r="BP38" s="329">
        <v>216200</v>
      </c>
      <c r="BQ38" s="325">
        <v>0</v>
      </c>
      <c r="BR38" s="326">
        <v>0</v>
      </c>
      <c r="BS38" s="327">
        <v>0</v>
      </c>
      <c r="BT38" s="325">
        <v>0</v>
      </c>
      <c r="BU38" s="326">
        <v>13672</v>
      </c>
      <c r="BV38" s="326">
        <v>9600</v>
      </c>
      <c r="BW38" s="326">
        <v>6424</v>
      </c>
      <c r="BX38" s="326">
        <v>0</v>
      </c>
      <c r="BY38" s="326">
        <v>0</v>
      </c>
      <c r="BZ38" s="327">
        <v>29696</v>
      </c>
      <c r="CA38" s="329">
        <v>29696</v>
      </c>
      <c r="CB38" s="325">
        <v>0</v>
      </c>
      <c r="CC38" s="326">
        <v>38620</v>
      </c>
      <c r="CD38" s="327">
        <v>38620</v>
      </c>
      <c r="CE38" s="325">
        <v>0</v>
      </c>
      <c r="CF38" s="326">
        <v>18826</v>
      </c>
      <c r="CG38" s="326">
        <v>0</v>
      </c>
      <c r="CH38" s="326">
        <v>0</v>
      </c>
      <c r="CI38" s="326">
        <v>0</v>
      </c>
      <c r="CJ38" s="326">
        <v>0</v>
      </c>
      <c r="CK38" s="327">
        <v>18826</v>
      </c>
      <c r="CL38" s="329">
        <v>57446</v>
      </c>
      <c r="CM38" s="325">
        <v>0</v>
      </c>
      <c r="CN38" s="326">
        <v>0</v>
      </c>
      <c r="CO38" s="327">
        <v>0</v>
      </c>
      <c r="CP38" s="331">
        <v>0</v>
      </c>
      <c r="CQ38" s="326">
        <v>18826</v>
      </c>
      <c r="CR38" s="326">
        <v>0</v>
      </c>
      <c r="CS38" s="326">
        <v>0</v>
      </c>
      <c r="CT38" s="326">
        <v>0</v>
      </c>
      <c r="CU38" s="326">
        <v>0</v>
      </c>
      <c r="CV38" s="327">
        <v>18826</v>
      </c>
      <c r="CW38" s="329">
        <v>18826</v>
      </c>
      <c r="CX38" s="325">
        <v>0</v>
      </c>
      <c r="CY38" s="326">
        <v>38620</v>
      </c>
      <c r="CZ38" s="327">
        <v>38620</v>
      </c>
      <c r="DA38" s="325">
        <v>0</v>
      </c>
      <c r="DB38" s="326">
        <v>0</v>
      </c>
      <c r="DC38" s="326">
        <v>0</v>
      </c>
      <c r="DD38" s="326">
        <v>0</v>
      </c>
      <c r="DE38" s="326">
        <v>0</v>
      </c>
      <c r="DF38" s="326">
        <v>0</v>
      </c>
      <c r="DG38" s="327">
        <v>0</v>
      </c>
      <c r="DH38" s="329">
        <v>38620</v>
      </c>
      <c r="DI38" s="325">
        <v>0</v>
      </c>
      <c r="DJ38" s="326">
        <v>0</v>
      </c>
      <c r="DK38" s="330">
        <v>0</v>
      </c>
      <c r="DL38" s="331">
        <v>0</v>
      </c>
      <c r="DM38" s="326">
        <v>0</v>
      </c>
      <c r="DN38" s="326">
        <v>0</v>
      </c>
      <c r="DO38" s="326">
        <v>0</v>
      </c>
      <c r="DP38" s="326">
        <v>0</v>
      </c>
      <c r="DQ38" s="326">
        <v>467648</v>
      </c>
      <c r="DR38" s="327">
        <v>467648</v>
      </c>
      <c r="DS38" s="329">
        <v>467648</v>
      </c>
      <c r="DT38" s="325">
        <v>0</v>
      </c>
      <c r="DU38" s="326">
        <v>0</v>
      </c>
      <c r="DV38" s="327">
        <v>0</v>
      </c>
      <c r="DW38" s="325">
        <v>0</v>
      </c>
      <c r="DX38" s="326">
        <v>0</v>
      </c>
      <c r="DY38" s="326">
        <v>0</v>
      </c>
      <c r="DZ38" s="326">
        <v>0</v>
      </c>
      <c r="EA38" s="326">
        <v>0</v>
      </c>
      <c r="EB38" s="326">
        <v>467648</v>
      </c>
      <c r="EC38" s="327">
        <v>467648</v>
      </c>
      <c r="ED38" s="329">
        <v>467648</v>
      </c>
      <c r="EE38" s="325">
        <v>0</v>
      </c>
      <c r="EF38" s="330">
        <v>0</v>
      </c>
      <c r="EG38" s="327">
        <v>0</v>
      </c>
      <c r="EH38" s="325">
        <v>0</v>
      </c>
      <c r="EI38" s="326">
        <v>0</v>
      </c>
      <c r="EJ38" s="326">
        <v>0</v>
      </c>
      <c r="EK38" s="326">
        <v>0</v>
      </c>
      <c r="EL38" s="326">
        <v>0</v>
      </c>
      <c r="EM38" s="326">
        <v>0</v>
      </c>
      <c r="EN38" s="330">
        <v>0</v>
      </c>
      <c r="EO38" s="329">
        <v>0</v>
      </c>
      <c r="EP38" s="325">
        <v>0</v>
      </c>
      <c r="EQ38" s="326">
        <v>0</v>
      </c>
      <c r="ER38" s="330">
        <v>0</v>
      </c>
      <c r="ES38" s="331">
        <v>0</v>
      </c>
      <c r="ET38" s="326">
        <v>0</v>
      </c>
      <c r="EU38" s="326">
        <v>0</v>
      </c>
      <c r="EV38" s="326">
        <v>0</v>
      </c>
      <c r="EW38" s="326">
        <v>0</v>
      </c>
      <c r="EX38" s="326">
        <v>0</v>
      </c>
      <c r="EY38" s="327">
        <v>0</v>
      </c>
      <c r="EZ38" s="329">
        <v>0</v>
      </c>
      <c r="FA38" s="325">
        <v>0</v>
      </c>
      <c r="FB38" s="326">
        <v>0</v>
      </c>
      <c r="FC38" s="330">
        <v>0</v>
      </c>
      <c r="FD38" s="331">
        <v>0</v>
      </c>
      <c r="FE38" s="326">
        <v>0</v>
      </c>
      <c r="FF38" s="326">
        <v>0</v>
      </c>
      <c r="FG38" s="326">
        <v>0</v>
      </c>
      <c r="FH38" s="326">
        <v>0</v>
      </c>
      <c r="FI38" s="326">
        <v>0</v>
      </c>
      <c r="FJ38" s="327">
        <v>0</v>
      </c>
      <c r="FK38" s="329">
        <v>0</v>
      </c>
      <c r="FL38" s="325">
        <v>4800</v>
      </c>
      <c r="FM38" s="326">
        <v>0</v>
      </c>
      <c r="FN38" s="327">
        <v>4800</v>
      </c>
      <c r="FO38" s="325">
        <v>0</v>
      </c>
      <c r="FP38" s="326">
        <v>26000</v>
      </c>
      <c r="FQ38" s="326">
        <v>16800</v>
      </c>
      <c r="FR38" s="326">
        <v>8040</v>
      </c>
      <c r="FS38" s="326">
        <v>0</v>
      </c>
      <c r="FT38" s="326">
        <v>6400</v>
      </c>
      <c r="FU38" s="327">
        <v>57240</v>
      </c>
      <c r="FV38" s="329">
        <v>62040</v>
      </c>
      <c r="FW38" s="332">
        <v>4800</v>
      </c>
      <c r="FX38" s="326">
        <v>0</v>
      </c>
      <c r="FY38" s="330">
        <v>4800</v>
      </c>
      <c r="FZ38" s="331">
        <v>0</v>
      </c>
      <c r="GA38" s="326">
        <v>26000</v>
      </c>
      <c r="GB38" s="326">
        <v>16800</v>
      </c>
      <c r="GC38" s="326">
        <v>8040</v>
      </c>
      <c r="GD38" s="326">
        <v>0</v>
      </c>
      <c r="GE38" s="326">
        <v>6400</v>
      </c>
      <c r="GF38" s="327">
        <v>57240</v>
      </c>
      <c r="GG38" s="333">
        <v>62040</v>
      </c>
      <c r="GH38" s="332">
        <v>0</v>
      </c>
      <c r="GI38" s="326">
        <v>0</v>
      </c>
      <c r="GJ38" s="330">
        <v>0</v>
      </c>
      <c r="GK38" s="331">
        <v>0</v>
      </c>
      <c r="GL38" s="326">
        <v>0</v>
      </c>
      <c r="GM38" s="326">
        <v>0</v>
      </c>
      <c r="GN38" s="326">
        <v>0</v>
      </c>
      <c r="GO38" s="326">
        <v>0</v>
      </c>
      <c r="GP38" s="326">
        <v>0</v>
      </c>
      <c r="GQ38" s="327">
        <v>0</v>
      </c>
      <c r="GR38" s="329">
        <v>0</v>
      </c>
      <c r="GS38" s="325">
        <v>0</v>
      </c>
      <c r="GT38" s="326">
        <v>0</v>
      </c>
      <c r="GU38" s="327">
        <v>0</v>
      </c>
      <c r="GV38" s="325">
        <v>0</v>
      </c>
      <c r="GW38" s="326">
        <v>0</v>
      </c>
      <c r="GX38" s="326">
        <v>0</v>
      </c>
      <c r="GY38" s="326">
        <v>0</v>
      </c>
      <c r="GZ38" s="326">
        <v>0</v>
      </c>
      <c r="HA38" s="326">
        <v>0</v>
      </c>
      <c r="HB38" s="330">
        <v>0</v>
      </c>
      <c r="HC38" s="329">
        <v>0</v>
      </c>
      <c r="HD38" s="325">
        <v>0</v>
      </c>
      <c r="HE38" s="326">
        <v>0</v>
      </c>
      <c r="HF38" s="330">
        <v>0</v>
      </c>
      <c r="HG38" s="331">
        <v>0</v>
      </c>
      <c r="HH38" s="326">
        <v>0</v>
      </c>
      <c r="HI38" s="326">
        <v>179580</v>
      </c>
      <c r="HJ38" s="326">
        <v>0</v>
      </c>
      <c r="HK38" s="326">
        <v>0</v>
      </c>
      <c r="HL38" s="326">
        <v>0</v>
      </c>
      <c r="HM38" s="327">
        <v>179580</v>
      </c>
      <c r="HN38" s="328">
        <v>179580</v>
      </c>
      <c r="HO38" s="332">
        <v>0</v>
      </c>
      <c r="HP38" s="326">
        <v>0</v>
      </c>
      <c r="HQ38" s="327">
        <v>0</v>
      </c>
      <c r="HR38" s="325">
        <v>0</v>
      </c>
      <c r="HS38" s="326">
        <v>0</v>
      </c>
      <c r="HT38" s="326">
        <v>0</v>
      </c>
      <c r="HU38" s="326">
        <v>0</v>
      </c>
      <c r="HV38" s="326">
        <v>0</v>
      </c>
      <c r="HW38" s="326">
        <v>0</v>
      </c>
      <c r="HX38" s="330">
        <v>0</v>
      </c>
      <c r="HY38" s="329">
        <v>0</v>
      </c>
      <c r="HZ38" s="357">
        <v>0</v>
      </c>
      <c r="IA38" s="355">
        <v>0</v>
      </c>
      <c r="IB38" s="357">
        <v>0</v>
      </c>
      <c r="IC38" s="337">
        <v>0</v>
      </c>
      <c r="ID38" s="335">
        <v>190257</v>
      </c>
      <c r="IE38" s="338">
        <v>0</v>
      </c>
      <c r="IF38" s="336">
        <v>124504</v>
      </c>
      <c r="IG38" s="335">
        <v>0</v>
      </c>
      <c r="IH38" s="336">
        <v>0</v>
      </c>
      <c r="II38" s="339">
        <v>314761</v>
      </c>
      <c r="IJ38" s="357">
        <v>314761</v>
      </c>
      <c r="IK38" s="341">
        <v>0</v>
      </c>
      <c r="IL38" s="342">
        <v>0</v>
      </c>
      <c r="IM38" s="343">
        <v>0</v>
      </c>
      <c r="IN38" s="403">
        <v>0</v>
      </c>
      <c r="IO38" s="344">
        <v>0</v>
      </c>
      <c r="IP38" s="344">
        <v>0</v>
      </c>
      <c r="IQ38" s="344">
        <v>0</v>
      </c>
      <c r="IR38" s="344">
        <v>0</v>
      </c>
      <c r="IS38" s="344">
        <v>0</v>
      </c>
      <c r="IT38" s="345">
        <v>0</v>
      </c>
      <c r="IU38" s="346">
        <v>0</v>
      </c>
      <c r="IV38" s="347">
        <v>0</v>
      </c>
      <c r="IW38" s="344">
        <v>0</v>
      </c>
      <c r="IX38" s="348">
        <v>0</v>
      </c>
      <c r="IY38" s="403">
        <v>0</v>
      </c>
      <c r="IZ38" s="344">
        <v>0</v>
      </c>
      <c r="JA38" s="344">
        <v>0</v>
      </c>
      <c r="JB38" s="344">
        <v>0</v>
      </c>
      <c r="JC38" s="344">
        <v>0</v>
      </c>
      <c r="JD38" s="344">
        <v>0</v>
      </c>
      <c r="JE38" s="348">
        <v>0</v>
      </c>
      <c r="JF38" s="349">
        <v>0</v>
      </c>
      <c r="JG38" s="347">
        <v>0</v>
      </c>
      <c r="JH38" s="344">
        <v>0</v>
      </c>
      <c r="JI38" s="345">
        <v>0</v>
      </c>
      <c r="JJ38" s="350">
        <v>0</v>
      </c>
      <c r="JK38" s="344">
        <v>47446</v>
      </c>
      <c r="JL38" s="344">
        <v>0</v>
      </c>
      <c r="JM38" s="344">
        <v>0</v>
      </c>
      <c r="JN38" s="344">
        <v>0</v>
      </c>
      <c r="JO38" s="344">
        <v>0</v>
      </c>
      <c r="JP38" s="348">
        <v>47446</v>
      </c>
      <c r="JQ38" s="346">
        <v>47446</v>
      </c>
      <c r="JR38" s="347">
        <v>0</v>
      </c>
      <c r="JS38" s="344">
        <v>0</v>
      </c>
      <c r="JT38" s="345">
        <v>0</v>
      </c>
      <c r="JU38" s="350">
        <v>0</v>
      </c>
      <c r="JV38" s="344">
        <v>0</v>
      </c>
      <c r="JW38" s="344">
        <v>0</v>
      </c>
      <c r="JX38" s="344">
        <v>0</v>
      </c>
      <c r="JY38" s="344">
        <v>0</v>
      </c>
      <c r="JZ38" s="344">
        <v>0</v>
      </c>
      <c r="KA38" s="348">
        <v>0</v>
      </c>
      <c r="KB38" s="346">
        <v>0</v>
      </c>
      <c r="KC38" s="351">
        <v>0</v>
      </c>
      <c r="KD38" s="352">
        <v>0</v>
      </c>
      <c r="KE38" s="348">
        <v>0</v>
      </c>
      <c r="KF38" s="350">
        <v>0</v>
      </c>
      <c r="KG38" s="344">
        <v>0</v>
      </c>
      <c r="KH38" s="344">
        <v>0</v>
      </c>
      <c r="KI38" s="344">
        <v>0</v>
      </c>
      <c r="KJ38" s="344">
        <v>0</v>
      </c>
      <c r="KK38" s="344">
        <v>0</v>
      </c>
      <c r="KL38" s="348">
        <v>0</v>
      </c>
      <c r="KM38" s="353">
        <v>0</v>
      </c>
      <c r="KN38" s="341">
        <v>0</v>
      </c>
      <c r="KO38" s="342">
        <v>0</v>
      </c>
      <c r="KP38" s="343">
        <v>0</v>
      </c>
      <c r="KQ38" s="403">
        <v>0</v>
      </c>
      <c r="KR38" s="344">
        <v>0</v>
      </c>
      <c r="KS38" s="344">
        <v>0</v>
      </c>
      <c r="KT38" s="344">
        <v>0</v>
      </c>
      <c r="KU38" s="344">
        <v>0</v>
      </c>
      <c r="KV38" s="344">
        <v>0</v>
      </c>
      <c r="KW38" s="348">
        <v>0</v>
      </c>
      <c r="KX38" s="346">
        <v>0</v>
      </c>
      <c r="KY38" s="347">
        <v>0</v>
      </c>
      <c r="KZ38" s="344">
        <v>0</v>
      </c>
      <c r="LA38" s="348">
        <v>0</v>
      </c>
      <c r="LB38" s="403">
        <v>0</v>
      </c>
      <c r="LC38" s="344">
        <v>0</v>
      </c>
      <c r="LD38" s="344">
        <v>0</v>
      </c>
      <c r="LE38" s="344">
        <v>0</v>
      </c>
      <c r="LF38" s="344">
        <v>0</v>
      </c>
      <c r="LG38" s="344">
        <v>0</v>
      </c>
      <c r="LH38" s="348">
        <v>0</v>
      </c>
      <c r="LI38" s="349">
        <v>0</v>
      </c>
      <c r="LJ38" s="347">
        <v>0</v>
      </c>
      <c r="LK38" s="344">
        <v>0</v>
      </c>
      <c r="LL38" s="348">
        <v>0</v>
      </c>
      <c r="LM38" s="403">
        <v>0</v>
      </c>
      <c r="LN38" s="344">
        <v>0</v>
      </c>
      <c r="LO38" s="344">
        <v>0</v>
      </c>
      <c r="LP38" s="344">
        <v>0</v>
      </c>
      <c r="LQ38" s="344">
        <v>0</v>
      </c>
      <c r="LR38" s="344">
        <v>0</v>
      </c>
      <c r="LS38" s="348">
        <v>0</v>
      </c>
      <c r="LT38" s="346">
        <v>0</v>
      </c>
      <c r="LU38" s="347">
        <v>0</v>
      </c>
      <c r="LV38" s="344">
        <v>0</v>
      </c>
      <c r="LW38" s="348">
        <v>0</v>
      </c>
      <c r="LX38" s="403">
        <v>0</v>
      </c>
      <c r="LY38" s="344">
        <v>142811</v>
      </c>
      <c r="LZ38" s="344">
        <v>0</v>
      </c>
      <c r="MA38" s="344">
        <v>124504</v>
      </c>
      <c r="MB38" s="344">
        <v>0</v>
      </c>
      <c r="MC38" s="344">
        <v>0</v>
      </c>
      <c r="MD38" s="348">
        <v>267315</v>
      </c>
      <c r="ME38" s="349">
        <v>267315</v>
      </c>
      <c r="MF38" s="347">
        <v>0</v>
      </c>
      <c r="MG38" s="344">
        <v>0</v>
      </c>
      <c r="MH38" s="348">
        <v>0</v>
      </c>
      <c r="MI38" s="403">
        <v>0</v>
      </c>
      <c r="MJ38" s="344">
        <v>0</v>
      </c>
      <c r="MK38" s="344">
        <v>232589</v>
      </c>
      <c r="ML38" s="344">
        <v>0</v>
      </c>
      <c r="MM38" s="344">
        <v>0</v>
      </c>
      <c r="MN38" s="344">
        <v>0</v>
      </c>
      <c r="MO38" s="348">
        <v>232589</v>
      </c>
      <c r="MP38" s="353">
        <v>232589</v>
      </c>
      <c r="MQ38" s="347">
        <v>0</v>
      </c>
      <c r="MR38" s="344">
        <v>0</v>
      </c>
      <c r="MS38" s="348">
        <v>0</v>
      </c>
      <c r="MT38" s="403">
        <v>0</v>
      </c>
      <c r="MU38" s="344">
        <v>0</v>
      </c>
      <c r="MV38" s="344">
        <v>0</v>
      </c>
      <c r="MW38" s="344">
        <v>0</v>
      </c>
      <c r="MX38" s="344">
        <v>0</v>
      </c>
      <c r="MY38" s="344">
        <v>0</v>
      </c>
      <c r="MZ38" s="348">
        <v>0</v>
      </c>
      <c r="NA38" s="353">
        <v>0</v>
      </c>
      <c r="NB38" s="347">
        <v>0</v>
      </c>
      <c r="NC38" s="344">
        <v>0</v>
      </c>
      <c r="ND38" s="348">
        <v>0</v>
      </c>
      <c r="NE38" s="403">
        <v>0</v>
      </c>
      <c r="NF38" s="344">
        <v>0</v>
      </c>
      <c r="NG38" s="344">
        <v>0</v>
      </c>
      <c r="NH38" s="344">
        <v>0</v>
      </c>
      <c r="NI38" s="344">
        <v>0</v>
      </c>
      <c r="NJ38" s="344">
        <v>0</v>
      </c>
      <c r="NK38" s="348">
        <v>0</v>
      </c>
      <c r="NL38" s="346">
        <v>0</v>
      </c>
      <c r="NM38" s="347">
        <v>0</v>
      </c>
      <c r="NN38" s="344">
        <v>0</v>
      </c>
      <c r="NO38" s="348">
        <v>0</v>
      </c>
      <c r="NP38" s="403">
        <v>0</v>
      </c>
      <c r="NQ38" s="344">
        <v>0</v>
      </c>
      <c r="NR38" s="344">
        <v>0</v>
      </c>
      <c r="NS38" s="344">
        <v>0</v>
      </c>
      <c r="NT38" s="344">
        <v>0</v>
      </c>
      <c r="NU38" s="344">
        <v>0</v>
      </c>
      <c r="NV38" s="348">
        <v>0</v>
      </c>
      <c r="NW38" s="349">
        <v>0</v>
      </c>
      <c r="NX38" s="347">
        <v>0</v>
      </c>
      <c r="NY38" s="344">
        <v>0</v>
      </c>
      <c r="NZ38" s="348">
        <v>0</v>
      </c>
      <c r="OA38" s="403">
        <v>0</v>
      </c>
      <c r="OB38" s="344">
        <v>0</v>
      </c>
      <c r="OC38" s="344">
        <v>232589</v>
      </c>
      <c r="OD38" s="344">
        <v>0</v>
      </c>
      <c r="OE38" s="344">
        <v>0</v>
      </c>
      <c r="OF38" s="344">
        <v>0</v>
      </c>
      <c r="OG38" s="348">
        <v>232589</v>
      </c>
      <c r="OH38" s="349">
        <v>232589</v>
      </c>
      <c r="OI38" s="347">
        <v>75020</v>
      </c>
      <c r="OJ38" s="344">
        <v>62148</v>
      </c>
      <c r="OK38" s="345">
        <v>137168</v>
      </c>
      <c r="OL38" s="350">
        <v>0</v>
      </c>
      <c r="OM38" s="344">
        <v>415922</v>
      </c>
      <c r="ON38" s="344">
        <v>455551</v>
      </c>
      <c r="OO38" s="344">
        <v>268990</v>
      </c>
      <c r="OP38" s="344">
        <v>0</v>
      </c>
      <c r="OQ38" s="344">
        <v>524248</v>
      </c>
      <c r="OR38" s="348">
        <v>1664711</v>
      </c>
      <c r="OS38" s="353">
        <v>1801879</v>
      </c>
    </row>
    <row r="39" spans="2:409" s="70" customFormat="1" ht="21" customHeight="1" x14ac:dyDescent="0.2">
      <c r="B39" s="409" t="s">
        <v>34</v>
      </c>
      <c r="C39" s="325">
        <v>0</v>
      </c>
      <c r="D39" s="326">
        <v>0</v>
      </c>
      <c r="E39" s="367">
        <v>0</v>
      </c>
      <c r="F39" s="369">
        <v>0</v>
      </c>
      <c r="G39" s="368">
        <v>58006</v>
      </c>
      <c r="H39" s="368">
        <v>437962</v>
      </c>
      <c r="I39" s="368">
        <v>11520</v>
      </c>
      <c r="J39" s="368">
        <v>40464</v>
      </c>
      <c r="K39" s="368">
        <v>358551</v>
      </c>
      <c r="L39" s="369">
        <v>906503</v>
      </c>
      <c r="M39" s="329">
        <v>906503</v>
      </c>
      <c r="N39" s="325">
        <v>0</v>
      </c>
      <c r="O39" s="326">
        <v>0</v>
      </c>
      <c r="P39" s="327">
        <v>0</v>
      </c>
      <c r="Q39" s="325">
        <v>0</v>
      </c>
      <c r="R39" s="326">
        <v>32864</v>
      </c>
      <c r="S39" s="326">
        <v>99538</v>
      </c>
      <c r="T39" s="326">
        <v>0</v>
      </c>
      <c r="U39" s="326">
        <v>27104</v>
      </c>
      <c r="V39" s="326">
        <v>30632</v>
      </c>
      <c r="W39" s="327">
        <v>190138</v>
      </c>
      <c r="X39" s="329">
        <v>190138</v>
      </c>
      <c r="Y39" s="325">
        <v>0</v>
      </c>
      <c r="Z39" s="326">
        <v>0</v>
      </c>
      <c r="AA39" s="327">
        <v>0</v>
      </c>
      <c r="AB39" s="325">
        <v>0</v>
      </c>
      <c r="AC39" s="326">
        <v>0</v>
      </c>
      <c r="AD39" s="326">
        <v>0</v>
      </c>
      <c r="AE39" s="326">
        <v>0</v>
      </c>
      <c r="AF39" s="326">
        <v>0</v>
      </c>
      <c r="AG39" s="326">
        <v>0</v>
      </c>
      <c r="AH39" s="327">
        <v>0</v>
      </c>
      <c r="AI39" s="329">
        <v>0</v>
      </c>
      <c r="AJ39" s="325">
        <v>0</v>
      </c>
      <c r="AK39" s="326">
        <v>0</v>
      </c>
      <c r="AL39" s="327">
        <v>0</v>
      </c>
      <c r="AM39" s="325">
        <v>0</v>
      </c>
      <c r="AN39" s="326">
        <v>0</v>
      </c>
      <c r="AO39" s="326">
        <v>0</v>
      </c>
      <c r="AP39" s="326">
        <v>0</v>
      </c>
      <c r="AQ39" s="326">
        <v>0</v>
      </c>
      <c r="AR39" s="326">
        <v>0</v>
      </c>
      <c r="AS39" s="327">
        <v>0</v>
      </c>
      <c r="AT39" s="329">
        <v>0</v>
      </c>
      <c r="AU39" s="325">
        <v>0</v>
      </c>
      <c r="AV39" s="326">
        <v>0</v>
      </c>
      <c r="AW39" s="327">
        <v>0</v>
      </c>
      <c r="AX39" s="325">
        <v>0</v>
      </c>
      <c r="AY39" s="326">
        <v>32864</v>
      </c>
      <c r="AZ39" s="326">
        <v>64442</v>
      </c>
      <c r="BA39" s="326">
        <v>0</v>
      </c>
      <c r="BB39" s="326">
        <v>27104</v>
      </c>
      <c r="BC39" s="326">
        <v>0</v>
      </c>
      <c r="BD39" s="327">
        <v>124410</v>
      </c>
      <c r="BE39" s="329">
        <v>124410</v>
      </c>
      <c r="BF39" s="325">
        <v>0</v>
      </c>
      <c r="BG39" s="326">
        <v>0</v>
      </c>
      <c r="BH39" s="330">
        <v>0</v>
      </c>
      <c r="BI39" s="331">
        <v>0</v>
      </c>
      <c r="BJ39" s="326">
        <v>0</v>
      </c>
      <c r="BK39" s="326">
        <v>0</v>
      </c>
      <c r="BL39" s="326">
        <v>0</v>
      </c>
      <c r="BM39" s="326">
        <v>0</v>
      </c>
      <c r="BN39" s="326">
        <v>0</v>
      </c>
      <c r="BO39" s="327">
        <v>0</v>
      </c>
      <c r="BP39" s="329">
        <v>0</v>
      </c>
      <c r="BQ39" s="325">
        <v>0</v>
      </c>
      <c r="BR39" s="326">
        <v>0</v>
      </c>
      <c r="BS39" s="327">
        <v>0</v>
      </c>
      <c r="BT39" s="325">
        <v>0</v>
      </c>
      <c r="BU39" s="326">
        <v>0</v>
      </c>
      <c r="BV39" s="326">
        <v>35096</v>
      </c>
      <c r="BW39" s="326">
        <v>0</v>
      </c>
      <c r="BX39" s="326">
        <v>0</v>
      </c>
      <c r="BY39" s="326">
        <v>30632</v>
      </c>
      <c r="BZ39" s="327">
        <v>65728</v>
      </c>
      <c r="CA39" s="329">
        <v>65728</v>
      </c>
      <c r="CB39" s="325">
        <v>0</v>
      </c>
      <c r="CC39" s="326">
        <v>0</v>
      </c>
      <c r="CD39" s="327">
        <v>0</v>
      </c>
      <c r="CE39" s="325">
        <v>0</v>
      </c>
      <c r="CF39" s="326">
        <v>0</v>
      </c>
      <c r="CG39" s="326">
        <v>90392</v>
      </c>
      <c r="CH39" s="326">
        <v>0</v>
      </c>
      <c r="CI39" s="326">
        <v>0</v>
      </c>
      <c r="CJ39" s="326">
        <v>0</v>
      </c>
      <c r="CK39" s="327">
        <v>90392</v>
      </c>
      <c r="CL39" s="329">
        <v>90392</v>
      </c>
      <c r="CM39" s="325">
        <v>0</v>
      </c>
      <c r="CN39" s="326">
        <v>0</v>
      </c>
      <c r="CO39" s="327">
        <v>0</v>
      </c>
      <c r="CP39" s="331">
        <v>0</v>
      </c>
      <c r="CQ39" s="326">
        <v>0</v>
      </c>
      <c r="CR39" s="326">
        <v>90392</v>
      </c>
      <c r="CS39" s="326">
        <v>0</v>
      </c>
      <c r="CT39" s="326">
        <v>0</v>
      </c>
      <c r="CU39" s="326">
        <v>0</v>
      </c>
      <c r="CV39" s="327">
        <v>90392</v>
      </c>
      <c r="CW39" s="329">
        <v>90392</v>
      </c>
      <c r="CX39" s="325">
        <v>0</v>
      </c>
      <c r="CY39" s="326">
        <v>0</v>
      </c>
      <c r="CZ39" s="327">
        <v>0</v>
      </c>
      <c r="DA39" s="325">
        <v>0</v>
      </c>
      <c r="DB39" s="326">
        <v>0</v>
      </c>
      <c r="DC39" s="326">
        <v>0</v>
      </c>
      <c r="DD39" s="326">
        <v>0</v>
      </c>
      <c r="DE39" s="326">
        <v>0</v>
      </c>
      <c r="DF39" s="326">
        <v>0</v>
      </c>
      <c r="DG39" s="327">
        <v>0</v>
      </c>
      <c r="DH39" s="329">
        <v>0</v>
      </c>
      <c r="DI39" s="325">
        <v>0</v>
      </c>
      <c r="DJ39" s="326">
        <v>0</v>
      </c>
      <c r="DK39" s="330">
        <v>0</v>
      </c>
      <c r="DL39" s="331">
        <v>0</v>
      </c>
      <c r="DM39" s="326">
        <v>0</v>
      </c>
      <c r="DN39" s="326">
        <v>0</v>
      </c>
      <c r="DO39" s="326">
        <v>0</v>
      </c>
      <c r="DP39" s="326">
        <v>0</v>
      </c>
      <c r="DQ39" s="326">
        <v>0</v>
      </c>
      <c r="DR39" s="327">
        <v>0</v>
      </c>
      <c r="DS39" s="329">
        <v>0</v>
      </c>
      <c r="DT39" s="325">
        <v>0</v>
      </c>
      <c r="DU39" s="326">
        <v>0</v>
      </c>
      <c r="DV39" s="327">
        <v>0</v>
      </c>
      <c r="DW39" s="325">
        <v>0</v>
      </c>
      <c r="DX39" s="326">
        <v>0</v>
      </c>
      <c r="DY39" s="326">
        <v>0</v>
      </c>
      <c r="DZ39" s="326">
        <v>0</v>
      </c>
      <c r="EA39" s="326">
        <v>0</v>
      </c>
      <c r="EB39" s="326">
        <v>0</v>
      </c>
      <c r="EC39" s="327">
        <v>0</v>
      </c>
      <c r="ED39" s="329">
        <v>0</v>
      </c>
      <c r="EE39" s="325">
        <v>0</v>
      </c>
      <c r="EF39" s="330">
        <v>0</v>
      </c>
      <c r="EG39" s="327">
        <v>0</v>
      </c>
      <c r="EH39" s="325">
        <v>0</v>
      </c>
      <c r="EI39" s="326">
        <v>0</v>
      </c>
      <c r="EJ39" s="326">
        <v>0</v>
      </c>
      <c r="EK39" s="326">
        <v>0</v>
      </c>
      <c r="EL39" s="326">
        <v>0</v>
      </c>
      <c r="EM39" s="326">
        <v>0</v>
      </c>
      <c r="EN39" s="330">
        <v>0</v>
      </c>
      <c r="EO39" s="329">
        <v>0</v>
      </c>
      <c r="EP39" s="325">
        <v>0</v>
      </c>
      <c r="EQ39" s="326">
        <v>0</v>
      </c>
      <c r="ER39" s="330">
        <v>0</v>
      </c>
      <c r="ES39" s="331">
        <v>0</v>
      </c>
      <c r="ET39" s="326">
        <v>0</v>
      </c>
      <c r="EU39" s="326">
        <v>0</v>
      </c>
      <c r="EV39" s="326">
        <v>0</v>
      </c>
      <c r="EW39" s="326">
        <v>0</v>
      </c>
      <c r="EX39" s="326">
        <v>0</v>
      </c>
      <c r="EY39" s="327">
        <v>0</v>
      </c>
      <c r="EZ39" s="329">
        <v>0</v>
      </c>
      <c r="FA39" s="325">
        <v>0</v>
      </c>
      <c r="FB39" s="326">
        <v>0</v>
      </c>
      <c r="FC39" s="330">
        <v>0</v>
      </c>
      <c r="FD39" s="331">
        <v>0</v>
      </c>
      <c r="FE39" s="326">
        <v>0</v>
      </c>
      <c r="FF39" s="326">
        <v>0</v>
      </c>
      <c r="FG39" s="326">
        <v>0</v>
      </c>
      <c r="FH39" s="326">
        <v>0</v>
      </c>
      <c r="FI39" s="326">
        <v>0</v>
      </c>
      <c r="FJ39" s="327">
        <v>0</v>
      </c>
      <c r="FK39" s="329">
        <v>0</v>
      </c>
      <c r="FL39" s="325">
        <v>0</v>
      </c>
      <c r="FM39" s="326">
        <v>0</v>
      </c>
      <c r="FN39" s="327">
        <v>0</v>
      </c>
      <c r="FO39" s="325">
        <v>0</v>
      </c>
      <c r="FP39" s="326">
        <v>9200</v>
      </c>
      <c r="FQ39" s="326">
        <v>80848</v>
      </c>
      <c r="FR39" s="326">
        <v>11520</v>
      </c>
      <c r="FS39" s="326">
        <v>13360</v>
      </c>
      <c r="FT39" s="326">
        <v>0</v>
      </c>
      <c r="FU39" s="327">
        <v>114928</v>
      </c>
      <c r="FV39" s="329">
        <v>114928</v>
      </c>
      <c r="FW39" s="332">
        <v>0</v>
      </c>
      <c r="FX39" s="326">
        <v>0</v>
      </c>
      <c r="FY39" s="330">
        <v>0</v>
      </c>
      <c r="FZ39" s="331">
        <v>0</v>
      </c>
      <c r="GA39" s="326">
        <v>9200</v>
      </c>
      <c r="GB39" s="326">
        <v>80848</v>
      </c>
      <c r="GC39" s="326">
        <v>11520</v>
      </c>
      <c r="GD39" s="326">
        <v>13360</v>
      </c>
      <c r="GE39" s="326">
        <v>0</v>
      </c>
      <c r="GF39" s="327">
        <v>114928</v>
      </c>
      <c r="GG39" s="333">
        <v>114928</v>
      </c>
      <c r="GH39" s="332">
        <v>0</v>
      </c>
      <c r="GI39" s="326">
        <v>0</v>
      </c>
      <c r="GJ39" s="330">
        <v>0</v>
      </c>
      <c r="GK39" s="331">
        <v>0</v>
      </c>
      <c r="GL39" s="326">
        <v>0</v>
      </c>
      <c r="GM39" s="326">
        <v>0</v>
      </c>
      <c r="GN39" s="326">
        <v>0</v>
      </c>
      <c r="GO39" s="326">
        <v>0</v>
      </c>
      <c r="GP39" s="326">
        <v>0</v>
      </c>
      <c r="GQ39" s="327">
        <v>0</v>
      </c>
      <c r="GR39" s="329">
        <v>0</v>
      </c>
      <c r="GS39" s="325">
        <v>0</v>
      </c>
      <c r="GT39" s="326">
        <v>0</v>
      </c>
      <c r="GU39" s="327">
        <v>0</v>
      </c>
      <c r="GV39" s="325">
        <v>0</v>
      </c>
      <c r="GW39" s="326">
        <v>0</v>
      </c>
      <c r="GX39" s="326">
        <v>0</v>
      </c>
      <c r="GY39" s="326">
        <v>0</v>
      </c>
      <c r="GZ39" s="326">
        <v>0</v>
      </c>
      <c r="HA39" s="326">
        <v>0</v>
      </c>
      <c r="HB39" s="330">
        <v>0</v>
      </c>
      <c r="HC39" s="329">
        <v>0</v>
      </c>
      <c r="HD39" s="325">
        <v>0</v>
      </c>
      <c r="HE39" s="326">
        <v>0</v>
      </c>
      <c r="HF39" s="330">
        <v>0</v>
      </c>
      <c r="HG39" s="331">
        <v>0</v>
      </c>
      <c r="HH39" s="326">
        <v>15942</v>
      </c>
      <c r="HI39" s="326">
        <v>167184</v>
      </c>
      <c r="HJ39" s="326">
        <v>0</v>
      </c>
      <c r="HK39" s="326">
        <v>0</v>
      </c>
      <c r="HL39" s="326">
        <v>327919</v>
      </c>
      <c r="HM39" s="327">
        <v>511045</v>
      </c>
      <c r="HN39" s="328">
        <v>511045</v>
      </c>
      <c r="HO39" s="332">
        <v>0</v>
      </c>
      <c r="HP39" s="326">
        <v>0</v>
      </c>
      <c r="HQ39" s="327">
        <v>0</v>
      </c>
      <c r="HR39" s="325">
        <v>0</v>
      </c>
      <c r="HS39" s="326">
        <v>0</v>
      </c>
      <c r="HT39" s="326">
        <v>0</v>
      </c>
      <c r="HU39" s="326">
        <v>0</v>
      </c>
      <c r="HV39" s="326">
        <v>0</v>
      </c>
      <c r="HW39" s="326">
        <v>0</v>
      </c>
      <c r="HX39" s="330">
        <v>0</v>
      </c>
      <c r="HY39" s="329">
        <v>0</v>
      </c>
      <c r="HZ39" s="334">
        <v>0</v>
      </c>
      <c r="IA39" s="335">
        <v>0</v>
      </c>
      <c r="IB39" s="336">
        <v>0</v>
      </c>
      <c r="IC39" s="337">
        <v>0</v>
      </c>
      <c r="ID39" s="335">
        <v>70504</v>
      </c>
      <c r="IE39" s="338">
        <v>464712</v>
      </c>
      <c r="IF39" s="336">
        <v>464952</v>
      </c>
      <c r="IG39" s="335">
        <v>0</v>
      </c>
      <c r="IH39" s="336">
        <v>0</v>
      </c>
      <c r="II39" s="339">
        <v>1000168</v>
      </c>
      <c r="IJ39" s="340">
        <v>1000168</v>
      </c>
      <c r="IK39" s="341">
        <v>0</v>
      </c>
      <c r="IL39" s="342">
        <v>0</v>
      </c>
      <c r="IM39" s="343">
        <v>0</v>
      </c>
      <c r="IN39" s="403">
        <v>0</v>
      </c>
      <c r="IO39" s="344">
        <v>0</v>
      </c>
      <c r="IP39" s="344">
        <v>0</v>
      </c>
      <c r="IQ39" s="344">
        <v>0</v>
      </c>
      <c r="IR39" s="344">
        <v>0</v>
      </c>
      <c r="IS39" s="344">
        <v>0</v>
      </c>
      <c r="IT39" s="345">
        <v>0</v>
      </c>
      <c r="IU39" s="346">
        <v>0</v>
      </c>
      <c r="IV39" s="347">
        <v>0</v>
      </c>
      <c r="IW39" s="344">
        <v>0</v>
      </c>
      <c r="IX39" s="348">
        <v>0</v>
      </c>
      <c r="IY39" s="403">
        <v>0</v>
      </c>
      <c r="IZ39" s="344">
        <v>0</v>
      </c>
      <c r="JA39" s="344">
        <v>0</v>
      </c>
      <c r="JB39" s="344">
        <v>0</v>
      </c>
      <c r="JC39" s="344">
        <v>0</v>
      </c>
      <c r="JD39" s="344">
        <v>0</v>
      </c>
      <c r="JE39" s="348">
        <v>0</v>
      </c>
      <c r="JF39" s="349">
        <v>0</v>
      </c>
      <c r="JG39" s="347">
        <v>0</v>
      </c>
      <c r="JH39" s="344">
        <v>0</v>
      </c>
      <c r="JI39" s="345">
        <v>0</v>
      </c>
      <c r="JJ39" s="350">
        <v>0</v>
      </c>
      <c r="JK39" s="344">
        <v>70504</v>
      </c>
      <c r="JL39" s="344">
        <v>96544</v>
      </c>
      <c r="JM39" s="344">
        <v>0</v>
      </c>
      <c r="JN39" s="344">
        <v>0</v>
      </c>
      <c r="JO39" s="344">
        <v>0</v>
      </c>
      <c r="JP39" s="348">
        <v>167048</v>
      </c>
      <c r="JQ39" s="346">
        <v>167048</v>
      </c>
      <c r="JR39" s="347">
        <v>0</v>
      </c>
      <c r="JS39" s="344">
        <v>0</v>
      </c>
      <c r="JT39" s="345">
        <v>0</v>
      </c>
      <c r="JU39" s="350">
        <v>0</v>
      </c>
      <c r="JV39" s="344">
        <v>0</v>
      </c>
      <c r="JW39" s="344">
        <v>0</v>
      </c>
      <c r="JX39" s="344">
        <v>0</v>
      </c>
      <c r="JY39" s="344">
        <v>0</v>
      </c>
      <c r="JZ39" s="344">
        <v>0</v>
      </c>
      <c r="KA39" s="348">
        <v>0</v>
      </c>
      <c r="KB39" s="346">
        <v>0</v>
      </c>
      <c r="KC39" s="351">
        <v>0</v>
      </c>
      <c r="KD39" s="352">
        <v>0</v>
      </c>
      <c r="KE39" s="348">
        <v>0</v>
      </c>
      <c r="KF39" s="350">
        <v>0</v>
      </c>
      <c r="KG39" s="344">
        <v>0</v>
      </c>
      <c r="KH39" s="344">
        <v>163928</v>
      </c>
      <c r="KI39" s="344">
        <v>219712</v>
      </c>
      <c r="KJ39" s="344">
        <v>0</v>
      </c>
      <c r="KK39" s="344">
        <v>0</v>
      </c>
      <c r="KL39" s="348">
        <v>383640</v>
      </c>
      <c r="KM39" s="353">
        <v>383640</v>
      </c>
      <c r="KN39" s="341">
        <v>0</v>
      </c>
      <c r="KO39" s="342">
        <v>0</v>
      </c>
      <c r="KP39" s="343">
        <v>0</v>
      </c>
      <c r="KQ39" s="403">
        <v>0</v>
      </c>
      <c r="KR39" s="344">
        <v>0</v>
      </c>
      <c r="KS39" s="344">
        <v>0</v>
      </c>
      <c r="KT39" s="344">
        <v>0</v>
      </c>
      <c r="KU39" s="344">
        <v>0</v>
      </c>
      <c r="KV39" s="344">
        <v>0</v>
      </c>
      <c r="KW39" s="348">
        <v>0</v>
      </c>
      <c r="KX39" s="346">
        <v>0</v>
      </c>
      <c r="KY39" s="347">
        <v>0</v>
      </c>
      <c r="KZ39" s="344">
        <v>0</v>
      </c>
      <c r="LA39" s="348">
        <v>0</v>
      </c>
      <c r="LB39" s="403">
        <v>0</v>
      </c>
      <c r="LC39" s="344">
        <v>0</v>
      </c>
      <c r="LD39" s="344">
        <v>0</v>
      </c>
      <c r="LE39" s="344">
        <v>0</v>
      </c>
      <c r="LF39" s="344">
        <v>0</v>
      </c>
      <c r="LG39" s="344">
        <v>0</v>
      </c>
      <c r="LH39" s="348">
        <v>0</v>
      </c>
      <c r="LI39" s="349">
        <v>0</v>
      </c>
      <c r="LJ39" s="347">
        <v>0</v>
      </c>
      <c r="LK39" s="344">
        <v>0</v>
      </c>
      <c r="LL39" s="348">
        <v>0</v>
      </c>
      <c r="LM39" s="403">
        <v>0</v>
      </c>
      <c r="LN39" s="344">
        <v>0</v>
      </c>
      <c r="LO39" s="344">
        <v>0</v>
      </c>
      <c r="LP39" s="344">
        <v>0</v>
      </c>
      <c r="LQ39" s="344">
        <v>0</v>
      </c>
      <c r="LR39" s="344">
        <v>0</v>
      </c>
      <c r="LS39" s="348">
        <v>0</v>
      </c>
      <c r="LT39" s="346">
        <v>0</v>
      </c>
      <c r="LU39" s="347">
        <v>0</v>
      </c>
      <c r="LV39" s="344">
        <v>0</v>
      </c>
      <c r="LW39" s="348">
        <v>0</v>
      </c>
      <c r="LX39" s="403">
        <v>0</v>
      </c>
      <c r="LY39" s="344">
        <v>0</v>
      </c>
      <c r="LZ39" s="344">
        <v>204240</v>
      </c>
      <c r="MA39" s="344">
        <v>245240</v>
      </c>
      <c r="MB39" s="344">
        <v>0</v>
      </c>
      <c r="MC39" s="344">
        <v>0</v>
      </c>
      <c r="MD39" s="348">
        <v>449480</v>
      </c>
      <c r="ME39" s="349">
        <v>449480</v>
      </c>
      <c r="MF39" s="347">
        <v>0</v>
      </c>
      <c r="MG39" s="344">
        <v>0</v>
      </c>
      <c r="MH39" s="348">
        <v>0</v>
      </c>
      <c r="MI39" s="403">
        <v>0</v>
      </c>
      <c r="MJ39" s="344">
        <v>0</v>
      </c>
      <c r="MK39" s="344">
        <v>0</v>
      </c>
      <c r="ML39" s="344">
        <v>250736</v>
      </c>
      <c r="MM39" s="344">
        <v>237720</v>
      </c>
      <c r="MN39" s="344">
        <v>0</v>
      </c>
      <c r="MO39" s="348">
        <v>488456</v>
      </c>
      <c r="MP39" s="353">
        <v>488456</v>
      </c>
      <c r="MQ39" s="347">
        <v>0</v>
      </c>
      <c r="MR39" s="344">
        <v>0</v>
      </c>
      <c r="MS39" s="348">
        <v>0</v>
      </c>
      <c r="MT39" s="403">
        <v>0</v>
      </c>
      <c r="MU39" s="344">
        <v>0</v>
      </c>
      <c r="MV39" s="344">
        <v>0</v>
      </c>
      <c r="MW39" s="344">
        <v>0</v>
      </c>
      <c r="MX39" s="344">
        <v>237720</v>
      </c>
      <c r="MY39" s="344">
        <v>0</v>
      </c>
      <c r="MZ39" s="348">
        <v>237720</v>
      </c>
      <c r="NA39" s="353">
        <v>237720</v>
      </c>
      <c r="NB39" s="347">
        <v>0</v>
      </c>
      <c r="NC39" s="344">
        <v>0</v>
      </c>
      <c r="ND39" s="348">
        <v>0</v>
      </c>
      <c r="NE39" s="403">
        <v>0</v>
      </c>
      <c r="NF39" s="344">
        <v>0</v>
      </c>
      <c r="NG39" s="344">
        <v>0</v>
      </c>
      <c r="NH39" s="344">
        <v>250736</v>
      </c>
      <c r="NI39" s="344">
        <v>0</v>
      </c>
      <c r="NJ39" s="344">
        <v>0</v>
      </c>
      <c r="NK39" s="348">
        <v>250736</v>
      </c>
      <c r="NL39" s="346">
        <v>250736</v>
      </c>
      <c r="NM39" s="347">
        <v>0</v>
      </c>
      <c r="NN39" s="344">
        <v>0</v>
      </c>
      <c r="NO39" s="348">
        <v>0</v>
      </c>
      <c r="NP39" s="403">
        <v>0</v>
      </c>
      <c r="NQ39" s="344">
        <v>0</v>
      </c>
      <c r="NR39" s="344">
        <v>0</v>
      </c>
      <c r="NS39" s="344">
        <v>0</v>
      </c>
      <c r="NT39" s="344">
        <v>0</v>
      </c>
      <c r="NU39" s="344">
        <v>0</v>
      </c>
      <c r="NV39" s="348">
        <v>0</v>
      </c>
      <c r="NW39" s="349">
        <v>0</v>
      </c>
      <c r="NX39" s="347">
        <v>0</v>
      </c>
      <c r="NY39" s="344">
        <v>0</v>
      </c>
      <c r="NZ39" s="348">
        <v>0</v>
      </c>
      <c r="OA39" s="403">
        <v>0</v>
      </c>
      <c r="OB39" s="344">
        <v>0</v>
      </c>
      <c r="OC39" s="344">
        <v>0</v>
      </c>
      <c r="OD39" s="344">
        <v>0</v>
      </c>
      <c r="OE39" s="344">
        <v>0</v>
      </c>
      <c r="OF39" s="344">
        <v>0</v>
      </c>
      <c r="OG39" s="348">
        <v>0</v>
      </c>
      <c r="OH39" s="349">
        <v>0</v>
      </c>
      <c r="OI39" s="347">
        <v>0</v>
      </c>
      <c r="OJ39" s="344">
        <v>0</v>
      </c>
      <c r="OK39" s="345">
        <v>0</v>
      </c>
      <c r="OL39" s="350">
        <v>0</v>
      </c>
      <c r="OM39" s="344">
        <v>128510</v>
      </c>
      <c r="ON39" s="344">
        <v>902674</v>
      </c>
      <c r="OO39" s="344">
        <v>727208</v>
      </c>
      <c r="OP39" s="344">
        <v>278184</v>
      </c>
      <c r="OQ39" s="344">
        <v>358551</v>
      </c>
      <c r="OR39" s="348">
        <v>2395127</v>
      </c>
      <c r="OS39" s="353">
        <v>2395127</v>
      </c>
    </row>
    <row r="40" spans="2:409" s="70" customFormat="1" ht="21" customHeight="1" x14ac:dyDescent="0.2">
      <c r="B40" s="409" t="s">
        <v>35</v>
      </c>
      <c r="C40" s="325">
        <v>110704</v>
      </c>
      <c r="D40" s="326">
        <v>38128</v>
      </c>
      <c r="E40" s="327">
        <v>148832</v>
      </c>
      <c r="F40" s="328">
        <v>0</v>
      </c>
      <c r="G40" s="326">
        <v>1636790</v>
      </c>
      <c r="H40" s="326">
        <v>595032</v>
      </c>
      <c r="I40" s="326">
        <v>855166</v>
      </c>
      <c r="J40" s="326">
        <v>1567714</v>
      </c>
      <c r="K40" s="326">
        <v>328461</v>
      </c>
      <c r="L40" s="366">
        <v>4983163</v>
      </c>
      <c r="M40" s="329">
        <v>5131995</v>
      </c>
      <c r="N40" s="325">
        <v>30624</v>
      </c>
      <c r="O40" s="326">
        <v>30048</v>
      </c>
      <c r="P40" s="327">
        <v>60672</v>
      </c>
      <c r="Q40" s="325">
        <v>0</v>
      </c>
      <c r="R40" s="326">
        <v>256363</v>
      </c>
      <c r="S40" s="326">
        <v>77891</v>
      </c>
      <c r="T40" s="326">
        <v>450478</v>
      </c>
      <c r="U40" s="326">
        <v>324136</v>
      </c>
      <c r="V40" s="326">
        <v>2072</v>
      </c>
      <c r="W40" s="327">
        <v>1110940</v>
      </c>
      <c r="X40" s="329">
        <v>1171612</v>
      </c>
      <c r="Y40" s="325">
        <v>0</v>
      </c>
      <c r="Z40" s="326">
        <v>0</v>
      </c>
      <c r="AA40" s="327">
        <v>0</v>
      </c>
      <c r="AB40" s="325">
        <v>0</v>
      </c>
      <c r="AC40" s="326">
        <v>120155</v>
      </c>
      <c r="AD40" s="326">
        <v>39907</v>
      </c>
      <c r="AE40" s="326">
        <v>121102</v>
      </c>
      <c r="AF40" s="326">
        <v>138192</v>
      </c>
      <c r="AG40" s="326">
        <v>0</v>
      </c>
      <c r="AH40" s="327">
        <v>419356</v>
      </c>
      <c r="AI40" s="329">
        <v>419356</v>
      </c>
      <c r="AJ40" s="325">
        <v>0</v>
      </c>
      <c r="AK40" s="326">
        <v>0</v>
      </c>
      <c r="AL40" s="327">
        <v>0</v>
      </c>
      <c r="AM40" s="325">
        <v>0</v>
      </c>
      <c r="AN40" s="326">
        <v>0</v>
      </c>
      <c r="AO40" s="326">
        <v>0</v>
      </c>
      <c r="AP40" s="326">
        <v>0</v>
      </c>
      <c r="AQ40" s="326">
        <v>97240</v>
      </c>
      <c r="AR40" s="326">
        <v>0</v>
      </c>
      <c r="AS40" s="327">
        <v>97240</v>
      </c>
      <c r="AT40" s="329">
        <v>97240</v>
      </c>
      <c r="AU40" s="325">
        <v>0</v>
      </c>
      <c r="AV40" s="326">
        <v>0</v>
      </c>
      <c r="AW40" s="327">
        <v>0</v>
      </c>
      <c r="AX40" s="325">
        <v>0</v>
      </c>
      <c r="AY40" s="326">
        <v>25616</v>
      </c>
      <c r="AZ40" s="326">
        <v>0</v>
      </c>
      <c r="BA40" s="326">
        <v>190368</v>
      </c>
      <c r="BB40" s="326">
        <v>0</v>
      </c>
      <c r="BC40" s="326">
        <v>0</v>
      </c>
      <c r="BD40" s="327">
        <v>215984</v>
      </c>
      <c r="BE40" s="329">
        <v>215984</v>
      </c>
      <c r="BF40" s="325">
        <v>19712</v>
      </c>
      <c r="BG40" s="326">
        <v>30048</v>
      </c>
      <c r="BH40" s="330">
        <v>49760</v>
      </c>
      <c r="BI40" s="331">
        <v>0</v>
      </c>
      <c r="BJ40" s="326">
        <v>14880</v>
      </c>
      <c r="BK40" s="326">
        <v>0</v>
      </c>
      <c r="BL40" s="326">
        <v>111600</v>
      </c>
      <c r="BM40" s="326">
        <v>0</v>
      </c>
      <c r="BN40" s="326">
        <v>0</v>
      </c>
      <c r="BO40" s="327">
        <v>126480</v>
      </c>
      <c r="BP40" s="329">
        <v>176240</v>
      </c>
      <c r="BQ40" s="325">
        <v>10912</v>
      </c>
      <c r="BR40" s="326">
        <v>0</v>
      </c>
      <c r="BS40" s="327">
        <v>10912</v>
      </c>
      <c r="BT40" s="325">
        <v>0</v>
      </c>
      <c r="BU40" s="326">
        <v>95712</v>
      </c>
      <c r="BV40" s="326">
        <v>37984</v>
      </c>
      <c r="BW40" s="326">
        <v>27408</v>
      </c>
      <c r="BX40" s="326">
        <v>88704</v>
      </c>
      <c r="BY40" s="326">
        <v>2072</v>
      </c>
      <c r="BZ40" s="327">
        <v>251880</v>
      </c>
      <c r="CA40" s="329">
        <v>262792</v>
      </c>
      <c r="CB40" s="325">
        <v>20728</v>
      </c>
      <c r="CC40" s="326">
        <v>0</v>
      </c>
      <c r="CD40" s="327">
        <v>20728</v>
      </c>
      <c r="CE40" s="325">
        <v>0</v>
      </c>
      <c r="CF40" s="326">
        <v>313411</v>
      </c>
      <c r="CG40" s="326">
        <v>133059</v>
      </c>
      <c r="CH40" s="326">
        <v>242976</v>
      </c>
      <c r="CI40" s="326">
        <v>109248</v>
      </c>
      <c r="CJ40" s="326">
        <v>75328</v>
      </c>
      <c r="CK40" s="327">
        <v>874022</v>
      </c>
      <c r="CL40" s="329">
        <v>894750</v>
      </c>
      <c r="CM40" s="325">
        <v>0</v>
      </c>
      <c r="CN40" s="326">
        <v>0</v>
      </c>
      <c r="CO40" s="327">
        <v>0</v>
      </c>
      <c r="CP40" s="331">
        <v>0</v>
      </c>
      <c r="CQ40" s="326">
        <v>156696</v>
      </c>
      <c r="CR40" s="326">
        <v>133059</v>
      </c>
      <c r="CS40" s="326">
        <v>122664</v>
      </c>
      <c r="CT40" s="326">
        <v>0</v>
      </c>
      <c r="CU40" s="326">
        <v>75328</v>
      </c>
      <c r="CV40" s="327">
        <v>487747</v>
      </c>
      <c r="CW40" s="329">
        <v>487747</v>
      </c>
      <c r="CX40" s="325">
        <v>20728</v>
      </c>
      <c r="CY40" s="326">
        <v>0</v>
      </c>
      <c r="CZ40" s="327">
        <v>20728</v>
      </c>
      <c r="DA40" s="325">
        <v>0</v>
      </c>
      <c r="DB40" s="326">
        <v>156715</v>
      </c>
      <c r="DC40" s="326">
        <v>0</v>
      </c>
      <c r="DD40" s="326">
        <v>120312</v>
      </c>
      <c r="DE40" s="326">
        <v>109248</v>
      </c>
      <c r="DF40" s="326">
        <v>0</v>
      </c>
      <c r="DG40" s="327">
        <v>386275</v>
      </c>
      <c r="DH40" s="329">
        <v>407003</v>
      </c>
      <c r="DI40" s="325">
        <v>0</v>
      </c>
      <c r="DJ40" s="326">
        <v>0</v>
      </c>
      <c r="DK40" s="330">
        <v>0</v>
      </c>
      <c r="DL40" s="331">
        <v>0</v>
      </c>
      <c r="DM40" s="326">
        <v>0</v>
      </c>
      <c r="DN40" s="326">
        <v>0</v>
      </c>
      <c r="DO40" s="326">
        <v>0</v>
      </c>
      <c r="DP40" s="326">
        <v>0</v>
      </c>
      <c r="DQ40" s="326">
        <v>0</v>
      </c>
      <c r="DR40" s="327">
        <v>0</v>
      </c>
      <c r="DS40" s="329">
        <v>0</v>
      </c>
      <c r="DT40" s="325">
        <v>0</v>
      </c>
      <c r="DU40" s="326">
        <v>0</v>
      </c>
      <c r="DV40" s="327">
        <v>0</v>
      </c>
      <c r="DW40" s="325">
        <v>0</v>
      </c>
      <c r="DX40" s="326">
        <v>0</v>
      </c>
      <c r="DY40" s="326">
        <v>0</v>
      </c>
      <c r="DZ40" s="326">
        <v>0</v>
      </c>
      <c r="EA40" s="326">
        <v>0</v>
      </c>
      <c r="EB40" s="326">
        <v>0</v>
      </c>
      <c r="EC40" s="327">
        <v>0</v>
      </c>
      <c r="ED40" s="329">
        <v>0</v>
      </c>
      <c r="EE40" s="325">
        <v>0</v>
      </c>
      <c r="EF40" s="330">
        <v>0</v>
      </c>
      <c r="EG40" s="327">
        <v>0</v>
      </c>
      <c r="EH40" s="325">
        <v>0</v>
      </c>
      <c r="EI40" s="326">
        <v>0</v>
      </c>
      <c r="EJ40" s="326">
        <v>0</v>
      </c>
      <c r="EK40" s="326">
        <v>0</v>
      </c>
      <c r="EL40" s="326">
        <v>0</v>
      </c>
      <c r="EM40" s="326">
        <v>0</v>
      </c>
      <c r="EN40" s="330">
        <v>0</v>
      </c>
      <c r="EO40" s="329">
        <v>0</v>
      </c>
      <c r="EP40" s="325">
        <v>0</v>
      </c>
      <c r="EQ40" s="326">
        <v>0</v>
      </c>
      <c r="ER40" s="330">
        <v>0</v>
      </c>
      <c r="ES40" s="331">
        <v>0</v>
      </c>
      <c r="ET40" s="326">
        <v>0</v>
      </c>
      <c r="EU40" s="326">
        <v>0</v>
      </c>
      <c r="EV40" s="326">
        <v>0</v>
      </c>
      <c r="EW40" s="326">
        <v>0</v>
      </c>
      <c r="EX40" s="326">
        <v>0</v>
      </c>
      <c r="EY40" s="327">
        <v>0</v>
      </c>
      <c r="EZ40" s="329">
        <v>0</v>
      </c>
      <c r="FA40" s="325">
        <v>0</v>
      </c>
      <c r="FB40" s="326">
        <v>0</v>
      </c>
      <c r="FC40" s="330">
        <v>0</v>
      </c>
      <c r="FD40" s="331">
        <v>0</v>
      </c>
      <c r="FE40" s="326">
        <v>0</v>
      </c>
      <c r="FF40" s="326">
        <v>0</v>
      </c>
      <c r="FG40" s="326">
        <v>0</v>
      </c>
      <c r="FH40" s="326">
        <v>0</v>
      </c>
      <c r="FI40" s="326">
        <v>0</v>
      </c>
      <c r="FJ40" s="327">
        <v>0</v>
      </c>
      <c r="FK40" s="329">
        <v>0</v>
      </c>
      <c r="FL40" s="325">
        <v>1600</v>
      </c>
      <c r="FM40" s="326">
        <v>8080</v>
      </c>
      <c r="FN40" s="327">
        <v>9680</v>
      </c>
      <c r="FO40" s="325">
        <v>0</v>
      </c>
      <c r="FP40" s="326">
        <v>9600</v>
      </c>
      <c r="FQ40" s="326">
        <v>16704</v>
      </c>
      <c r="FR40" s="326">
        <v>161712</v>
      </c>
      <c r="FS40" s="326">
        <v>40640</v>
      </c>
      <c r="FT40" s="326">
        <v>5600</v>
      </c>
      <c r="FU40" s="327">
        <v>234256</v>
      </c>
      <c r="FV40" s="329">
        <v>243936</v>
      </c>
      <c r="FW40" s="332">
        <v>1600</v>
      </c>
      <c r="FX40" s="326">
        <v>8080</v>
      </c>
      <c r="FY40" s="330">
        <v>9680</v>
      </c>
      <c r="FZ40" s="331">
        <v>0</v>
      </c>
      <c r="GA40" s="326">
        <v>9600</v>
      </c>
      <c r="GB40" s="326">
        <v>16704</v>
      </c>
      <c r="GC40" s="326">
        <v>143408</v>
      </c>
      <c r="GD40" s="326">
        <v>40640</v>
      </c>
      <c r="GE40" s="326">
        <v>5600</v>
      </c>
      <c r="GF40" s="327">
        <v>215952</v>
      </c>
      <c r="GG40" s="333">
        <v>225632</v>
      </c>
      <c r="GH40" s="332">
        <v>0</v>
      </c>
      <c r="GI40" s="326">
        <v>0</v>
      </c>
      <c r="GJ40" s="330">
        <v>0</v>
      </c>
      <c r="GK40" s="331">
        <v>0</v>
      </c>
      <c r="GL40" s="326">
        <v>0</v>
      </c>
      <c r="GM40" s="326">
        <v>0</v>
      </c>
      <c r="GN40" s="326">
        <v>18304</v>
      </c>
      <c r="GO40" s="326">
        <v>0</v>
      </c>
      <c r="GP40" s="326">
        <v>0</v>
      </c>
      <c r="GQ40" s="327">
        <v>18304</v>
      </c>
      <c r="GR40" s="329">
        <v>18304</v>
      </c>
      <c r="GS40" s="325">
        <v>0</v>
      </c>
      <c r="GT40" s="326">
        <v>0</v>
      </c>
      <c r="GU40" s="327">
        <v>0</v>
      </c>
      <c r="GV40" s="325">
        <v>0</v>
      </c>
      <c r="GW40" s="326">
        <v>0</v>
      </c>
      <c r="GX40" s="326">
        <v>0</v>
      </c>
      <c r="GY40" s="326">
        <v>0</v>
      </c>
      <c r="GZ40" s="326">
        <v>0</v>
      </c>
      <c r="HA40" s="326">
        <v>0</v>
      </c>
      <c r="HB40" s="330">
        <v>0</v>
      </c>
      <c r="HC40" s="329">
        <v>0</v>
      </c>
      <c r="HD40" s="325">
        <v>57752</v>
      </c>
      <c r="HE40" s="326">
        <v>0</v>
      </c>
      <c r="HF40" s="330">
        <v>57752</v>
      </c>
      <c r="HG40" s="331">
        <v>0</v>
      </c>
      <c r="HH40" s="326">
        <v>1057416</v>
      </c>
      <c r="HI40" s="326">
        <v>367378</v>
      </c>
      <c r="HJ40" s="326">
        <v>0</v>
      </c>
      <c r="HK40" s="326">
        <v>1093690</v>
      </c>
      <c r="HL40" s="326">
        <v>245461</v>
      </c>
      <c r="HM40" s="327">
        <v>2763945</v>
      </c>
      <c r="HN40" s="328">
        <v>2821697</v>
      </c>
      <c r="HO40" s="332">
        <v>0</v>
      </c>
      <c r="HP40" s="326">
        <v>0</v>
      </c>
      <c r="HQ40" s="327">
        <v>0</v>
      </c>
      <c r="HR40" s="325">
        <v>0</v>
      </c>
      <c r="HS40" s="326">
        <v>0</v>
      </c>
      <c r="HT40" s="326">
        <v>0</v>
      </c>
      <c r="HU40" s="326">
        <v>0</v>
      </c>
      <c r="HV40" s="326">
        <v>0</v>
      </c>
      <c r="HW40" s="326">
        <v>0</v>
      </c>
      <c r="HX40" s="330">
        <v>0</v>
      </c>
      <c r="HY40" s="329">
        <v>0</v>
      </c>
      <c r="HZ40" s="357">
        <v>0</v>
      </c>
      <c r="IA40" s="355">
        <v>0</v>
      </c>
      <c r="IB40" s="357">
        <v>0</v>
      </c>
      <c r="IC40" s="337">
        <v>0</v>
      </c>
      <c r="ID40" s="335">
        <v>0</v>
      </c>
      <c r="IE40" s="338">
        <v>406728</v>
      </c>
      <c r="IF40" s="336">
        <v>179464</v>
      </c>
      <c r="IG40" s="335">
        <v>0</v>
      </c>
      <c r="IH40" s="336">
        <v>0</v>
      </c>
      <c r="II40" s="339">
        <v>586192</v>
      </c>
      <c r="IJ40" s="357">
        <v>586192</v>
      </c>
      <c r="IK40" s="341">
        <v>0</v>
      </c>
      <c r="IL40" s="342">
        <v>0</v>
      </c>
      <c r="IM40" s="343">
        <v>0</v>
      </c>
      <c r="IN40" s="403">
        <v>0</v>
      </c>
      <c r="IO40" s="344">
        <v>0</v>
      </c>
      <c r="IP40" s="344">
        <v>0</v>
      </c>
      <c r="IQ40" s="344">
        <v>153880</v>
      </c>
      <c r="IR40" s="344">
        <v>0</v>
      </c>
      <c r="IS40" s="344">
        <v>0</v>
      </c>
      <c r="IT40" s="345">
        <v>153880</v>
      </c>
      <c r="IU40" s="346">
        <v>153880</v>
      </c>
      <c r="IV40" s="347">
        <v>0</v>
      </c>
      <c r="IW40" s="344">
        <v>0</v>
      </c>
      <c r="IX40" s="348">
        <v>0</v>
      </c>
      <c r="IY40" s="403">
        <v>0</v>
      </c>
      <c r="IZ40" s="344">
        <v>0</v>
      </c>
      <c r="JA40" s="344">
        <v>0</v>
      </c>
      <c r="JB40" s="344">
        <v>0</v>
      </c>
      <c r="JC40" s="344">
        <v>0</v>
      </c>
      <c r="JD40" s="344">
        <v>0</v>
      </c>
      <c r="JE40" s="348">
        <v>0</v>
      </c>
      <c r="JF40" s="349">
        <v>0</v>
      </c>
      <c r="JG40" s="347">
        <v>0</v>
      </c>
      <c r="JH40" s="344">
        <v>0</v>
      </c>
      <c r="JI40" s="345">
        <v>0</v>
      </c>
      <c r="JJ40" s="350">
        <v>0</v>
      </c>
      <c r="JK40" s="344">
        <v>0</v>
      </c>
      <c r="JL40" s="344">
        <v>0</v>
      </c>
      <c r="JM40" s="344">
        <v>0</v>
      </c>
      <c r="JN40" s="344">
        <v>0</v>
      </c>
      <c r="JO40" s="344">
        <v>0</v>
      </c>
      <c r="JP40" s="348">
        <v>0</v>
      </c>
      <c r="JQ40" s="346">
        <v>0</v>
      </c>
      <c r="JR40" s="347">
        <v>0</v>
      </c>
      <c r="JS40" s="344">
        <v>0</v>
      </c>
      <c r="JT40" s="345">
        <v>0</v>
      </c>
      <c r="JU40" s="350">
        <v>0</v>
      </c>
      <c r="JV40" s="344">
        <v>0</v>
      </c>
      <c r="JW40" s="344">
        <v>0</v>
      </c>
      <c r="JX40" s="344">
        <v>0</v>
      </c>
      <c r="JY40" s="344">
        <v>0</v>
      </c>
      <c r="JZ40" s="344">
        <v>0</v>
      </c>
      <c r="KA40" s="348">
        <v>0</v>
      </c>
      <c r="KB40" s="346">
        <v>0</v>
      </c>
      <c r="KC40" s="351">
        <v>0</v>
      </c>
      <c r="KD40" s="352">
        <v>0</v>
      </c>
      <c r="KE40" s="348">
        <v>0</v>
      </c>
      <c r="KF40" s="350">
        <v>0</v>
      </c>
      <c r="KG40" s="344">
        <v>0</v>
      </c>
      <c r="KH40" s="344">
        <v>169720</v>
      </c>
      <c r="KI40" s="344">
        <v>25584</v>
      </c>
      <c r="KJ40" s="344">
        <v>0</v>
      </c>
      <c r="KK40" s="344">
        <v>0</v>
      </c>
      <c r="KL40" s="348">
        <v>195304</v>
      </c>
      <c r="KM40" s="353">
        <v>195304</v>
      </c>
      <c r="KN40" s="341">
        <v>0</v>
      </c>
      <c r="KO40" s="342">
        <v>0</v>
      </c>
      <c r="KP40" s="343">
        <v>0</v>
      </c>
      <c r="KQ40" s="403">
        <v>0</v>
      </c>
      <c r="KR40" s="344">
        <v>0</v>
      </c>
      <c r="KS40" s="344">
        <v>237008</v>
      </c>
      <c r="KT40" s="344">
        <v>0</v>
      </c>
      <c r="KU40" s="344">
        <v>0</v>
      </c>
      <c r="KV40" s="344">
        <v>0</v>
      </c>
      <c r="KW40" s="348">
        <v>237008</v>
      </c>
      <c r="KX40" s="346">
        <v>237008</v>
      </c>
      <c r="KY40" s="347">
        <v>0</v>
      </c>
      <c r="KZ40" s="344">
        <v>0</v>
      </c>
      <c r="LA40" s="348">
        <v>0</v>
      </c>
      <c r="LB40" s="403">
        <v>0</v>
      </c>
      <c r="LC40" s="344">
        <v>0</v>
      </c>
      <c r="LD40" s="344">
        <v>0</v>
      </c>
      <c r="LE40" s="344">
        <v>0</v>
      </c>
      <c r="LF40" s="344">
        <v>0</v>
      </c>
      <c r="LG40" s="344">
        <v>0</v>
      </c>
      <c r="LH40" s="348">
        <v>0</v>
      </c>
      <c r="LI40" s="349">
        <v>0</v>
      </c>
      <c r="LJ40" s="347">
        <v>0</v>
      </c>
      <c r="LK40" s="344">
        <v>0</v>
      </c>
      <c r="LL40" s="348">
        <v>0</v>
      </c>
      <c r="LM40" s="403">
        <v>0</v>
      </c>
      <c r="LN40" s="344">
        <v>0</v>
      </c>
      <c r="LO40" s="344">
        <v>0</v>
      </c>
      <c r="LP40" s="344">
        <v>0</v>
      </c>
      <c r="LQ40" s="344">
        <v>0</v>
      </c>
      <c r="LR40" s="344">
        <v>0</v>
      </c>
      <c r="LS40" s="348">
        <v>0</v>
      </c>
      <c r="LT40" s="346">
        <v>0</v>
      </c>
      <c r="LU40" s="347">
        <v>0</v>
      </c>
      <c r="LV40" s="344">
        <v>0</v>
      </c>
      <c r="LW40" s="348">
        <v>0</v>
      </c>
      <c r="LX40" s="403">
        <v>0</v>
      </c>
      <c r="LY40" s="344">
        <v>0</v>
      </c>
      <c r="LZ40" s="344">
        <v>0</v>
      </c>
      <c r="MA40" s="344">
        <v>0</v>
      </c>
      <c r="MB40" s="344">
        <v>0</v>
      </c>
      <c r="MC40" s="344">
        <v>0</v>
      </c>
      <c r="MD40" s="348">
        <v>0</v>
      </c>
      <c r="ME40" s="349">
        <v>0</v>
      </c>
      <c r="MF40" s="347">
        <v>0</v>
      </c>
      <c r="MG40" s="344">
        <v>0</v>
      </c>
      <c r="MH40" s="348">
        <v>0</v>
      </c>
      <c r="MI40" s="403">
        <v>0</v>
      </c>
      <c r="MJ40" s="344">
        <v>321320</v>
      </c>
      <c r="MK40" s="344">
        <v>254248</v>
      </c>
      <c r="ML40" s="344">
        <v>609299</v>
      </c>
      <c r="MM40" s="344">
        <v>265080</v>
      </c>
      <c r="MN40" s="344">
        <v>540224</v>
      </c>
      <c r="MO40" s="348">
        <v>1990171</v>
      </c>
      <c r="MP40" s="353">
        <v>1990171</v>
      </c>
      <c r="MQ40" s="347">
        <v>0</v>
      </c>
      <c r="MR40" s="344">
        <v>0</v>
      </c>
      <c r="MS40" s="348">
        <v>0</v>
      </c>
      <c r="MT40" s="403">
        <v>0</v>
      </c>
      <c r="MU40" s="344">
        <v>0</v>
      </c>
      <c r="MV40" s="344">
        <v>0</v>
      </c>
      <c r="MW40" s="344">
        <v>0</v>
      </c>
      <c r="MX40" s="344">
        <v>265080</v>
      </c>
      <c r="MY40" s="344">
        <v>540224</v>
      </c>
      <c r="MZ40" s="348">
        <v>805304</v>
      </c>
      <c r="NA40" s="353">
        <v>805304</v>
      </c>
      <c r="NB40" s="347">
        <v>0</v>
      </c>
      <c r="NC40" s="344">
        <v>0</v>
      </c>
      <c r="ND40" s="348">
        <v>0</v>
      </c>
      <c r="NE40" s="403">
        <v>0</v>
      </c>
      <c r="NF40" s="344">
        <v>321320</v>
      </c>
      <c r="NG40" s="344">
        <v>254248</v>
      </c>
      <c r="NH40" s="344">
        <v>609299</v>
      </c>
      <c r="NI40" s="344">
        <v>0</v>
      </c>
      <c r="NJ40" s="344">
        <v>0</v>
      </c>
      <c r="NK40" s="348">
        <v>1184867</v>
      </c>
      <c r="NL40" s="346">
        <v>1184867</v>
      </c>
      <c r="NM40" s="347">
        <v>0</v>
      </c>
      <c r="NN40" s="344">
        <v>0</v>
      </c>
      <c r="NO40" s="348">
        <v>0</v>
      </c>
      <c r="NP40" s="403">
        <v>0</v>
      </c>
      <c r="NQ40" s="344">
        <v>0</v>
      </c>
      <c r="NR40" s="344">
        <v>0</v>
      </c>
      <c r="NS40" s="344">
        <v>0</v>
      </c>
      <c r="NT40" s="344">
        <v>0</v>
      </c>
      <c r="NU40" s="344">
        <v>0</v>
      </c>
      <c r="NV40" s="348">
        <v>0</v>
      </c>
      <c r="NW40" s="349">
        <v>0</v>
      </c>
      <c r="NX40" s="347">
        <v>0</v>
      </c>
      <c r="NY40" s="344">
        <v>0</v>
      </c>
      <c r="NZ40" s="348">
        <v>0</v>
      </c>
      <c r="OA40" s="403">
        <v>0</v>
      </c>
      <c r="OB40" s="344">
        <v>0</v>
      </c>
      <c r="OC40" s="344">
        <v>0</v>
      </c>
      <c r="OD40" s="344">
        <v>0</v>
      </c>
      <c r="OE40" s="344">
        <v>0</v>
      </c>
      <c r="OF40" s="344">
        <v>0</v>
      </c>
      <c r="OG40" s="348">
        <v>0</v>
      </c>
      <c r="OH40" s="349">
        <v>0</v>
      </c>
      <c r="OI40" s="347">
        <v>110704</v>
      </c>
      <c r="OJ40" s="344">
        <v>38128</v>
      </c>
      <c r="OK40" s="345">
        <v>148832</v>
      </c>
      <c r="OL40" s="350">
        <v>0</v>
      </c>
      <c r="OM40" s="344">
        <v>1958110</v>
      </c>
      <c r="ON40" s="344">
        <v>1256008</v>
      </c>
      <c r="OO40" s="344">
        <v>1643929</v>
      </c>
      <c r="OP40" s="344">
        <v>1832794</v>
      </c>
      <c r="OQ40" s="344">
        <v>868685</v>
      </c>
      <c r="OR40" s="348">
        <v>7559526</v>
      </c>
      <c r="OS40" s="353">
        <v>7708358</v>
      </c>
    </row>
    <row r="41" spans="2:409" s="70" customFormat="1" ht="21" customHeight="1" x14ac:dyDescent="0.2">
      <c r="B41" s="409" t="s">
        <v>36</v>
      </c>
      <c r="C41" s="325">
        <v>23318</v>
      </c>
      <c r="D41" s="326">
        <v>101587</v>
      </c>
      <c r="E41" s="327">
        <v>124905</v>
      </c>
      <c r="F41" s="328">
        <v>0</v>
      </c>
      <c r="G41" s="326">
        <v>719563</v>
      </c>
      <c r="H41" s="326">
        <v>391995</v>
      </c>
      <c r="I41" s="326">
        <v>202384</v>
      </c>
      <c r="J41" s="326">
        <v>773534</v>
      </c>
      <c r="K41" s="326">
        <v>504907</v>
      </c>
      <c r="L41" s="366">
        <v>2592383</v>
      </c>
      <c r="M41" s="329">
        <v>2717288</v>
      </c>
      <c r="N41" s="325">
        <v>0</v>
      </c>
      <c r="O41" s="326">
        <v>54691</v>
      </c>
      <c r="P41" s="327">
        <v>54691</v>
      </c>
      <c r="Q41" s="325">
        <v>0</v>
      </c>
      <c r="R41" s="326">
        <v>114523</v>
      </c>
      <c r="S41" s="326">
        <v>50083</v>
      </c>
      <c r="T41" s="326">
        <v>165264</v>
      </c>
      <c r="U41" s="326">
        <v>160722</v>
      </c>
      <c r="V41" s="326">
        <v>473307</v>
      </c>
      <c r="W41" s="327">
        <v>963899</v>
      </c>
      <c r="X41" s="329">
        <v>1018590</v>
      </c>
      <c r="Y41" s="325">
        <v>0</v>
      </c>
      <c r="Z41" s="326">
        <v>0</v>
      </c>
      <c r="AA41" s="327">
        <v>0</v>
      </c>
      <c r="AB41" s="325">
        <v>0</v>
      </c>
      <c r="AC41" s="326">
        <v>52179</v>
      </c>
      <c r="AD41" s="326">
        <v>0</v>
      </c>
      <c r="AE41" s="326">
        <v>37028</v>
      </c>
      <c r="AF41" s="326">
        <v>0</v>
      </c>
      <c r="AG41" s="326">
        <v>351148</v>
      </c>
      <c r="AH41" s="327">
        <v>440355</v>
      </c>
      <c r="AI41" s="329">
        <v>440355</v>
      </c>
      <c r="AJ41" s="325">
        <v>0</v>
      </c>
      <c r="AK41" s="326">
        <v>0</v>
      </c>
      <c r="AL41" s="327">
        <v>0</v>
      </c>
      <c r="AM41" s="325">
        <v>0</v>
      </c>
      <c r="AN41" s="326">
        <v>0</v>
      </c>
      <c r="AO41" s="326">
        <v>0</v>
      </c>
      <c r="AP41" s="326">
        <v>0</v>
      </c>
      <c r="AQ41" s="326">
        <v>95296</v>
      </c>
      <c r="AR41" s="326">
        <v>77211</v>
      </c>
      <c r="AS41" s="327">
        <v>172507</v>
      </c>
      <c r="AT41" s="329">
        <v>172507</v>
      </c>
      <c r="AU41" s="325">
        <v>0</v>
      </c>
      <c r="AV41" s="326">
        <v>0</v>
      </c>
      <c r="AW41" s="327">
        <v>0</v>
      </c>
      <c r="AX41" s="325">
        <v>0</v>
      </c>
      <c r="AY41" s="326">
        <v>0</v>
      </c>
      <c r="AZ41" s="326">
        <v>0</v>
      </c>
      <c r="BA41" s="326">
        <v>97304</v>
      </c>
      <c r="BB41" s="326">
        <v>29536</v>
      </c>
      <c r="BC41" s="326">
        <v>25772</v>
      </c>
      <c r="BD41" s="327">
        <v>152612</v>
      </c>
      <c r="BE41" s="329">
        <v>152612</v>
      </c>
      <c r="BF41" s="325">
        <v>0</v>
      </c>
      <c r="BG41" s="326">
        <v>54691</v>
      </c>
      <c r="BH41" s="330">
        <v>54691</v>
      </c>
      <c r="BI41" s="331">
        <v>0</v>
      </c>
      <c r="BJ41" s="326">
        <v>0</v>
      </c>
      <c r="BK41" s="326">
        <v>20931</v>
      </c>
      <c r="BL41" s="326">
        <v>26164</v>
      </c>
      <c r="BM41" s="326">
        <v>15698</v>
      </c>
      <c r="BN41" s="326">
        <v>0</v>
      </c>
      <c r="BO41" s="327">
        <v>62793</v>
      </c>
      <c r="BP41" s="329">
        <v>117484</v>
      </c>
      <c r="BQ41" s="325">
        <v>0</v>
      </c>
      <c r="BR41" s="326">
        <v>0</v>
      </c>
      <c r="BS41" s="327">
        <v>0</v>
      </c>
      <c r="BT41" s="325">
        <v>0</v>
      </c>
      <c r="BU41" s="326">
        <v>62344</v>
      </c>
      <c r="BV41" s="326">
        <v>29152</v>
      </c>
      <c r="BW41" s="326">
        <v>4768</v>
      </c>
      <c r="BX41" s="326">
        <v>20192</v>
      </c>
      <c r="BY41" s="326">
        <v>19176</v>
      </c>
      <c r="BZ41" s="327">
        <v>135632</v>
      </c>
      <c r="CA41" s="329">
        <v>135632</v>
      </c>
      <c r="CB41" s="325">
        <v>19318</v>
      </c>
      <c r="CC41" s="326">
        <v>37296</v>
      </c>
      <c r="CD41" s="327">
        <v>56614</v>
      </c>
      <c r="CE41" s="325">
        <v>0</v>
      </c>
      <c r="CF41" s="326">
        <v>78190</v>
      </c>
      <c r="CG41" s="326">
        <v>92757</v>
      </c>
      <c r="CH41" s="326">
        <v>0</v>
      </c>
      <c r="CI41" s="326">
        <v>75528</v>
      </c>
      <c r="CJ41" s="326">
        <v>0</v>
      </c>
      <c r="CK41" s="327">
        <v>246475</v>
      </c>
      <c r="CL41" s="329">
        <v>303089</v>
      </c>
      <c r="CM41" s="325">
        <v>0</v>
      </c>
      <c r="CN41" s="326">
        <v>0</v>
      </c>
      <c r="CO41" s="327">
        <v>0</v>
      </c>
      <c r="CP41" s="331">
        <v>0</v>
      </c>
      <c r="CQ41" s="326">
        <v>78190</v>
      </c>
      <c r="CR41" s="326">
        <v>92757</v>
      </c>
      <c r="CS41" s="326">
        <v>0</v>
      </c>
      <c r="CT41" s="326">
        <v>0</v>
      </c>
      <c r="CU41" s="326">
        <v>0</v>
      </c>
      <c r="CV41" s="327">
        <v>170947</v>
      </c>
      <c r="CW41" s="329">
        <v>170947</v>
      </c>
      <c r="CX41" s="325">
        <v>19318</v>
      </c>
      <c r="CY41" s="326">
        <v>37296</v>
      </c>
      <c r="CZ41" s="327">
        <v>56614</v>
      </c>
      <c r="DA41" s="325">
        <v>0</v>
      </c>
      <c r="DB41" s="326">
        <v>0</v>
      </c>
      <c r="DC41" s="326">
        <v>0</v>
      </c>
      <c r="DD41" s="326">
        <v>0</v>
      </c>
      <c r="DE41" s="326">
        <v>75528</v>
      </c>
      <c r="DF41" s="326">
        <v>0</v>
      </c>
      <c r="DG41" s="327">
        <v>75528</v>
      </c>
      <c r="DH41" s="329">
        <v>132142</v>
      </c>
      <c r="DI41" s="325">
        <v>0</v>
      </c>
      <c r="DJ41" s="326">
        <v>0</v>
      </c>
      <c r="DK41" s="330">
        <v>0</v>
      </c>
      <c r="DL41" s="331">
        <v>0</v>
      </c>
      <c r="DM41" s="326">
        <v>0</v>
      </c>
      <c r="DN41" s="326">
        <v>22973</v>
      </c>
      <c r="DO41" s="326">
        <v>0</v>
      </c>
      <c r="DP41" s="326">
        <v>259268</v>
      </c>
      <c r="DQ41" s="326">
        <v>0</v>
      </c>
      <c r="DR41" s="327">
        <v>282241</v>
      </c>
      <c r="DS41" s="329">
        <v>282241</v>
      </c>
      <c r="DT41" s="325">
        <v>0</v>
      </c>
      <c r="DU41" s="326">
        <v>0</v>
      </c>
      <c r="DV41" s="327">
        <v>0</v>
      </c>
      <c r="DW41" s="325">
        <v>0</v>
      </c>
      <c r="DX41" s="326">
        <v>0</v>
      </c>
      <c r="DY41" s="326">
        <v>22973</v>
      </c>
      <c r="DZ41" s="326">
        <v>0</v>
      </c>
      <c r="EA41" s="326">
        <v>259268</v>
      </c>
      <c r="EB41" s="326">
        <v>0</v>
      </c>
      <c r="EC41" s="327">
        <v>282241</v>
      </c>
      <c r="ED41" s="329">
        <v>282241</v>
      </c>
      <c r="EE41" s="325">
        <v>0</v>
      </c>
      <c r="EF41" s="330">
        <v>0</v>
      </c>
      <c r="EG41" s="327">
        <v>0</v>
      </c>
      <c r="EH41" s="325">
        <v>0</v>
      </c>
      <c r="EI41" s="326">
        <v>0</v>
      </c>
      <c r="EJ41" s="326">
        <v>0</v>
      </c>
      <c r="EK41" s="326">
        <v>0</v>
      </c>
      <c r="EL41" s="326">
        <v>0</v>
      </c>
      <c r="EM41" s="326">
        <v>0</v>
      </c>
      <c r="EN41" s="330">
        <v>0</v>
      </c>
      <c r="EO41" s="329">
        <v>0</v>
      </c>
      <c r="EP41" s="325">
        <v>0</v>
      </c>
      <c r="EQ41" s="326">
        <v>0</v>
      </c>
      <c r="ER41" s="330">
        <v>0</v>
      </c>
      <c r="ES41" s="331">
        <v>0</v>
      </c>
      <c r="ET41" s="326">
        <v>0</v>
      </c>
      <c r="EU41" s="326">
        <v>0</v>
      </c>
      <c r="EV41" s="326">
        <v>0</v>
      </c>
      <c r="EW41" s="326">
        <v>0</v>
      </c>
      <c r="EX41" s="326">
        <v>0</v>
      </c>
      <c r="EY41" s="327">
        <v>0</v>
      </c>
      <c r="EZ41" s="329">
        <v>0</v>
      </c>
      <c r="FA41" s="325">
        <v>0</v>
      </c>
      <c r="FB41" s="326">
        <v>0</v>
      </c>
      <c r="FC41" s="330">
        <v>0</v>
      </c>
      <c r="FD41" s="331">
        <v>0</v>
      </c>
      <c r="FE41" s="326">
        <v>0</v>
      </c>
      <c r="FF41" s="326">
        <v>0</v>
      </c>
      <c r="FG41" s="326">
        <v>0</v>
      </c>
      <c r="FH41" s="326">
        <v>0</v>
      </c>
      <c r="FI41" s="326">
        <v>0</v>
      </c>
      <c r="FJ41" s="327">
        <v>0</v>
      </c>
      <c r="FK41" s="329">
        <v>0</v>
      </c>
      <c r="FL41" s="325">
        <v>4000</v>
      </c>
      <c r="FM41" s="326">
        <v>9600</v>
      </c>
      <c r="FN41" s="327">
        <v>13600</v>
      </c>
      <c r="FO41" s="325">
        <v>0</v>
      </c>
      <c r="FP41" s="326">
        <v>54480</v>
      </c>
      <c r="FQ41" s="326">
        <v>50640</v>
      </c>
      <c r="FR41" s="326">
        <v>37120</v>
      </c>
      <c r="FS41" s="326">
        <v>278016</v>
      </c>
      <c r="FT41" s="326">
        <v>31600</v>
      </c>
      <c r="FU41" s="327">
        <v>451856</v>
      </c>
      <c r="FV41" s="329">
        <v>465456</v>
      </c>
      <c r="FW41" s="332">
        <v>4000</v>
      </c>
      <c r="FX41" s="326">
        <v>9600</v>
      </c>
      <c r="FY41" s="330">
        <v>13600</v>
      </c>
      <c r="FZ41" s="331">
        <v>0</v>
      </c>
      <c r="GA41" s="326">
        <v>54480</v>
      </c>
      <c r="GB41" s="326">
        <v>50640</v>
      </c>
      <c r="GC41" s="326">
        <v>37120</v>
      </c>
      <c r="GD41" s="326">
        <v>118016</v>
      </c>
      <c r="GE41" s="326">
        <v>31600</v>
      </c>
      <c r="GF41" s="327">
        <v>291856</v>
      </c>
      <c r="GG41" s="333">
        <v>305456</v>
      </c>
      <c r="GH41" s="332">
        <v>0</v>
      </c>
      <c r="GI41" s="326">
        <v>0</v>
      </c>
      <c r="GJ41" s="330">
        <v>0</v>
      </c>
      <c r="GK41" s="331">
        <v>0</v>
      </c>
      <c r="GL41" s="326">
        <v>0</v>
      </c>
      <c r="GM41" s="326">
        <v>0</v>
      </c>
      <c r="GN41" s="326">
        <v>0</v>
      </c>
      <c r="GO41" s="326">
        <v>0</v>
      </c>
      <c r="GP41" s="326">
        <v>0</v>
      </c>
      <c r="GQ41" s="327">
        <v>0</v>
      </c>
      <c r="GR41" s="329">
        <v>0</v>
      </c>
      <c r="GS41" s="325">
        <v>0</v>
      </c>
      <c r="GT41" s="326">
        <v>0</v>
      </c>
      <c r="GU41" s="327">
        <v>0</v>
      </c>
      <c r="GV41" s="325">
        <v>0</v>
      </c>
      <c r="GW41" s="326">
        <v>0</v>
      </c>
      <c r="GX41" s="326">
        <v>0</v>
      </c>
      <c r="GY41" s="326">
        <v>0</v>
      </c>
      <c r="GZ41" s="326">
        <v>160000</v>
      </c>
      <c r="HA41" s="326">
        <v>0</v>
      </c>
      <c r="HB41" s="330">
        <v>160000</v>
      </c>
      <c r="HC41" s="329">
        <v>160000</v>
      </c>
      <c r="HD41" s="325">
        <v>0</v>
      </c>
      <c r="HE41" s="326">
        <v>0</v>
      </c>
      <c r="HF41" s="330">
        <v>0</v>
      </c>
      <c r="HG41" s="331">
        <v>0</v>
      </c>
      <c r="HH41" s="326">
        <v>472370</v>
      </c>
      <c r="HI41" s="326">
        <v>175542</v>
      </c>
      <c r="HJ41" s="326">
        <v>0</v>
      </c>
      <c r="HK41" s="326">
        <v>0</v>
      </c>
      <c r="HL41" s="326">
        <v>0</v>
      </c>
      <c r="HM41" s="327">
        <v>647912</v>
      </c>
      <c r="HN41" s="328">
        <v>647912</v>
      </c>
      <c r="HO41" s="332">
        <v>0</v>
      </c>
      <c r="HP41" s="326">
        <v>0</v>
      </c>
      <c r="HQ41" s="327">
        <v>0</v>
      </c>
      <c r="HR41" s="325">
        <v>0</v>
      </c>
      <c r="HS41" s="326">
        <v>0</v>
      </c>
      <c r="HT41" s="326">
        <v>0</v>
      </c>
      <c r="HU41" s="326">
        <v>0</v>
      </c>
      <c r="HV41" s="326">
        <v>0</v>
      </c>
      <c r="HW41" s="326">
        <v>0</v>
      </c>
      <c r="HX41" s="330">
        <v>0</v>
      </c>
      <c r="HY41" s="329">
        <v>0</v>
      </c>
      <c r="HZ41" s="334">
        <v>0</v>
      </c>
      <c r="IA41" s="335">
        <v>0</v>
      </c>
      <c r="IB41" s="336">
        <v>0</v>
      </c>
      <c r="IC41" s="337">
        <v>0</v>
      </c>
      <c r="ID41" s="335">
        <v>76388</v>
      </c>
      <c r="IE41" s="338">
        <v>124426</v>
      </c>
      <c r="IF41" s="336">
        <v>0</v>
      </c>
      <c r="IG41" s="335">
        <v>338520</v>
      </c>
      <c r="IH41" s="336">
        <v>0</v>
      </c>
      <c r="II41" s="339">
        <v>539334</v>
      </c>
      <c r="IJ41" s="340">
        <v>539334</v>
      </c>
      <c r="IK41" s="341">
        <v>0</v>
      </c>
      <c r="IL41" s="342">
        <v>0</v>
      </c>
      <c r="IM41" s="343">
        <v>0</v>
      </c>
      <c r="IN41" s="403">
        <v>0</v>
      </c>
      <c r="IO41" s="344">
        <v>0</v>
      </c>
      <c r="IP41" s="344">
        <v>0</v>
      </c>
      <c r="IQ41" s="344">
        <v>0</v>
      </c>
      <c r="IR41" s="344">
        <v>0</v>
      </c>
      <c r="IS41" s="344">
        <v>0</v>
      </c>
      <c r="IT41" s="345">
        <v>0</v>
      </c>
      <c r="IU41" s="346">
        <v>0</v>
      </c>
      <c r="IV41" s="347">
        <v>0</v>
      </c>
      <c r="IW41" s="344">
        <v>0</v>
      </c>
      <c r="IX41" s="348">
        <v>0</v>
      </c>
      <c r="IY41" s="403">
        <v>0</v>
      </c>
      <c r="IZ41" s="344">
        <v>0</v>
      </c>
      <c r="JA41" s="344">
        <v>0</v>
      </c>
      <c r="JB41" s="344">
        <v>0</v>
      </c>
      <c r="JC41" s="344">
        <v>0</v>
      </c>
      <c r="JD41" s="344">
        <v>0</v>
      </c>
      <c r="JE41" s="348">
        <v>0</v>
      </c>
      <c r="JF41" s="349">
        <v>0</v>
      </c>
      <c r="JG41" s="347">
        <v>0</v>
      </c>
      <c r="JH41" s="344">
        <v>0</v>
      </c>
      <c r="JI41" s="345">
        <v>0</v>
      </c>
      <c r="JJ41" s="350">
        <v>0</v>
      </c>
      <c r="JK41" s="344">
        <v>76388</v>
      </c>
      <c r="JL41" s="344">
        <v>43513</v>
      </c>
      <c r="JM41" s="344">
        <v>0</v>
      </c>
      <c r="JN41" s="344">
        <v>78859</v>
      </c>
      <c r="JO41" s="344">
        <v>0</v>
      </c>
      <c r="JP41" s="348">
        <v>198760</v>
      </c>
      <c r="JQ41" s="346">
        <v>198760</v>
      </c>
      <c r="JR41" s="347">
        <v>0</v>
      </c>
      <c r="JS41" s="344">
        <v>0</v>
      </c>
      <c r="JT41" s="345">
        <v>0</v>
      </c>
      <c r="JU41" s="350">
        <v>0</v>
      </c>
      <c r="JV41" s="344">
        <v>0</v>
      </c>
      <c r="JW41" s="344">
        <v>0</v>
      </c>
      <c r="JX41" s="344">
        <v>0</v>
      </c>
      <c r="JY41" s="344">
        <v>0</v>
      </c>
      <c r="JZ41" s="344">
        <v>0</v>
      </c>
      <c r="KA41" s="348">
        <v>0</v>
      </c>
      <c r="KB41" s="346">
        <v>0</v>
      </c>
      <c r="KC41" s="351">
        <v>0</v>
      </c>
      <c r="KD41" s="352">
        <v>0</v>
      </c>
      <c r="KE41" s="348">
        <v>0</v>
      </c>
      <c r="KF41" s="350">
        <v>0</v>
      </c>
      <c r="KG41" s="344">
        <v>0</v>
      </c>
      <c r="KH41" s="344">
        <v>80913</v>
      </c>
      <c r="KI41" s="344">
        <v>0</v>
      </c>
      <c r="KJ41" s="344">
        <v>0</v>
      </c>
      <c r="KK41" s="344">
        <v>0</v>
      </c>
      <c r="KL41" s="348">
        <v>80913</v>
      </c>
      <c r="KM41" s="353">
        <v>80913</v>
      </c>
      <c r="KN41" s="341">
        <v>0</v>
      </c>
      <c r="KO41" s="342">
        <v>0</v>
      </c>
      <c r="KP41" s="343">
        <v>0</v>
      </c>
      <c r="KQ41" s="403">
        <v>0</v>
      </c>
      <c r="KR41" s="344">
        <v>0</v>
      </c>
      <c r="KS41" s="344">
        <v>0</v>
      </c>
      <c r="KT41" s="344">
        <v>0</v>
      </c>
      <c r="KU41" s="344">
        <v>259661</v>
      </c>
      <c r="KV41" s="344">
        <v>0</v>
      </c>
      <c r="KW41" s="348">
        <v>259661</v>
      </c>
      <c r="KX41" s="346">
        <v>259661</v>
      </c>
      <c r="KY41" s="347">
        <v>0</v>
      </c>
      <c r="KZ41" s="344">
        <v>0</v>
      </c>
      <c r="LA41" s="348">
        <v>0</v>
      </c>
      <c r="LB41" s="403">
        <v>0</v>
      </c>
      <c r="LC41" s="344">
        <v>0</v>
      </c>
      <c r="LD41" s="344">
        <v>0</v>
      </c>
      <c r="LE41" s="344">
        <v>0</v>
      </c>
      <c r="LF41" s="344">
        <v>0</v>
      </c>
      <c r="LG41" s="344">
        <v>0</v>
      </c>
      <c r="LH41" s="348">
        <v>0</v>
      </c>
      <c r="LI41" s="349">
        <v>0</v>
      </c>
      <c r="LJ41" s="347">
        <v>0</v>
      </c>
      <c r="LK41" s="344">
        <v>0</v>
      </c>
      <c r="LL41" s="348">
        <v>0</v>
      </c>
      <c r="LM41" s="403">
        <v>0</v>
      </c>
      <c r="LN41" s="344">
        <v>0</v>
      </c>
      <c r="LO41" s="344">
        <v>0</v>
      </c>
      <c r="LP41" s="344">
        <v>0</v>
      </c>
      <c r="LQ41" s="344">
        <v>0</v>
      </c>
      <c r="LR41" s="344">
        <v>0</v>
      </c>
      <c r="LS41" s="348">
        <v>0</v>
      </c>
      <c r="LT41" s="346">
        <v>0</v>
      </c>
      <c r="LU41" s="347">
        <v>0</v>
      </c>
      <c r="LV41" s="344">
        <v>0</v>
      </c>
      <c r="LW41" s="348">
        <v>0</v>
      </c>
      <c r="LX41" s="403">
        <v>0</v>
      </c>
      <c r="LY41" s="344">
        <v>0</v>
      </c>
      <c r="LZ41" s="344">
        <v>0</v>
      </c>
      <c r="MA41" s="344">
        <v>0</v>
      </c>
      <c r="MB41" s="344">
        <v>0</v>
      </c>
      <c r="MC41" s="344">
        <v>0</v>
      </c>
      <c r="MD41" s="348">
        <v>0</v>
      </c>
      <c r="ME41" s="349">
        <v>0</v>
      </c>
      <c r="MF41" s="347">
        <v>0</v>
      </c>
      <c r="MG41" s="344">
        <v>0</v>
      </c>
      <c r="MH41" s="348">
        <v>0</v>
      </c>
      <c r="MI41" s="403">
        <v>0</v>
      </c>
      <c r="MJ41" s="344">
        <v>0</v>
      </c>
      <c r="MK41" s="344">
        <v>0</v>
      </c>
      <c r="ML41" s="344">
        <v>0</v>
      </c>
      <c r="MM41" s="344">
        <v>510572</v>
      </c>
      <c r="MN41" s="344">
        <v>903870</v>
      </c>
      <c r="MO41" s="348">
        <v>1414442</v>
      </c>
      <c r="MP41" s="353">
        <v>1414442</v>
      </c>
      <c r="MQ41" s="347">
        <v>0</v>
      </c>
      <c r="MR41" s="344">
        <v>0</v>
      </c>
      <c r="MS41" s="348">
        <v>0</v>
      </c>
      <c r="MT41" s="403">
        <v>0</v>
      </c>
      <c r="MU41" s="344">
        <v>0</v>
      </c>
      <c r="MV41" s="344">
        <v>0</v>
      </c>
      <c r="MW41" s="344">
        <v>0</v>
      </c>
      <c r="MX41" s="344">
        <v>464284</v>
      </c>
      <c r="MY41" s="344">
        <v>0</v>
      </c>
      <c r="MZ41" s="348">
        <v>464284</v>
      </c>
      <c r="NA41" s="353">
        <v>464284</v>
      </c>
      <c r="NB41" s="347">
        <v>0</v>
      </c>
      <c r="NC41" s="344">
        <v>0</v>
      </c>
      <c r="ND41" s="348">
        <v>0</v>
      </c>
      <c r="NE41" s="403">
        <v>0</v>
      </c>
      <c r="NF41" s="344">
        <v>0</v>
      </c>
      <c r="NG41" s="344">
        <v>0</v>
      </c>
      <c r="NH41" s="344">
        <v>0</v>
      </c>
      <c r="NI41" s="344">
        <v>46288</v>
      </c>
      <c r="NJ41" s="344">
        <v>676865</v>
      </c>
      <c r="NK41" s="348">
        <v>723153</v>
      </c>
      <c r="NL41" s="346">
        <v>723153</v>
      </c>
      <c r="NM41" s="347">
        <v>0</v>
      </c>
      <c r="NN41" s="344">
        <v>0</v>
      </c>
      <c r="NO41" s="348">
        <v>0</v>
      </c>
      <c r="NP41" s="403">
        <v>0</v>
      </c>
      <c r="NQ41" s="344">
        <v>0</v>
      </c>
      <c r="NR41" s="344">
        <v>0</v>
      </c>
      <c r="NS41" s="344">
        <v>0</v>
      </c>
      <c r="NT41" s="344">
        <v>0</v>
      </c>
      <c r="NU41" s="344">
        <v>227005</v>
      </c>
      <c r="NV41" s="348">
        <v>227005</v>
      </c>
      <c r="NW41" s="349">
        <v>227005</v>
      </c>
      <c r="NX41" s="347">
        <v>0</v>
      </c>
      <c r="NY41" s="344">
        <v>0</v>
      </c>
      <c r="NZ41" s="348">
        <v>0</v>
      </c>
      <c r="OA41" s="403">
        <v>0</v>
      </c>
      <c r="OB41" s="344">
        <v>0</v>
      </c>
      <c r="OC41" s="344">
        <v>0</v>
      </c>
      <c r="OD41" s="344">
        <v>0</v>
      </c>
      <c r="OE41" s="344">
        <v>0</v>
      </c>
      <c r="OF41" s="344">
        <v>0</v>
      </c>
      <c r="OG41" s="348">
        <v>0</v>
      </c>
      <c r="OH41" s="349">
        <v>0</v>
      </c>
      <c r="OI41" s="347">
        <v>23318</v>
      </c>
      <c r="OJ41" s="344">
        <v>101587</v>
      </c>
      <c r="OK41" s="345">
        <v>124905</v>
      </c>
      <c r="OL41" s="350">
        <v>0</v>
      </c>
      <c r="OM41" s="344">
        <v>795951</v>
      </c>
      <c r="ON41" s="344">
        <v>516421</v>
      </c>
      <c r="OO41" s="344">
        <v>202384</v>
      </c>
      <c r="OP41" s="344">
        <v>1622626</v>
      </c>
      <c r="OQ41" s="344">
        <v>1408777</v>
      </c>
      <c r="OR41" s="348">
        <v>4546159</v>
      </c>
      <c r="OS41" s="353">
        <v>4671064</v>
      </c>
    </row>
    <row r="42" spans="2:409" s="70" customFormat="1" ht="21" customHeight="1" thickBot="1" x14ac:dyDescent="0.25">
      <c r="B42" s="410" t="s">
        <v>37</v>
      </c>
      <c r="C42" s="370">
        <v>0</v>
      </c>
      <c r="D42" s="371">
        <v>0</v>
      </c>
      <c r="E42" s="372">
        <v>0</v>
      </c>
      <c r="F42" s="373">
        <v>0</v>
      </c>
      <c r="G42" s="371">
        <v>18792</v>
      </c>
      <c r="H42" s="371">
        <v>105949</v>
      </c>
      <c r="I42" s="371">
        <v>115772</v>
      </c>
      <c r="J42" s="371">
        <v>0</v>
      </c>
      <c r="K42" s="371">
        <v>0</v>
      </c>
      <c r="L42" s="373">
        <v>240513</v>
      </c>
      <c r="M42" s="374">
        <v>240513</v>
      </c>
      <c r="N42" s="370">
        <v>0</v>
      </c>
      <c r="O42" s="371">
        <v>0</v>
      </c>
      <c r="P42" s="372">
        <v>0</v>
      </c>
      <c r="Q42" s="370">
        <v>0</v>
      </c>
      <c r="R42" s="371">
        <v>0</v>
      </c>
      <c r="S42" s="371">
        <v>0</v>
      </c>
      <c r="T42" s="371">
        <v>0</v>
      </c>
      <c r="U42" s="371">
        <v>0</v>
      </c>
      <c r="V42" s="371">
        <v>0</v>
      </c>
      <c r="W42" s="372">
        <v>0</v>
      </c>
      <c r="X42" s="374">
        <v>0</v>
      </c>
      <c r="Y42" s="370">
        <v>0</v>
      </c>
      <c r="Z42" s="371">
        <v>0</v>
      </c>
      <c r="AA42" s="372">
        <v>0</v>
      </c>
      <c r="AB42" s="370">
        <v>0</v>
      </c>
      <c r="AC42" s="371">
        <v>0</v>
      </c>
      <c r="AD42" s="371">
        <v>0</v>
      </c>
      <c r="AE42" s="371">
        <v>0</v>
      </c>
      <c r="AF42" s="371">
        <v>0</v>
      </c>
      <c r="AG42" s="371">
        <v>0</v>
      </c>
      <c r="AH42" s="372">
        <v>0</v>
      </c>
      <c r="AI42" s="374">
        <v>0</v>
      </c>
      <c r="AJ42" s="370">
        <v>0</v>
      </c>
      <c r="AK42" s="371">
        <v>0</v>
      </c>
      <c r="AL42" s="372">
        <v>0</v>
      </c>
      <c r="AM42" s="370">
        <v>0</v>
      </c>
      <c r="AN42" s="371">
        <v>0</v>
      </c>
      <c r="AO42" s="371">
        <v>0</v>
      </c>
      <c r="AP42" s="371">
        <v>0</v>
      </c>
      <c r="AQ42" s="371">
        <v>0</v>
      </c>
      <c r="AR42" s="371">
        <v>0</v>
      </c>
      <c r="AS42" s="372">
        <v>0</v>
      </c>
      <c r="AT42" s="374">
        <v>0</v>
      </c>
      <c r="AU42" s="370">
        <v>0</v>
      </c>
      <c r="AV42" s="371">
        <v>0</v>
      </c>
      <c r="AW42" s="372">
        <v>0</v>
      </c>
      <c r="AX42" s="370">
        <v>0</v>
      </c>
      <c r="AY42" s="371">
        <v>0</v>
      </c>
      <c r="AZ42" s="371">
        <v>0</v>
      </c>
      <c r="BA42" s="371">
        <v>0</v>
      </c>
      <c r="BB42" s="371">
        <v>0</v>
      </c>
      <c r="BC42" s="371">
        <v>0</v>
      </c>
      <c r="BD42" s="372">
        <v>0</v>
      </c>
      <c r="BE42" s="374">
        <v>0</v>
      </c>
      <c r="BF42" s="370">
        <v>0</v>
      </c>
      <c r="BG42" s="371">
        <v>0</v>
      </c>
      <c r="BH42" s="375">
        <v>0</v>
      </c>
      <c r="BI42" s="376">
        <v>0</v>
      </c>
      <c r="BJ42" s="371">
        <v>0</v>
      </c>
      <c r="BK42" s="371">
        <v>0</v>
      </c>
      <c r="BL42" s="371">
        <v>0</v>
      </c>
      <c r="BM42" s="371">
        <v>0</v>
      </c>
      <c r="BN42" s="371">
        <v>0</v>
      </c>
      <c r="BO42" s="372">
        <v>0</v>
      </c>
      <c r="BP42" s="374">
        <v>0</v>
      </c>
      <c r="BQ42" s="370">
        <v>0</v>
      </c>
      <c r="BR42" s="371">
        <v>0</v>
      </c>
      <c r="BS42" s="372">
        <v>0</v>
      </c>
      <c r="BT42" s="370">
        <v>0</v>
      </c>
      <c r="BU42" s="371">
        <v>0</v>
      </c>
      <c r="BV42" s="371">
        <v>0</v>
      </c>
      <c r="BW42" s="371">
        <v>0</v>
      </c>
      <c r="BX42" s="371">
        <v>0</v>
      </c>
      <c r="BY42" s="371">
        <v>0</v>
      </c>
      <c r="BZ42" s="372">
        <v>0</v>
      </c>
      <c r="CA42" s="374">
        <v>0</v>
      </c>
      <c r="CB42" s="370">
        <v>0</v>
      </c>
      <c r="CC42" s="371">
        <v>0</v>
      </c>
      <c r="CD42" s="372">
        <v>0</v>
      </c>
      <c r="CE42" s="370">
        <v>0</v>
      </c>
      <c r="CF42" s="371">
        <v>17592</v>
      </c>
      <c r="CG42" s="371">
        <v>86941</v>
      </c>
      <c r="CH42" s="371">
        <v>81492</v>
      </c>
      <c r="CI42" s="371">
        <v>0</v>
      </c>
      <c r="CJ42" s="371">
        <v>0</v>
      </c>
      <c r="CK42" s="372">
        <v>186025</v>
      </c>
      <c r="CL42" s="374">
        <v>186025</v>
      </c>
      <c r="CM42" s="370">
        <v>0</v>
      </c>
      <c r="CN42" s="371">
        <v>0</v>
      </c>
      <c r="CO42" s="372">
        <v>0</v>
      </c>
      <c r="CP42" s="376">
        <v>0</v>
      </c>
      <c r="CQ42" s="371">
        <v>0</v>
      </c>
      <c r="CR42" s="371">
        <v>86941</v>
      </c>
      <c r="CS42" s="371">
        <v>0</v>
      </c>
      <c r="CT42" s="371">
        <v>0</v>
      </c>
      <c r="CU42" s="371">
        <v>0</v>
      </c>
      <c r="CV42" s="372">
        <v>86941</v>
      </c>
      <c r="CW42" s="374">
        <v>86941</v>
      </c>
      <c r="CX42" s="370">
        <v>0</v>
      </c>
      <c r="CY42" s="371">
        <v>0</v>
      </c>
      <c r="CZ42" s="372">
        <v>0</v>
      </c>
      <c r="DA42" s="370">
        <v>0</v>
      </c>
      <c r="DB42" s="371">
        <v>17592</v>
      </c>
      <c r="DC42" s="371">
        <v>0</v>
      </c>
      <c r="DD42" s="371">
        <v>81492</v>
      </c>
      <c r="DE42" s="371">
        <v>0</v>
      </c>
      <c r="DF42" s="371">
        <v>0</v>
      </c>
      <c r="DG42" s="372">
        <v>99084</v>
      </c>
      <c r="DH42" s="374">
        <v>99084</v>
      </c>
      <c r="DI42" s="370">
        <v>0</v>
      </c>
      <c r="DJ42" s="371">
        <v>0</v>
      </c>
      <c r="DK42" s="375">
        <v>0</v>
      </c>
      <c r="DL42" s="376">
        <v>0</v>
      </c>
      <c r="DM42" s="371">
        <v>0</v>
      </c>
      <c r="DN42" s="371">
        <v>0</v>
      </c>
      <c r="DO42" s="371">
        <v>0</v>
      </c>
      <c r="DP42" s="371">
        <v>0</v>
      </c>
      <c r="DQ42" s="371">
        <v>0</v>
      </c>
      <c r="DR42" s="372">
        <v>0</v>
      </c>
      <c r="DS42" s="374">
        <v>0</v>
      </c>
      <c r="DT42" s="370">
        <v>0</v>
      </c>
      <c r="DU42" s="371">
        <v>0</v>
      </c>
      <c r="DV42" s="372">
        <v>0</v>
      </c>
      <c r="DW42" s="370">
        <v>0</v>
      </c>
      <c r="DX42" s="371">
        <v>0</v>
      </c>
      <c r="DY42" s="371">
        <v>0</v>
      </c>
      <c r="DZ42" s="371">
        <v>0</v>
      </c>
      <c r="EA42" s="371">
        <v>0</v>
      </c>
      <c r="EB42" s="371">
        <v>0</v>
      </c>
      <c r="EC42" s="372">
        <v>0</v>
      </c>
      <c r="ED42" s="374">
        <v>0</v>
      </c>
      <c r="EE42" s="370">
        <v>0</v>
      </c>
      <c r="EF42" s="375">
        <v>0</v>
      </c>
      <c r="EG42" s="372">
        <v>0</v>
      </c>
      <c r="EH42" s="370">
        <v>0</v>
      </c>
      <c r="EI42" s="371">
        <v>0</v>
      </c>
      <c r="EJ42" s="371">
        <v>0</v>
      </c>
      <c r="EK42" s="371">
        <v>0</v>
      </c>
      <c r="EL42" s="371">
        <v>0</v>
      </c>
      <c r="EM42" s="371">
        <v>0</v>
      </c>
      <c r="EN42" s="375">
        <v>0</v>
      </c>
      <c r="EO42" s="374">
        <v>0</v>
      </c>
      <c r="EP42" s="370">
        <v>0</v>
      </c>
      <c r="EQ42" s="371">
        <v>0</v>
      </c>
      <c r="ER42" s="375">
        <v>0</v>
      </c>
      <c r="ES42" s="376">
        <v>0</v>
      </c>
      <c r="ET42" s="371">
        <v>0</v>
      </c>
      <c r="EU42" s="371">
        <v>0</v>
      </c>
      <c r="EV42" s="371">
        <v>0</v>
      </c>
      <c r="EW42" s="371">
        <v>0</v>
      </c>
      <c r="EX42" s="371">
        <v>0</v>
      </c>
      <c r="EY42" s="372">
        <v>0</v>
      </c>
      <c r="EZ42" s="374">
        <v>0</v>
      </c>
      <c r="FA42" s="370">
        <v>0</v>
      </c>
      <c r="FB42" s="371">
        <v>0</v>
      </c>
      <c r="FC42" s="375">
        <v>0</v>
      </c>
      <c r="FD42" s="376">
        <v>0</v>
      </c>
      <c r="FE42" s="371">
        <v>0</v>
      </c>
      <c r="FF42" s="371">
        <v>0</v>
      </c>
      <c r="FG42" s="371">
        <v>0</v>
      </c>
      <c r="FH42" s="371">
        <v>0</v>
      </c>
      <c r="FI42" s="371">
        <v>0</v>
      </c>
      <c r="FJ42" s="372">
        <v>0</v>
      </c>
      <c r="FK42" s="374">
        <v>0</v>
      </c>
      <c r="FL42" s="370">
        <v>0</v>
      </c>
      <c r="FM42" s="371">
        <v>0</v>
      </c>
      <c r="FN42" s="372">
        <v>0</v>
      </c>
      <c r="FO42" s="370">
        <v>0</v>
      </c>
      <c r="FP42" s="371">
        <v>1200</v>
      </c>
      <c r="FQ42" s="371">
        <v>19008</v>
      </c>
      <c r="FR42" s="371">
        <v>34280</v>
      </c>
      <c r="FS42" s="371">
        <v>0</v>
      </c>
      <c r="FT42" s="371">
        <v>0</v>
      </c>
      <c r="FU42" s="372">
        <v>54488</v>
      </c>
      <c r="FV42" s="374">
        <v>54488</v>
      </c>
      <c r="FW42" s="377">
        <v>0</v>
      </c>
      <c r="FX42" s="371">
        <v>0</v>
      </c>
      <c r="FY42" s="375">
        <v>0</v>
      </c>
      <c r="FZ42" s="376">
        <v>0</v>
      </c>
      <c r="GA42" s="371">
        <v>1200</v>
      </c>
      <c r="GB42" s="371">
        <v>19008</v>
      </c>
      <c r="GC42" s="371">
        <v>34280</v>
      </c>
      <c r="GD42" s="371">
        <v>0</v>
      </c>
      <c r="GE42" s="371">
        <v>0</v>
      </c>
      <c r="GF42" s="372">
        <v>54488</v>
      </c>
      <c r="GG42" s="378">
        <v>54488</v>
      </c>
      <c r="GH42" s="377">
        <v>0</v>
      </c>
      <c r="GI42" s="371">
        <v>0</v>
      </c>
      <c r="GJ42" s="375">
        <v>0</v>
      </c>
      <c r="GK42" s="376">
        <v>0</v>
      </c>
      <c r="GL42" s="371">
        <v>0</v>
      </c>
      <c r="GM42" s="371">
        <v>0</v>
      </c>
      <c r="GN42" s="371">
        <v>0</v>
      </c>
      <c r="GO42" s="371">
        <v>0</v>
      </c>
      <c r="GP42" s="371">
        <v>0</v>
      </c>
      <c r="GQ42" s="372">
        <v>0</v>
      </c>
      <c r="GR42" s="374">
        <v>0</v>
      </c>
      <c r="GS42" s="370">
        <v>0</v>
      </c>
      <c r="GT42" s="371">
        <v>0</v>
      </c>
      <c r="GU42" s="372">
        <v>0</v>
      </c>
      <c r="GV42" s="370">
        <v>0</v>
      </c>
      <c r="GW42" s="371">
        <v>0</v>
      </c>
      <c r="GX42" s="371">
        <v>0</v>
      </c>
      <c r="GY42" s="371">
        <v>0</v>
      </c>
      <c r="GZ42" s="371">
        <v>0</v>
      </c>
      <c r="HA42" s="371">
        <v>0</v>
      </c>
      <c r="HB42" s="375">
        <v>0</v>
      </c>
      <c r="HC42" s="374">
        <v>0</v>
      </c>
      <c r="HD42" s="370">
        <v>0</v>
      </c>
      <c r="HE42" s="371">
        <v>0</v>
      </c>
      <c r="HF42" s="375">
        <v>0</v>
      </c>
      <c r="HG42" s="376">
        <v>0</v>
      </c>
      <c r="HH42" s="371">
        <v>0</v>
      </c>
      <c r="HI42" s="371">
        <v>0</v>
      </c>
      <c r="HJ42" s="371">
        <v>0</v>
      </c>
      <c r="HK42" s="371">
        <v>0</v>
      </c>
      <c r="HL42" s="371">
        <v>0</v>
      </c>
      <c r="HM42" s="372">
        <v>0</v>
      </c>
      <c r="HN42" s="373">
        <v>0</v>
      </c>
      <c r="HO42" s="377">
        <v>0</v>
      </c>
      <c r="HP42" s="371">
        <v>0</v>
      </c>
      <c r="HQ42" s="372">
        <v>0</v>
      </c>
      <c r="HR42" s="370">
        <v>0</v>
      </c>
      <c r="HS42" s="371">
        <v>0</v>
      </c>
      <c r="HT42" s="371">
        <v>0</v>
      </c>
      <c r="HU42" s="371">
        <v>0</v>
      </c>
      <c r="HV42" s="371">
        <v>0</v>
      </c>
      <c r="HW42" s="371">
        <v>0</v>
      </c>
      <c r="HX42" s="375">
        <v>0</v>
      </c>
      <c r="HY42" s="374">
        <v>0</v>
      </c>
      <c r="HZ42" s="379">
        <v>0</v>
      </c>
      <c r="IA42" s="380">
        <v>0</v>
      </c>
      <c r="IB42" s="381">
        <v>0</v>
      </c>
      <c r="IC42" s="382">
        <v>0</v>
      </c>
      <c r="ID42" s="383">
        <v>0</v>
      </c>
      <c r="IE42" s="384">
        <v>0</v>
      </c>
      <c r="IF42" s="385">
        <v>0</v>
      </c>
      <c r="IG42" s="383">
        <v>0</v>
      </c>
      <c r="IH42" s="385">
        <v>0</v>
      </c>
      <c r="II42" s="386">
        <v>0</v>
      </c>
      <c r="IJ42" s="387">
        <v>0</v>
      </c>
      <c r="IK42" s="388">
        <v>0</v>
      </c>
      <c r="IL42" s="389">
        <v>0</v>
      </c>
      <c r="IM42" s="390">
        <v>0</v>
      </c>
      <c r="IN42" s="404">
        <v>0</v>
      </c>
      <c r="IO42" s="391">
        <v>0</v>
      </c>
      <c r="IP42" s="391">
        <v>0</v>
      </c>
      <c r="IQ42" s="391">
        <v>0</v>
      </c>
      <c r="IR42" s="391">
        <v>0</v>
      </c>
      <c r="IS42" s="391">
        <v>0</v>
      </c>
      <c r="IT42" s="392">
        <v>0</v>
      </c>
      <c r="IU42" s="393">
        <v>0</v>
      </c>
      <c r="IV42" s="394">
        <v>0</v>
      </c>
      <c r="IW42" s="391">
        <v>0</v>
      </c>
      <c r="IX42" s="395">
        <v>0</v>
      </c>
      <c r="IY42" s="404">
        <v>0</v>
      </c>
      <c r="IZ42" s="391">
        <v>0</v>
      </c>
      <c r="JA42" s="391">
        <v>0</v>
      </c>
      <c r="JB42" s="391">
        <v>0</v>
      </c>
      <c r="JC42" s="391">
        <v>0</v>
      </c>
      <c r="JD42" s="391">
        <v>0</v>
      </c>
      <c r="JE42" s="395">
        <v>0</v>
      </c>
      <c r="JF42" s="396">
        <v>0</v>
      </c>
      <c r="JG42" s="394">
        <v>0</v>
      </c>
      <c r="JH42" s="391">
        <v>0</v>
      </c>
      <c r="JI42" s="392">
        <v>0</v>
      </c>
      <c r="JJ42" s="397">
        <v>0</v>
      </c>
      <c r="JK42" s="391">
        <v>0</v>
      </c>
      <c r="JL42" s="391">
        <v>0</v>
      </c>
      <c r="JM42" s="391">
        <v>0</v>
      </c>
      <c r="JN42" s="391">
        <v>0</v>
      </c>
      <c r="JO42" s="391">
        <v>0</v>
      </c>
      <c r="JP42" s="395">
        <v>0</v>
      </c>
      <c r="JQ42" s="393">
        <v>0</v>
      </c>
      <c r="JR42" s="394">
        <v>0</v>
      </c>
      <c r="JS42" s="391">
        <v>0</v>
      </c>
      <c r="JT42" s="392">
        <v>0</v>
      </c>
      <c r="JU42" s="397">
        <v>0</v>
      </c>
      <c r="JV42" s="391">
        <v>0</v>
      </c>
      <c r="JW42" s="391">
        <v>0</v>
      </c>
      <c r="JX42" s="391">
        <v>0</v>
      </c>
      <c r="JY42" s="391">
        <v>0</v>
      </c>
      <c r="JZ42" s="391">
        <v>0</v>
      </c>
      <c r="KA42" s="395">
        <v>0</v>
      </c>
      <c r="KB42" s="393">
        <v>0</v>
      </c>
      <c r="KC42" s="398">
        <v>0</v>
      </c>
      <c r="KD42" s="399">
        <v>0</v>
      </c>
      <c r="KE42" s="395">
        <v>0</v>
      </c>
      <c r="KF42" s="397">
        <v>0</v>
      </c>
      <c r="KG42" s="391">
        <v>0</v>
      </c>
      <c r="KH42" s="391">
        <v>0</v>
      </c>
      <c r="KI42" s="391">
        <v>0</v>
      </c>
      <c r="KJ42" s="391">
        <v>0</v>
      </c>
      <c r="KK42" s="391">
        <v>0</v>
      </c>
      <c r="KL42" s="395">
        <v>0</v>
      </c>
      <c r="KM42" s="400">
        <v>0</v>
      </c>
      <c r="KN42" s="388">
        <v>0</v>
      </c>
      <c r="KO42" s="389">
        <v>0</v>
      </c>
      <c r="KP42" s="390">
        <v>0</v>
      </c>
      <c r="KQ42" s="404">
        <v>0</v>
      </c>
      <c r="KR42" s="391">
        <v>0</v>
      </c>
      <c r="KS42" s="391">
        <v>0</v>
      </c>
      <c r="KT42" s="391">
        <v>0</v>
      </c>
      <c r="KU42" s="391">
        <v>0</v>
      </c>
      <c r="KV42" s="391">
        <v>0</v>
      </c>
      <c r="KW42" s="395">
        <v>0</v>
      </c>
      <c r="KX42" s="393">
        <v>0</v>
      </c>
      <c r="KY42" s="394">
        <v>0</v>
      </c>
      <c r="KZ42" s="391">
        <v>0</v>
      </c>
      <c r="LA42" s="395">
        <v>0</v>
      </c>
      <c r="LB42" s="404">
        <v>0</v>
      </c>
      <c r="LC42" s="391">
        <v>0</v>
      </c>
      <c r="LD42" s="391">
        <v>0</v>
      </c>
      <c r="LE42" s="391">
        <v>0</v>
      </c>
      <c r="LF42" s="391">
        <v>0</v>
      </c>
      <c r="LG42" s="391">
        <v>0</v>
      </c>
      <c r="LH42" s="395">
        <v>0</v>
      </c>
      <c r="LI42" s="396">
        <v>0</v>
      </c>
      <c r="LJ42" s="394">
        <v>0</v>
      </c>
      <c r="LK42" s="391">
        <v>0</v>
      </c>
      <c r="LL42" s="395">
        <v>0</v>
      </c>
      <c r="LM42" s="404">
        <v>0</v>
      </c>
      <c r="LN42" s="391">
        <v>0</v>
      </c>
      <c r="LO42" s="391">
        <v>0</v>
      </c>
      <c r="LP42" s="391">
        <v>0</v>
      </c>
      <c r="LQ42" s="391">
        <v>0</v>
      </c>
      <c r="LR42" s="391">
        <v>0</v>
      </c>
      <c r="LS42" s="395">
        <v>0</v>
      </c>
      <c r="LT42" s="393">
        <v>0</v>
      </c>
      <c r="LU42" s="394">
        <v>0</v>
      </c>
      <c r="LV42" s="391">
        <v>0</v>
      </c>
      <c r="LW42" s="395">
        <v>0</v>
      </c>
      <c r="LX42" s="404">
        <v>0</v>
      </c>
      <c r="LY42" s="391">
        <v>0</v>
      </c>
      <c r="LZ42" s="391">
        <v>0</v>
      </c>
      <c r="MA42" s="391">
        <v>0</v>
      </c>
      <c r="MB42" s="391">
        <v>0</v>
      </c>
      <c r="MC42" s="391">
        <v>0</v>
      </c>
      <c r="MD42" s="395">
        <v>0</v>
      </c>
      <c r="ME42" s="396">
        <v>0</v>
      </c>
      <c r="MF42" s="394">
        <v>0</v>
      </c>
      <c r="MG42" s="391">
        <v>0</v>
      </c>
      <c r="MH42" s="395">
        <v>0</v>
      </c>
      <c r="MI42" s="404">
        <v>0</v>
      </c>
      <c r="MJ42" s="391">
        <v>0</v>
      </c>
      <c r="MK42" s="391">
        <v>0</v>
      </c>
      <c r="ML42" s="391">
        <v>229442</v>
      </c>
      <c r="MM42" s="391">
        <v>0</v>
      </c>
      <c r="MN42" s="391">
        <v>0</v>
      </c>
      <c r="MO42" s="395">
        <v>229442</v>
      </c>
      <c r="MP42" s="400">
        <v>229442</v>
      </c>
      <c r="MQ42" s="394">
        <v>0</v>
      </c>
      <c r="MR42" s="391">
        <v>0</v>
      </c>
      <c r="MS42" s="395">
        <v>0</v>
      </c>
      <c r="MT42" s="404">
        <v>0</v>
      </c>
      <c r="MU42" s="391">
        <v>0</v>
      </c>
      <c r="MV42" s="391">
        <v>0</v>
      </c>
      <c r="MW42" s="391">
        <v>229442</v>
      </c>
      <c r="MX42" s="391">
        <v>0</v>
      </c>
      <c r="MY42" s="391">
        <v>0</v>
      </c>
      <c r="MZ42" s="395">
        <v>229442</v>
      </c>
      <c r="NA42" s="400">
        <v>229442</v>
      </c>
      <c r="NB42" s="394">
        <v>0</v>
      </c>
      <c r="NC42" s="391">
        <v>0</v>
      </c>
      <c r="ND42" s="395">
        <v>0</v>
      </c>
      <c r="NE42" s="404">
        <v>0</v>
      </c>
      <c r="NF42" s="391">
        <v>0</v>
      </c>
      <c r="NG42" s="391">
        <v>0</v>
      </c>
      <c r="NH42" s="391">
        <v>0</v>
      </c>
      <c r="NI42" s="391">
        <v>0</v>
      </c>
      <c r="NJ42" s="391">
        <v>0</v>
      </c>
      <c r="NK42" s="395">
        <v>0</v>
      </c>
      <c r="NL42" s="393">
        <v>0</v>
      </c>
      <c r="NM42" s="394">
        <v>0</v>
      </c>
      <c r="NN42" s="391">
        <v>0</v>
      </c>
      <c r="NO42" s="395">
        <v>0</v>
      </c>
      <c r="NP42" s="404">
        <v>0</v>
      </c>
      <c r="NQ42" s="391">
        <v>0</v>
      </c>
      <c r="NR42" s="391">
        <v>0</v>
      </c>
      <c r="NS42" s="391">
        <v>0</v>
      </c>
      <c r="NT42" s="391">
        <v>0</v>
      </c>
      <c r="NU42" s="391">
        <v>0</v>
      </c>
      <c r="NV42" s="395">
        <v>0</v>
      </c>
      <c r="NW42" s="396">
        <v>0</v>
      </c>
      <c r="NX42" s="394">
        <v>0</v>
      </c>
      <c r="NY42" s="391">
        <v>0</v>
      </c>
      <c r="NZ42" s="395">
        <v>0</v>
      </c>
      <c r="OA42" s="404">
        <v>0</v>
      </c>
      <c r="OB42" s="391">
        <v>0</v>
      </c>
      <c r="OC42" s="391">
        <v>0</v>
      </c>
      <c r="OD42" s="391">
        <v>0</v>
      </c>
      <c r="OE42" s="391">
        <v>0</v>
      </c>
      <c r="OF42" s="391">
        <v>0</v>
      </c>
      <c r="OG42" s="395">
        <v>0</v>
      </c>
      <c r="OH42" s="396">
        <v>0</v>
      </c>
      <c r="OI42" s="394">
        <v>0</v>
      </c>
      <c r="OJ42" s="391">
        <v>0</v>
      </c>
      <c r="OK42" s="392">
        <v>0</v>
      </c>
      <c r="OL42" s="397">
        <v>0</v>
      </c>
      <c r="OM42" s="391">
        <v>18792</v>
      </c>
      <c r="ON42" s="391">
        <v>105949</v>
      </c>
      <c r="OO42" s="391">
        <v>345214</v>
      </c>
      <c r="OP42" s="391">
        <v>0</v>
      </c>
      <c r="OQ42" s="391">
        <v>0</v>
      </c>
      <c r="OR42" s="395">
        <v>469955</v>
      </c>
      <c r="OS42" s="400">
        <v>469955</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5</v>
      </c>
      <c r="G1" s="535">
        <f>IF(F1&lt;3,F1-2+12,F1-2)</f>
        <v>3</v>
      </c>
      <c r="H1" s="535"/>
      <c r="IB1" s="42"/>
      <c r="IC1" s="22"/>
      <c r="ID1" s="546"/>
      <c r="IE1" s="546"/>
    </row>
    <row r="2" spans="2:409" ht="24" customHeight="1" x14ac:dyDescent="0.2">
      <c r="B2" s="10" t="s">
        <v>144</v>
      </c>
      <c r="E2" s="19"/>
      <c r="F2" s="20"/>
      <c r="G2" s="419"/>
      <c r="H2" s="419"/>
      <c r="IB2" s="21"/>
      <c r="IC2" s="22"/>
      <c r="ID2" s="419"/>
      <c r="IE2" s="419"/>
    </row>
    <row r="3" spans="2:409" ht="24" customHeight="1" thickBot="1" x14ac:dyDescent="0.25">
      <c r="B3" s="10" t="s">
        <v>153</v>
      </c>
    </row>
    <row r="4" spans="2:409" ht="21" customHeight="1" thickBot="1" x14ac:dyDescent="0.25">
      <c r="B4" s="551" t="s">
        <v>42</v>
      </c>
      <c r="C4" s="554" t="s">
        <v>63</v>
      </c>
      <c r="D4" s="554"/>
      <c r="E4" s="554"/>
      <c r="F4" s="554"/>
      <c r="G4" s="554"/>
      <c r="H4" s="554"/>
      <c r="I4" s="554"/>
      <c r="J4" s="554"/>
      <c r="K4" s="554"/>
      <c r="L4" s="554"/>
      <c r="M4" s="554"/>
      <c r="N4" s="512"/>
      <c r="O4" s="512"/>
      <c r="P4" s="512"/>
      <c r="Q4" s="512"/>
      <c r="R4" s="512"/>
      <c r="S4" s="512"/>
      <c r="T4" s="512"/>
      <c r="U4" s="512"/>
      <c r="V4" s="512"/>
      <c r="W4" s="512"/>
      <c r="X4" s="512"/>
      <c r="Y4" s="512"/>
      <c r="Z4" s="512"/>
      <c r="AA4" s="512"/>
      <c r="AB4" s="512"/>
      <c r="AC4" s="512"/>
      <c r="AD4" s="512"/>
      <c r="AE4" s="512"/>
      <c r="AF4" s="512"/>
      <c r="AG4" s="512"/>
      <c r="AH4" s="512"/>
      <c r="AI4" s="512"/>
      <c r="AJ4" s="512"/>
      <c r="AK4" s="512"/>
      <c r="AL4" s="512"/>
      <c r="AM4" s="512"/>
      <c r="AN4" s="512"/>
      <c r="AO4" s="512"/>
      <c r="AP4" s="512"/>
      <c r="AQ4" s="512"/>
      <c r="AR4" s="512"/>
      <c r="AS4" s="512"/>
      <c r="AT4" s="512"/>
      <c r="AU4" s="512"/>
      <c r="AV4" s="512"/>
      <c r="AW4" s="512"/>
      <c r="AX4" s="512"/>
      <c r="AY4" s="512"/>
      <c r="AZ4" s="512"/>
      <c r="BA4" s="512"/>
      <c r="BB4" s="512"/>
      <c r="BC4" s="512"/>
      <c r="BD4" s="512"/>
      <c r="BE4" s="512"/>
      <c r="BF4" s="512"/>
      <c r="BG4" s="512"/>
      <c r="BH4" s="512"/>
      <c r="BI4" s="512"/>
      <c r="BJ4" s="512"/>
      <c r="BK4" s="512"/>
      <c r="BL4" s="512"/>
      <c r="BM4" s="512"/>
      <c r="BN4" s="512"/>
      <c r="BO4" s="512"/>
      <c r="BP4" s="512"/>
      <c r="BQ4" s="512"/>
      <c r="BR4" s="512"/>
      <c r="BS4" s="512"/>
      <c r="BT4" s="512"/>
      <c r="BU4" s="512"/>
      <c r="BV4" s="512"/>
      <c r="BW4" s="512"/>
      <c r="BX4" s="512"/>
      <c r="BY4" s="512"/>
      <c r="BZ4" s="512"/>
      <c r="CA4" s="512"/>
      <c r="CB4" s="512"/>
      <c r="CC4" s="512"/>
      <c r="CD4" s="512"/>
      <c r="CE4" s="512"/>
      <c r="CF4" s="512"/>
      <c r="CG4" s="512"/>
      <c r="CH4" s="512"/>
      <c r="CI4" s="512"/>
      <c r="CJ4" s="512"/>
      <c r="CK4" s="512"/>
      <c r="CL4" s="512"/>
      <c r="CM4" s="512"/>
      <c r="CN4" s="512"/>
      <c r="CO4" s="512"/>
      <c r="CP4" s="512"/>
      <c r="CQ4" s="512"/>
      <c r="CR4" s="512"/>
      <c r="CS4" s="512"/>
      <c r="CT4" s="512"/>
      <c r="CU4" s="512"/>
      <c r="CV4" s="512"/>
      <c r="CW4" s="512"/>
      <c r="CX4" s="512"/>
      <c r="CY4" s="512"/>
      <c r="CZ4" s="512"/>
      <c r="DA4" s="512"/>
      <c r="DB4" s="512"/>
      <c r="DC4" s="512"/>
      <c r="DD4" s="512"/>
      <c r="DE4" s="512"/>
      <c r="DF4" s="512"/>
      <c r="DG4" s="512"/>
      <c r="DH4" s="512"/>
      <c r="DI4" s="512"/>
      <c r="DJ4" s="512"/>
      <c r="DK4" s="512"/>
      <c r="DL4" s="512"/>
      <c r="DM4" s="512"/>
      <c r="DN4" s="512"/>
      <c r="DO4" s="512"/>
      <c r="DP4" s="512"/>
      <c r="DQ4" s="512"/>
      <c r="DR4" s="512"/>
      <c r="DS4" s="512"/>
      <c r="DT4" s="512"/>
      <c r="DU4" s="512"/>
      <c r="DV4" s="512"/>
      <c r="DW4" s="512"/>
      <c r="DX4" s="512"/>
      <c r="DY4" s="512"/>
      <c r="DZ4" s="512"/>
      <c r="EA4" s="512"/>
      <c r="EB4" s="512"/>
      <c r="EC4" s="512"/>
      <c r="ED4" s="512"/>
      <c r="EE4" s="512"/>
      <c r="EF4" s="512"/>
      <c r="EG4" s="512"/>
      <c r="EH4" s="512"/>
      <c r="EI4" s="512"/>
      <c r="EJ4" s="512"/>
      <c r="EK4" s="512"/>
      <c r="EL4" s="512"/>
      <c r="EM4" s="512"/>
      <c r="EN4" s="512"/>
      <c r="EO4" s="512"/>
      <c r="EP4" s="512"/>
      <c r="EQ4" s="512"/>
      <c r="ER4" s="512"/>
      <c r="ES4" s="512"/>
      <c r="ET4" s="512"/>
      <c r="EU4" s="512"/>
      <c r="EV4" s="512"/>
      <c r="EW4" s="512"/>
      <c r="EX4" s="512"/>
      <c r="EY4" s="512"/>
      <c r="EZ4" s="512"/>
      <c r="FA4" s="512"/>
      <c r="FB4" s="512"/>
      <c r="FC4" s="512"/>
      <c r="FD4" s="512"/>
      <c r="FE4" s="512"/>
      <c r="FF4" s="512"/>
      <c r="FG4" s="512"/>
      <c r="FH4" s="512"/>
      <c r="FI4" s="512"/>
      <c r="FJ4" s="512"/>
      <c r="FK4" s="512"/>
      <c r="FL4" s="512"/>
      <c r="FM4" s="512"/>
      <c r="FN4" s="512"/>
      <c r="FO4" s="512"/>
      <c r="FP4" s="512"/>
      <c r="FQ4" s="512"/>
      <c r="FR4" s="512"/>
      <c r="FS4" s="512"/>
      <c r="FT4" s="512"/>
      <c r="FU4" s="512"/>
      <c r="FV4" s="512"/>
      <c r="FW4" s="512"/>
      <c r="FX4" s="512"/>
      <c r="FY4" s="512"/>
      <c r="FZ4" s="512"/>
      <c r="GA4" s="512"/>
      <c r="GB4" s="512"/>
      <c r="GC4" s="512"/>
      <c r="GD4" s="512"/>
      <c r="GE4" s="512"/>
      <c r="GF4" s="512"/>
      <c r="GG4" s="512"/>
      <c r="GH4" s="512"/>
      <c r="GI4" s="512"/>
      <c r="GJ4" s="512"/>
      <c r="GK4" s="512"/>
      <c r="GL4" s="512"/>
      <c r="GM4" s="512"/>
      <c r="GN4" s="512"/>
      <c r="GO4" s="512"/>
      <c r="GP4" s="512"/>
      <c r="GQ4" s="512"/>
      <c r="GR4" s="512"/>
      <c r="GS4" s="512"/>
      <c r="GT4" s="512"/>
      <c r="GU4" s="512"/>
      <c r="GV4" s="512"/>
      <c r="GW4" s="512"/>
      <c r="GX4" s="512"/>
      <c r="GY4" s="512"/>
      <c r="GZ4" s="512"/>
      <c r="HA4" s="512"/>
      <c r="HB4" s="512"/>
      <c r="HC4" s="512"/>
      <c r="HD4" s="512"/>
      <c r="HE4" s="512"/>
      <c r="HF4" s="512"/>
      <c r="HG4" s="512"/>
      <c r="HH4" s="512"/>
      <c r="HI4" s="512"/>
      <c r="HJ4" s="512"/>
      <c r="HK4" s="512"/>
      <c r="HL4" s="512"/>
      <c r="HM4" s="512"/>
      <c r="HN4" s="512"/>
      <c r="HO4" s="512"/>
      <c r="HP4" s="512"/>
      <c r="HQ4" s="512"/>
      <c r="HR4" s="512"/>
      <c r="HS4" s="512"/>
      <c r="HT4" s="512"/>
      <c r="HU4" s="512"/>
      <c r="HV4" s="512"/>
      <c r="HW4" s="512"/>
      <c r="HX4" s="512"/>
      <c r="HY4" s="513"/>
      <c r="HZ4" s="443" t="s">
        <v>85</v>
      </c>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4"/>
      <c r="JR4" s="444"/>
      <c r="JS4" s="444"/>
      <c r="JT4" s="444"/>
      <c r="JU4" s="444"/>
      <c r="JV4" s="444"/>
      <c r="JW4" s="444"/>
      <c r="JX4" s="444"/>
      <c r="JY4" s="444"/>
      <c r="JZ4" s="444"/>
      <c r="KA4" s="444"/>
      <c r="KB4" s="444"/>
      <c r="KC4" s="444"/>
      <c r="KD4" s="444"/>
      <c r="KE4" s="444"/>
      <c r="KF4" s="444"/>
      <c r="KG4" s="444"/>
      <c r="KH4" s="444"/>
      <c r="KI4" s="444"/>
      <c r="KJ4" s="444"/>
      <c r="KK4" s="444"/>
      <c r="KL4" s="444"/>
      <c r="KM4" s="444"/>
      <c r="KN4" s="444"/>
      <c r="KO4" s="444"/>
      <c r="KP4" s="444"/>
      <c r="KQ4" s="444"/>
      <c r="KR4" s="444"/>
      <c r="KS4" s="444"/>
      <c r="KT4" s="444"/>
      <c r="KU4" s="444"/>
      <c r="KV4" s="444"/>
      <c r="KW4" s="444"/>
      <c r="KX4" s="444"/>
      <c r="KY4" s="444"/>
      <c r="KZ4" s="444"/>
      <c r="LA4" s="444"/>
      <c r="LB4" s="444"/>
      <c r="LC4" s="444"/>
      <c r="LD4" s="444"/>
      <c r="LE4" s="444"/>
      <c r="LF4" s="444"/>
      <c r="LG4" s="444"/>
      <c r="LH4" s="444"/>
      <c r="LI4" s="444"/>
      <c r="LJ4" s="444"/>
      <c r="LK4" s="444"/>
      <c r="LL4" s="444"/>
      <c r="LM4" s="444"/>
      <c r="LN4" s="444"/>
      <c r="LO4" s="444"/>
      <c r="LP4" s="444"/>
      <c r="LQ4" s="444"/>
      <c r="LR4" s="444"/>
      <c r="LS4" s="444"/>
      <c r="LT4" s="444"/>
      <c r="LU4" s="444"/>
      <c r="LV4" s="444"/>
      <c r="LW4" s="444"/>
      <c r="LX4" s="444"/>
      <c r="LY4" s="444"/>
      <c r="LZ4" s="444"/>
      <c r="MA4" s="444"/>
      <c r="MB4" s="444"/>
      <c r="MC4" s="444"/>
      <c r="MD4" s="444"/>
      <c r="ME4" s="445"/>
      <c r="MF4" s="443" t="s">
        <v>86</v>
      </c>
      <c r="MG4" s="444"/>
      <c r="MH4" s="444"/>
      <c r="MI4" s="444"/>
      <c r="MJ4" s="444"/>
      <c r="MK4" s="444"/>
      <c r="ML4" s="444"/>
      <c r="MM4" s="444"/>
      <c r="MN4" s="444"/>
      <c r="MO4" s="444"/>
      <c r="MP4" s="444"/>
      <c r="MQ4" s="444"/>
      <c r="MR4" s="444"/>
      <c r="MS4" s="444"/>
      <c r="MT4" s="444"/>
      <c r="MU4" s="444"/>
      <c r="MV4" s="444"/>
      <c r="MW4" s="444"/>
      <c r="MX4" s="444"/>
      <c r="MY4" s="444"/>
      <c r="MZ4" s="444"/>
      <c r="NA4" s="444"/>
      <c r="NB4" s="444"/>
      <c r="NC4" s="444"/>
      <c r="ND4" s="444"/>
      <c r="NE4" s="444"/>
      <c r="NF4" s="444"/>
      <c r="NG4" s="444"/>
      <c r="NH4" s="444"/>
      <c r="NI4" s="444"/>
      <c r="NJ4" s="444"/>
      <c r="NK4" s="444"/>
      <c r="NL4" s="444"/>
      <c r="NM4" s="444"/>
      <c r="NN4" s="444"/>
      <c r="NO4" s="444"/>
      <c r="NP4" s="444"/>
      <c r="NQ4" s="444"/>
      <c r="NR4" s="444"/>
      <c r="NS4" s="444"/>
      <c r="NT4" s="444"/>
      <c r="NU4" s="444"/>
      <c r="NV4" s="444"/>
      <c r="NW4" s="444"/>
      <c r="NX4" s="444"/>
      <c r="NY4" s="444"/>
      <c r="NZ4" s="444"/>
      <c r="OA4" s="444"/>
      <c r="OB4" s="444"/>
      <c r="OC4" s="444"/>
      <c r="OD4" s="444"/>
      <c r="OE4" s="444"/>
      <c r="OF4" s="444"/>
      <c r="OG4" s="444"/>
      <c r="OH4" s="445"/>
      <c r="OI4" s="429" t="s">
        <v>60</v>
      </c>
      <c r="OJ4" s="430"/>
      <c r="OK4" s="430"/>
      <c r="OL4" s="430"/>
      <c r="OM4" s="430"/>
      <c r="ON4" s="430"/>
      <c r="OO4" s="430"/>
      <c r="OP4" s="430"/>
      <c r="OQ4" s="430"/>
      <c r="OR4" s="430"/>
      <c r="OS4" s="431"/>
    </row>
    <row r="5" spans="2:409" ht="21" customHeight="1" thickBot="1" x14ac:dyDescent="0.25">
      <c r="B5" s="552"/>
      <c r="C5" s="555"/>
      <c r="D5" s="555"/>
      <c r="E5" s="555"/>
      <c r="F5" s="555"/>
      <c r="G5" s="555"/>
      <c r="H5" s="555"/>
      <c r="I5" s="555"/>
      <c r="J5" s="555"/>
      <c r="K5" s="555"/>
      <c r="L5" s="555"/>
      <c r="M5" s="555"/>
      <c r="N5" s="557" t="s">
        <v>64</v>
      </c>
      <c r="O5" s="558"/>
      <c r="P5" s="558"/>
      <c r="Q5" s="558"/>
      <c r="R5" s="558"/>
      <c r="S5" s="558"/>
      <c r="T5" s="558"/>
      <c r="U5" s="558"/>
      <c r="V5" s="558"/>
      <c r="W5" s="558"/>
      <c r="X5" s="558"/>
      <c r="Y5" s="558"/>
      <c r="Z5" s="558"/>
      <c r="AA5" s="558"/>
      <c r="AB5" s="558"/>
      <c r="AC5" s="558"/>
      <c r="AD5" s="558"/>
      <c r="AE5" s="558"/>
      <c r="AF5" s="558"/>
      <c r="AG5" s="558"/>
      <c r="AH5" s="558"/>
      <c r="AI5" s="558"/>
      <c r="AJ5" s="558"/>
      <c r="AK5" s="558"/>
      <c r="AL5" s="558"/>
      <c r="AM5" s="558"/>
      <c r="AN5" s="558"/>
      <c r="AO5" s="558"/>
      <c r="AP5" s="558"/>
      <c r="AQ5" s="558"/>
      <c r="AR5" s="558"/>
      <c r="AS5" s="558"/>
      <c r="AT5" s="558"/>
      <c r="AU5" s="558"/>
      <c r="AV5" s="558"/>
      <c r="AW5" s="558"/>
      <c r="AX5" s="558"/>
      <c r="AY5" s="558"/>
      <c r="AZ5" s="558"/>
      <c r="BA5" s="558"/>
      <c r="BB5" s="558"/>
      <c r="BC5" s="558"/>
      <c r="BD5" s="558"/>
      <c r="BE5" s="558"/>
      <c r="BF5" s="558"/>
      <c r="BG5" s="558"/>
      <c r="BH5" s="558"/>
      <c r="BI5" s="558"/>
      <c r="BJ5" s="558"/>
      <c r="BK5" s="558"/>
      <c r="BL5" s="558"/>
      <c r="BM5" s="558"/>
      <c r="BN5" s="558"/>
      <c r="BO5" s="558"/>
      <c r="BP5" s="558"/>
      <c r="BQ5" s="558"/>
      <c r="BR5" s="558"/>
      <c r="BS5" s="558"/>
      <c r="BT5" s="558"/>
      <c r="BU5" s="558"/>
      <c r="BV5" s="558"/>
      <c r="BW5" s="558"/>
      <c r="BX5" s="558"/>
      <c r="BY5" s="558"/>
      <c r="BZ5" s="558"/>
      <c r="CA5" s="559"/>
      <c r="CB5" s="557" t="s">
        <v>65</v>
      </c>
      <c r="CC5" s="558"/>
      <c r="CD5" s="558"/>
      <c r="CE5" s="558"/>
      <c r="CF5" s="558"/>
      <c r="CG5" s="558"/>
      <c r="CH5" s="558"/>
      <c r="CI5" s="558"/>
      <c r="CJ5" s="558"/>
      <c r="CK5" s="558"/>
      <c r="CL5" s="558"/>
      <c r="CM5" s="558"/>
      <c r="CN5" s="558"/>
      <c r="CO5" s="558"/>
      <c r="CP5" s="558"/>
      <c r="CQ5" s="558"/>
      <c r="CR5" s="558"/>
      <c r="CS5" s="558"/>
      <c r="CT5" s="558"/>
      <c r="CU5" s="558"/>
      <c r="CV5" s="558"/>
      <c r="CW5" s="558"/>
      <c r="CX5" s="558"/>
      <c r="CY5" s="558"/>
      <c r="CZ5" s="558"/>
      <c r="DA5" s="558"/>
      <c r="DB5" s="558"/>
      <c r="DC5" s="558"/>
      <c r="DD5" s="558"/>
      <c r="DE5" s="558"/>
      <c r="DF5" s="558"/>
      <c r="DG5" s="558"/>
      <c r="DH5" s="559"/>
      <c r="DI5" s="443" t="s">
        <v>66</v>
      </c>
      <c r="DJ5" s="444"/>
      <c r="DK5" s="444"/>
      <c r="DL5" s="444"/>
      <c r="DM5" s="444"/>
      <c r="DN5" s="444"/>
      <c r="DO5" s="444"/>
      <c r="DP5" s="444"/>
      <c r="DQ5" s="444"/>
      <c r="DR5" s="444"/>
      <c r="DS5" s="444"/>
      <c r="DT5" s="444"/>
      <c r="DU5" s="444"/>
      <c r="DV5" s="444"/>
      <c r="DW5" s="444"/>
      <c r="DX5" s="444"/>
      <c r="DY5" s="444"/>
      <c r="DZ5" s="444"/>
      <c r="EA5" s="444"/>
      <c r="EB5" s="444"/>
      <c r="EC5" s="444"/>
      <c r="ED5" s="444"/>
      <c r="EE5" s="444"/>
      <c r="EF5" s="444"/>
      <c r="EG5" s="444"/>
      <c r="EH5" s="444"/>
      <c r="EI5" s="444"/>
      <c r="EJ5" s="444"/>
      <c r="EK5" s="444"/>
      <c r="EL5" s="444"/>
      <c r="EM5" s="444"/>
      <c r="EN5" s="444"/>
      <c r="EO5" s="444"/>
      <c r="EP5" s="444"/>
      <c r="EQ5" s="444"/>
      <c r="ER5" s="444"/>
      <c r="ES5" s="444"/>
      <c r="ET5" s="444"/>
      <c r="EU5" s="444"/>
      <c r="EV5" s="444"/>
      <c r="EW5" s="444"/>
      <c r="EX5" s="444"/>
      <c r="EY5" s="444"/>
      <c r="EZ5" s="444"/>
      <c r="FA5" s="444"/>
      <c r="FB5" s="444"/>
      <c r="FC5" s="444"/>
      <c r="FD5" s="444"/>
      <c r="FE5" s="444"/>
      <c r="FF5" s="444"/>
      <c r="FG5" s="444"/>
      <c r="FH5" s="444"/>
      <c r="FI5" s="444"/>
      <c r="FJ5" s="444"/>
      <c r="FK5" s="445"/>
      <c r="FL5" s="557" t="s">
        <v>67</v>
      </c>
      <c r="FM5" s="558"/>
      <c r="FN5" s="558"/>
      <c r="FO5" s="558"/>
      <c r="FP5" s="558"/>
      <c r="FQ5" s="558"/>
      <c r="FR5" s="558"/>
      <c r="FS5" s="558"/>
      <c r="FT5" s="558"/>
      <c r="FU5" s="558"/>
      <c r="FV5" s="558"/>
      <c r="FW5" s="558"/>
      <c r="FX5" s="558"/>
      <c r="FY5" s="558"/>
      <c r="FZ5" s="558"/>
      <c r="GA5" s="558"/>
      <c r="GB5" s="558"/>
      <c r="GC5" s="558"/>
      <c r="GD5" s="558"/>
      <c r="GE5" s="558"/>
      <c r="GF5" s="558"/>
      <c r="GG5" s="558"/>
      <c r="GH5" s="558"/>
      <c r="GI5" s="558"/>
      <c r="GJ5" s="558"/>
      <c r="GK5" s="558"/>
      <c r="GL5" s="558"/>
      <c r="GM5" s="558"/>
      <c r="GN5" s="558"/>
      <c r="GO5" s="558"/>
      <c r="GP5" s="558"/>
      <c r="GQ5" s="558"/>
      <c r="GR5" s="558"/>
      <c r="GS5" s="558"/>
      <c r="GT5" s="558"/>
      <c r="GU5" s="558"/>
      <c r="GV5" s="558"/>
      <c r="GW5" s="558"/>
      <c r="GX5" s="558"/>
      <c r="GY5" s="558"/>
      <c r="GZ5" s="558"/>
      <c r="HA5" s="558"/>
      <c r="HB5" s="558"/>
      <c r="HC5" s="559"/>
      <c r="HD5" s="543" t="s">
        <v>68</v>
      </c>
      <c r="HE5" s="544"/>
      <c r="HF5" s="544"/>
      <c r="HG5" s="544"/>
      <c r="HH5" s="544"/>
      <c r="HI5" s="544"/>
      <c r="HJ5" s="544"/>
      <c r="HK5" s="544"/>
      <c r="HL5" s="544"/>
      <c r="HM5" s="544"/>
      <c r="HN5" s="545"/>
      <c r="HO5" s="543" t="s">
        <v>69</v>
      </c>
      <c r="HP5" s="544"/>
      <c r="HQ5" s="544"/>
      <c r="HR5" s="544"/>
      <c r="HS5" s="544"/>
      <c r="HT5" s="544"/>
      <c r="HU5" s="544"/>
      <c r="HV5" s="544"/>
      <c r="HW5" s="544"/>
      <c r="HX5" s="544"/>
      <c r="HY5" s="545"/>
      <c r="HZ5" s="576"/>
      <c r="IA5" s="577"/>
      <c r="IB5" s="577"/>
      <c r="IC5" s="577"/>
      <c r="ID5" s="577"/>
      <c r="IE5" s="577"/>
      <c r="IF5" s="577"/>
      <c r="IG5" s="577"/>
      <c r="IH5" s="577"/>
      <c r="II5" s="577"/>
      <c r="IJ5" s="578"/>
      <c r="IK5" s="429" t="s">
        <v>94</v>
      </c>
      <c r="IL5" s="430"/>
      <c r="IM5" s="430"/>
      <c r="IN5" s="430"/>
      <c r="IO5" s="430"/>
      <c r="IP5" s="430"/>
      <c r="IQ5" s="430"/>
      <c r="IR5" s="430"/>
      <c r="IS5" s="430"/>
      <c r="IT5" s="430"/>
      <c r="IU5" s="431"/>
      <c r="IV5" s="429" t="s">
        <v>88</v>
      </c>
      <c r="IW5" s="430"/>
      <c r="IX5" s="430"/>
      <c r="IY5" s="430"/>
      <c r="IZ5" s="430"/>
      <c r="JA5" s="430"/>
      <c r="JB5" s="430"/>
      <c r="JC5" s="430"/>
      <c r="JD5" s="430"/>
      <c r="JE5" s="430"/>
      <c r="JF5" s="431"/>
      <c r="JG5" s="429" t="s">
        <v>141</v>
      </c>
      <c r="JH5" s="430"/>
      <c r="JI5" s="430"/>
      <c r="JJ5" s="430"/>
      <c r="JK5" s="430"/>
      <c r="JL5" s="430"/>
      <c r="JM5" s="430"/>
      <c r="JN5" s="430"/>
      <c r="JO5" s="430"/>
      <c r="JP5" s="430"/>
      <c r="JQ5" s="431"/>
      <c r="JR5" s="429" t="s">
        <v>90</v>
      </c>
      <c r="JS5" s="430"/>
      <c r="JT5" s="430"/>
      <c r="JU5" s="430"/>
      <c r="JV5" s="430"/>
      <c r="JW5" s="430"/>
      <c r="JX5" s="430"/>
      <c r="JY5" s="430"/>
      <c r="JZ5" s="430"/>
      <c r="KA5" s="430"/>
      <c r="KB5" s="431"/>
      <c r="KC5" s="429" t="s">
        <v>89</v>
      </c>
      <c r="KD5" s="430"/>
      <c r="KE5" s="430"/>
      <c r="KF5" s="430"/>
      <c r="KG5" s="430"/>
      <c r="KH5" s="430"/>
      <c r="KI5" s="430"/>
      <c r="KJ5" s="430"/>
      <c r="KK5" s="430"/>
      <c r="KL5" s="430"/>
      <c r="KM5" s="431"/>
      <c r="KN5" s="429" t="s">
        <v>91</v>
      </c>
      <c r="KO5" s="430"/>
      <c r="KP5" s="430"/>
      <c r="KQ5" s="430"/>
      <c r="KR5" s="430"/>
      <c r="KS5" s="430"/>
      <c r="KT5" s="430"/>
      <c r="KU5" s="430"/>
      <c r="KV5" s="430"/>
      <c r="KW5" s="430"/>
      <c r="KX5" s="431"/>
      <c r="KY5" s="429" t="s">
        <v>92</v>
      </c>
      <c r="KZ5" s="430"/>
      <c r="LA5" s="430"/>
      <c r="LB5" s="430"/>
      <c r="LC5" s="430"/>
      <c r="LD5" s="430"/>
      <c r="LE5" s="430"/>
      <c r="LF5" s="430"/>
      <c r="LG5" s="430"/>
      <c r="LH5" s="430"/>
      <c r="LI5" s="431"/>
      <c r="LJ5" s="579" t="s">
        <v>93</v>
      </c>
      <c r="LK5" s="580"/>
      <c r="LL5" s="580"/>
      <c r="LM5" s="580"/>
      <c r="LN5" s="580"/>
      <c r="LO5" s="580"/>
      <c r="LP5" s="580"/>
      <c r="LQ5" s="580"/>
      <c r="LR5" s="580"/>
      <c r="LS5" s="580"/>
      <c r="LT5" s="581"/>
      <c r="LU5" s="579" t="s">
        <v>142</v>
      </c>
      <c r="LV5" s="580"/>
      <c r="LW5" s="580"/>
      <c r="LX5" s="580"/>
      <c r="LY5" s="580"/>
      <c r="LZ5" s="580"/>
      <c r="MA5" s="580"/>
      <c r="MB5" s="580"/>
      <c r="MC5" s="580"/>
      <c r="MD5" s="580"/>
      <c r="ME5" s="581"/>
      <c r="MF5" s="576"/>
      <c r="MG5" s="577"/>
      <c r="MH5" s="577"/>
      <c r="MI5" s="577"/>
      <c r="MJ5" s="577"/>
      <c r="MK5" s="577"/>
      <c r="ML5" s="577"/>
      <c r="MM5" s="577"/>
      <c r="MN5" s="577"/>
      <c r="MO5" s="577"/>
      <c r="MP5" s="578"/>
      <c r="MQ5" s="429" t="s">
        <v>57</v>
      </c>
      <c r="MR5" s="430"/>
      <c r="MS5" s="430"/>
      <c r="MT5" s="430"/>
      <c r="MU5" s="430"/>
      <c r="MV5" s="430"/>
      <c r="MW5" s="430"/>
      <c r="MX5" s="430"/>
      <c r="MY5" s="430"/>
      <c r="MZ5" s="430"/>
      <c r="NA5" s="431"/>
      <c r="NB5" s="429" t="s">
        <v>58</v>
      </c>
      <c r="NC5" s="430"/>
      <c r="ND5" s="430"/>
      <c r="NE5" s="430"/>
      <c r="NF5" s="430"/>
      <c r="NG5" s="430"/>
      <c r="NH5" s="430"/>
      <c r="NI5" s="430"/>
      <c r="NJ5" s="430"/>
      <c r="NK5" s="430"/>
      <c r="NL5" s="431"/>
      <c r="NM5" s="429" t="s">
        <v>59</v>
      </c>
      <c r="NN5" s="430"/>
      <c r="NO5" s="430"/>
      <c r="NP5" s="430"/>
      <c r="NQ5" s="430"/>
      <c r="NR5" s="430"/>
      <c r="NS5" s="430"/>
      <c r="NT5" s="430"/>
      <c r="NU5" s="430"/>
      <c r="NV5" s="430"/>
      <c r="NW5" s="431"/>
      <c r="NX5" s="429" t="s">
        <v>148</v>
      </c>
      <c r="NY5" s="430"/>
      <c r="NZ5" s="430"/>
      <c r="OA5" s="430"/>
      <c r="OB5" s="430"/>
      <c r="OC5" s="430"/>
      <c r="OD5" s="430"/>
      <c r="OE5" s="430"/>
      <c r="OF5" s="430"/>
      <c r="OG5" s="430"/>
      <c r="OH5" s="431"/>
      <c r="OI5" s="447"/>
      <c r="OJ5" s="574"/>
      <c r="OK5" s="574"/>
      <c r="OL5" s="574"/>
      <c r="OM5" s="574"/>
      <c r="ON5" s="574"/>
      <c r="OO5" s="574"/>
      <c r="OP5" s="574"/>
      <c r="OQ5" s="574"/>
      <c r="OR5" s="574"/>
      <c r="OS5" s="575"/>
    </row>
    <row r="6" spans="2:409" ht="21" customHeight="1" thickBot="1" x14ac:dyDescent="0.25">
      <c r="B6" s="552"/>
      <c r="C6" s="556"/>
      <c r="D6" s="556"/>
      <c r="E6" s="556"/>
      <c r="F6" s="556"/>
      <c r="G6" s="556"/>
      <c r="H6" s="556"/>
      <c r="I6" s="556"/>
      <c r="J6" s="556"/>
      <c r="K6" s="556"/>
      <c r="L6" s="556"/>
      <c r="M6" s="556"/>
      <c r="N6" s="435"/>
      <c r="O6" s="436"/>
      <c r="P6" s="436"/>
      <c r="Q6" s="436"/>
      <c r="R6" s="436"/>
      <c r="S6" s="436"/>
      <c r="T6" s="436"/>
      <c r="U6" s="436"/>
      <c r="V6" s="436"/>
      <c r="W6" s="436"/>
      <c r="X6" s="437"/>
      <c r="Y6" s="438" t="s">
        <v>70</v>
      </c>
      <c r="Z6" s="439"/>
      <c r="AA6" s="439"/>
      <c r="AB6" s="439"/>
      <c r="AC6" s="439"/>
      <c r="AD6" s="439"/>
      <c r="AE6" s="439"/>
      <c r="AF6" s="439"/>
      <c r="AG6" s="439"/>
      <c r="AH6" s="439"/>
      <c r="AI6" s="440"/>
      <c r="AJ6" s="540" t="s">
        <v>71</v>
      </c>
      <c r="AK6" s="541"/>
      <c r="AL6" s="541"/>
      <c r="AM6" s="541"/>
      <c r="AN6" s="541"/>
      <c r="AO6" s="541"/>
      <c r="AP6" s="541"/>
      <c r="AQ6" s="541"/>
      <c r="AR6" s="541"/>
      <c r="AS6" s="541"/>
      <c r="AT6" s="542"/>
      <c r="AU6" s="540" t="s">
        <v>72</v>
      </c>
      <c r="AV6" s="541"/>
      <c r="AW6" s="541"/>
      <c r="AX6" s="541"/>
      <c r="AY6" s="541"/>
      <c r="AZ6" s="541"/>
      <c r="BA6" s="541"/>
      <c r="BB6" s="541"/>
      <c r="BC6" s="541"/>
      <c r="BD6" s="541"/>
      <c r="BE6" s="542"/>
      <c r="BF6" s="540" t="s">
        <v>73</v>
      </c>
      <c r="BG6" s="541"/>
      <c r="BH6" s="541"/>
      <c r="BI6" s="541"/>
      <c r="BJ6" s="541"/>
      <c r="BK6" s="541"/>
      <c r="BL6" s="541"/>
      <c r="BM6" s="541"/>
      <c r="BN6" s="541"/>
      <c r="BO6" s="541"/>
      <c r="BP6" s="542"/>
      <c r="BQ6" s="540" t="s">
        <v>74</v>
      </c>
      <c r="BR6" s="541"/>
      <c r="BS6" s="541"/>
      <c r="BT6" s="541"/>
      <c r="BU6" s="541"/>
      <c r="BV6" s="541"/>
      <c r="BW6" s="541"/>
      <c r="BX6" s="541"/>
      <c r="BY6" s="541"/>
      <c r="BZ6" s="541"/>
      <c r="CA6" s="542"/>
      <c r="CB6" s="537"/>
      <c r="CC6" s="538"/>
      <c r="CD6" s="538"/>
      <c r="CE6" s="538"/>
      <c r="CF6" s="538"/>
      <c r="CG6" s="538"/>
      <c r="CH6" s="538"/>
      <c r="CI6" s="538"/>
      <c r="CJ6" s="538"/>
      <c r="CK6" s="538"/>
      <c r="CL6" s="539"/>
      <c r="CM6" s="540" t="s">
        <v>75</v>
      </c>
      <c r="CN6" s="541"/>
      <c r="CO6" s="541"/>
      <c r="CP6" s="541"/>
      <c r="CQ6" s="541"/>
      <c r="CR6" s="541"/>
      <c r="CS6" s="541"/>
      <c r="CT6" s="541"/>
      <c r="CU6" s="541"/>
      <c r="CV6" s="541"/>
      <c r="CW6" s="542"/>
      <c r="CX6" s="540" t="s">
        <v>76</v>
      </c>
      <c r="CY6" s="541"/>
      <c r="CZ6" s="541"/>
      <c r="DA6" s="541"/>
      <c r="DB6" s="541"/>
      <c r="DC6" s="541"/>
      <c r="DD6" s="541"/>
      <c r="DE6" s="541"/>
      <c r="DF6" s="541"/>
      <c r="DG6" s="541"/>
      <c r="DH6" s="542"/>
      <c r="DI6" s="537"/>
      <c r="DJ6" s="538"/>
      <c r="DK6" s="538"/>
      <c r="DL6" s="538"/>
      <c r="DM6" s="538"/>
      <c r="DN6" s="538"/>
      <c r="DO6" s="538"/>
      <c r="DP6" s="538"/>
      <c r="DQ6" s="538"/>
      <c r="DR6" s="538"/>
      <c r="DS6" s="538"/>
      <c r="DT6" s="540" t="s">
        <v>77</v>
      </c>
      <c r="DU6" s="541"/>
      <c r="DV6" s="541"/>
      <c r="DW6" s="541"/>
      <c r="DX6" s="541"/>
      <c r="DY6" s="541"/>
      <c r="DZ6" s="541"/>
      <c r="EA6" s="541"/>
      <c r="EB6" s="541"/>
      <c r="EC6" s="541"/>
      <c r="ED6" s="542"/>
      <c r="EE6" s="540" t="s">
        <v>78</v>
      </c>
      <c r="EF6" s="541"/>
      <c r="EG6" s="541"/>
      <c r="EH6" s="541"/>
      <c r="EI6" s="541"/>
      <c r="EJ6" s="541"/>
      <c r="EK6" s="541"/>
      <c r="EL6" s="541"/>
      <c r="EM6" s="541"/>
      <c r="EN6" s="541"/>
      <c r="EO6" s="542"/>
      <c r="EP6" s="540" t="s">
        <v>79</v>
      </c>
      <c r="EQ6" s="541"/>
      <c r="ER6" s="541"/>
      <c r="ES6" s="541"/>
      <c r="ET6" s="541"/>
      <c r="EU6" s="541"/>
      <c r="EV6" s="541"/>
      <c r="EW6" s="541"/>
      <c r="EX6" s="541"/>
      <c r="EY6" s="541"/>
      <c r="EZ6" s="542"/>
      <c r="FA6" s="540" t="s">
        <v>149</v>
      </c>
      <c r="FB6" s="541"/>
      <c r="FC6" s="541"/>
      <c r="FD6" s="541"/>
      <c r="FE6" s="541"/>
      <c r="FF6" s="541"/>
      <c r="FG6" s="541"/>
      <c r="FH6" s="541"/>
      <c r="FI6" s="541"/>
      <c r="FJ6" s="541"/>
      <c r="FK6" s="542"/>
      <c r="FL6" s="537"/>
      <c r="FM6" s="538"/>
      <c r="FN6" s="538"/>
      <c r="FO6" s="538"/>
      <c r="FP6" s="538"/>
      <c r="FQ6" s="538"/>
      <c r="FR6" s="538"/>
      <c r="FS6" s="538"/>
      <c r="FT6" s="538"/>
      <c r="FU6" s="538"/>
      <c r="FV6" s="538"/>
      <c r="FW6" s="540" t="s">
        <v>80</v>
      </c>
      <c r="FX6" s="541"/>
      <c r="FY6" s="541"/>
      <c r="FZ6" s="541"/>
      <c r="GA6" s="541"/>
      <c r="GB6" s="541"/>
      <c r="GC6" s="541"/>
      <c r="GD6" s="541"/>
      <c r="GE6" s="541"/>
      <c r="GF6" s="541"/>
      <c r="GG6" s="542"/>
      <c r="GH6" s="438" t="s">
        <v>81</v>
      </c>
      <c r="GI6" s="439"/>
      <c r="GJ6" s="439"/>
      <c r="GK6" s="439"/>
      <c r="GL6" s="439"/>
      <c r="GM6" s="439"/>
      <c r="GN6" s="439"/>
      <c r="GO6" s="439"/>
      <c r="GP6" s="439"/>
      <c r="GQ6" s="439"/>
      <c r="GR6" s="440"/>
      <c r="GS6" s="438" t="s">
        <v>82</v>
      </c>
      <c r="GT6" s="439"/>
      <c r="GU6" s="439"/>
      <c r="GV6" s="439"/>
      <c r="GW6" s="439"/>
      <c r="GX6" s="439"/>
      <c r="GY6" s="439"/>
      <c r="GZ6" s="439"/>
      <c r="HA6" s="439"/>
      <c r="HB6" s="439"/>
      <c r="HC6" s="440"/>
      <c r="HD6" s="560"/>
      <c r="HE6" s="561"/>
      <c r="HF6" s="561"/>
      <c r="HG6" s="561"/>
      <c r="HH6" s="561"/>
      <c r="HI6" s="561"/>
      <c r="HJ6" s="561"/>
      <c r="HK6" s="561"/>
      <c r="HL6" s="561"/>
      <c r="HM6" s="561"/>
      <c r="HN6" s="562"/>
      <c r="HO6" s="560"/>
      <c r="HP6" s="561"/>
      <c r="HQ6" s="561"/>
      <c r="HR6" s="561"/>
      <c r="HS6" s="561"/>
      <c r="HT6" s="561"/>
      <c r="HU6" s="561"/>
      <c r="HV6" s="561"/>
      <c r="HW6" s="561"/>
      <c r="HX6" s="561"/>
      <c r="HY6" s="562"/>
      <c r="HZ6" s="537"/>
      <c r="IA6" s="538"/>
      <c r="IB6" s="538"/>
      <c r="IC6" s="538"/>
      <c r="ID6" s="538"/>
      <c r="IE6" s="538"/>
      <c r="IF6" s="538"/>
      <c r="IG6" s="538"/>
      <c r="IH6" s="538"/>
      <c r="II6" s="538"/>
      <c r="IJ6" s="539"/>
      <c r="IK6" s="435"/>
      <c r="IL6" s="436"/>
      <c r="IM6" s="436"/>
      <c r="IN6" s="436"/>
      <c r="IO6" s="436"/>
      <c r="IP6" s="436"/>
      <c r="IQ6" s="436"/>
      <c r="IR6" s="436"/>
      <c r="IS6" s="436"/>
      <c r="IT6" s="436"/>
      <c r="IU6" s="437"/>
      <c r="IV6" s="435"/>
      <c r="IW6" s="436"/>
      <c r="IX6" s="436"/>
      <c r="IY6" s="436"/>
      <c r="IZ6" s="436"/>
      <c r="JA6" s="436"/>
      <c r="JB6" s="436"/>
      <c r="JC6" s="436"/>
      <c r="JD6" s="436"/>
      <c r="JE6" s="436"/>
      <c r="JF6" s="437"/>
      <c r="JG6" s="435"/>
      <c r="JH6" s="436"/>
      <c r="JI6" s="436"/>
      <c r="JJ6" s="436"/>
      <c r="JK6" s="436"/>
      <c r="JL6" s="436"/>
      <c r="JM6" s="436"/>
      <c r="JN6" s="436"/>
      <c r="JO6" s="436"/>
      <c r="JP6" s="436"/>
      <c r="JQ6" s="437"/>
      <c r="JR6" s="435"/>
      <c r="JS6" s="436"/>
      <c r="JT6" s="436"/>
      <c r="JU6" s="436"/>
      <c r="JV6" s="436"/>
      <c r="JW6" s="436"/>
      <c r="JX6" s="436"/>
      <c r="JY6" s="436"/>
      <c r="JZ6" s="436"/>
      <c r="KA6" s="436"/>
      <c r="KB6" s="437"/>
      <c r="KC6" s="435"/>
      <c r="KD6" s="436"/>
      <c r="KE6" s="436"/>
      <c r="KF6" s="436"/>
      <c r="KG6" s="436"/>
      <c r="KH6" s="436"/>
      <c r="KI6" s="436"/>
      <c r="KJ6" s="436"/>
      <c r="KK6" s="436"/>
      <c r="KL6" s="436"/>
      <c r="KM6" s="437"/>
      <c r="KN6" s="435"/>
      <c r="KO6" s="436"/>
      <c r="KP6" s="436"/>
      <c r="KQ6" s="436"/>
      <c r="KR6" s="436"/>
      <c r="KS6" s="436"/>
      <c r="KT6" s="436"/>
      <c r="KU6" s="436"/>
      <c r="KV6" s="436"/>
      <c r="KW6" s="436"/>
      <c r="KX6" s="437"/>
      <c r="KY6" s="435"/>
      <c r="KZ6" s="436"/>
      <c r="LA6" s="436"/>
      <c r="LB6" s="436"/>
      <c r="LC6" s="436"/>
      <c r="LD6" s="436"/>
      <c r="LE6" s="436"/>
      <c r="LF6" s="436"/>
      <c r="LG6" s="436"/>
      <c r="LH6" s="436"/>
      <c r="LI6" s="437"/>
      <c r="LJ6" s="537"/>
      <c r="LK6" s="538"/>
      <c r="LL6" s="538"/>
      <c r="LM6" s="538"/>
      <c r="LN6" s="538"/>
      <c r="LO6" s="538"/>
      <c r="LP6" s="538"/>
      <c r="LQ6" s="538"/>
      <c r="LR6" s="538"/>
      <c r="LS6" s="538"/>
      <c r="LT6" s="539"/>
      <c r="LU6" s="537"/>
      <c r="LV6" s="538"/>
      <c r="LW6" s="538"/>
      <c r="LX6" s="538"/>
      <c r="LY6" s="538"/>
      <c r="LZ6" s="538"/>
      <c r="MA6" s="538"/>
      <c r="MB6" s="538"/>
      <c r="MC6" s="538"/>
      <c r="MD6" s="538"/>
      <c r="ME6" s="539"/>
      <c r="MF6" s="537"/>
      <c r="MG6" s="538"/>
      <c r="MH6" s="538"/>
      <c r="MI6" s="538"/>
      <c r="MJ6" s="538"/>
      <c r="MK6" s="538"/>
      <c r="ML6" s="538"/>
      <c r="MM6" s="538"/>
      <c r="MN6" s="538"/>
      <c r="MO6" s="538"/>
      <c r="MP6" s="539"/>
      <c r="MQ6" s="435"/>
      <c r="MR6" s="436"/>
      <c r="MS6" s="436"/>
      <c r="MT6" s="436"/>
      <c r="MU6" s="436"/>
      <c r="MV6" s="436"/>
      <c r="MW6" s="436"/>
      <c r="MX6" s="436"/>
      <c r="MY6" s="436"/>
      <c r="MZ6" s="436"/>
      <c r="NA6" s="437"/>
      <c r="NB6" s="435"/>
      <c r="NC6" s="436"/>
      <c r="ND6" s="436"/>
      <c r="NE6" s="436"/>
      <c r="NF6" s="436"/>
      <c r="NG6" s="436"/>
      <c r="NH6" s="436"/>
      <c r="NI6" s="436"/>
      <c r="NJ6" s="436"/>
      <c r="NK6" s="436"/>
      <c r="NL6" s="437"/>
      <c r="NM6" s="435"/>
      <c r="NN6" s="436"/>
      <c r="NO6" s="436"/>
      <c r="NP6" s="436"/>
      <c r="NQ6" s="436"/>
      <c r="NR6" s="436"/>
      <c r="NS6" s="436"/>
      <c r="NT6" s="436"/>
      <c r="NU6" s="436"/>
      <c r="NV6" s="436"/>
      <c r="NW6" s="437"/>
      <c r="NX6" s="435"/>
      <c r="NY6" s="436"/>
      <c r="NZ6" s="436"/>
      <c r="OA6" s="436"/>
      <c r="OB6" s="436"/>
      <c r="OC6" s="436"/>
      <c r="OD6" s="436"/>
      <c r="OE6" s="436"/>
      <c r="OF6" s="436"/>
      <c r="OG6" s="436"/>
      <c r="OH6" s="437"/>
      <c r="OI6" s="435"/>
      <c r="OJ6" s="436"/>
      <c r="OK6" s="436"/>
      <c r="OL6" s="436"/>
      <c r="OM6" s="436"/>
      <c r="ON6" s="436"/>
      <c r="OO6" s="436"/>
      <c r="OP6" s="436"/>
      <c r="OQ6" s="436"/>
      <c r="OR6" s="436"/>
      <c r="OS6" s="437"/>
    </row>
    <row r="7" spans="2:409" ht="21" customHeight="1" x14ac:dyDescent="0.2">
      <c r="B7" s="552"/>
      <c r="C7" s="520" t="s">
        <v>61</v>
      </c>
      <c r="D7" s="520"/>
      <c r="E7" s="520"/>
      <c r="F7" s="519" t="s">
        <v>62</v>
      </c>
      <c r="G7" s="520"/>
      <c r="H7" s="520"/>
      <c r="I7" s="520"/>
      <c r="J7" s="520"/>
      <c r="K7" s="520"/>
      <c r="L7" s="520"/>
      <c r="M7" s="519" t="s">
        <v>52</v>
      </c>
      <c r="N7" s="564" t="s">
        <v>61</v>
      </c>
      <c r="O7" s="520"/>
      <c r="P7" s="520"/>
      <c r="Q7" s="519" t="s">
        <v>62</v>
      </c>
      <c r="R7" s="520"/>
      <c r="S7" s="520"/>
      <c r="T7" s="520"/>
      <c r="U7" s="520"/>
      <c r="V7" s="520"/>
      <c r="W7" s="521"/>
      <c r="X7" s="549" t="s">
        <v>52</v>
      </c>
      <c r="Y7" s="435" t="s">
        <v>61</v>
      </c>
      <c r="Z7" s="436"/>
      <c r="AA7" s="528"/>
      <c r="AB7" s="527" t="s">
        <v>62</v>
      </c>
      <c r="AC7" s="436"/>
      <c r="AD7" s="436"/>
      <c r="AE7" s="436"/>
      <c r="AF7" s="436"/>
      <c r="AG7" s="436"/>
      <c r="AH7" s="528"/>
      <c r="AI7" s="437" t="s">
        <v>52</v>
      </c>
      <c r="AJ7" s="524" t="s">
        <v>61</v>
      </c>
      <c r="AK7" s="525"/>
      <c r="AL7" s="526"/>
      <c r="AM7" s="547" t="s">
        <v>62</v>
      </c>
      <c r="AN7" s="525"/>
      <c r="AO7" s="525"/>
      <c r="AP7" s="525"/>
      <c r="AQ7" s="525"/>
      <c r="AR7" s="525"/>
      <c r="AS7" s="548"/>
      <c r="AT7" s="437" t="s">
        <v>52</v>
      </c>
      <c r="AU7" s="524" t="s">
        <v>61</v>
      </c>
      <c r="AV7" s="525"/>
      <c r="AW7" s="526"/>
      <c r="AX7" s="547" t="s">
        <v>62</v>
      </c>
      <c r="AY7" s="525"/>
      <c r="AZ7" s="525"/>
      <c r="BA7" s="525"/>
      <c r="BB7" s="525"/>
      <c r="BC7" s="525"/>
      <c r="BD7" s="548"/>
      <c r="BE7" s="437" t="s">
        <v>52</v>
      </c>
      <c r="BF7" s="524" t="s">
        <v>61</v>
      </c>
      <c r="BG7" s="525"/>
      <c r="BH7" s="526"/>
      <c r="BI7" s="547" t="s">
        <v>62</v>
      </c>
      <c r="BJ7" s="525"/>
      <c r="BK7" s="525"/>
      <c r="BL7" s="525"/>
      <c r="BM7" s="525"/>
      <c r="BN7" s="525"/>
      <c r="BO7" s="548"/>
      <c r="BP7" s="437" t="s">
        <v>52</v>
      </c>
      <c r="BQ7" s="524" t="s">
        <v>61</v>
      </c>
      <c r="BR7" s="525"/>
      <c r="BS7" s="526"/>
      <c r="BT7" s="547" t="s">
        <v>62</v>
      </c>
      <c r="BU7" s="525"/>
      <c r="BV7" s="525"/>
      <c r="BW7" s="525"/>
      <c r="BX7" s="525"/>
      <c r="BY7" s="525"/>
      <c r="BZ7" s="548"/>
      <c r="CA7" s="437" t="s">
        <v>52</v>
      </c>
      <c r="CB7" s="516" t="s">
        <v>61</v>
      </c>
      <c r="CC7" s="517"/>
      <c r="CD7" s="518"/>
      <c r="CE7" s="565" t="s">
        <v>62</v>
      </c>
      <c r="CF7" s="517"/>
      <c r="CG7" s="517"/>
      <c r="CH7" s="517"/>
      <c r="CI7" s="517"/>
      <c r="CJ7" s="517"/>
      <c r="CK7" s="566"/>
      <c r="CL7" s="549" t="s">
        <v>52</v>
      </c>
      <c r="CM7" s="524" t="s">
        <v>61</v>
      </c>
      <c r="CN7" s="525"/>
      <c r="CO7" s="548"/>
      <c r="CP7" s="547" t="s">
        <v>62</v>
      </c>
      <c r="CQ7" s="525"/>
      <c r="CR7" s="525"/>
      <c r="CS7" s="525"/>
      <c r="CT7" s="525"/>
      <c r="CU7" s="525"/>
      <c r="CV7" s="548"/>
      <c r="CW7" s="571" t="s">
        <v>52</v>
      </c>
      <c r="CX7" s="524" t="s">
        <v>61</v>
      </c>
      <c r="CY7" s="525"/>
      <c r="CZ7" s="548"/>
      <c r="DA7" s="547" t="s">
        <v>62</v>
      </c>
      <c r="DB7" s="525"/>
      <c r="DC7" s="525"/>
      <c r="DD7" s="525"/>
      <c r="DE7" s="525"/>
      <c r="DF7" s="525"/>
      <c r="DG7" s="548"/>
      <c r="DH7" s="571" t="s">
        <v>52</v>
      </c>
      <c r="DI7" s="516" t="s">
        <v>61</v>
      </c>
      <c r="DJ7" s="517"/>
      <c r="DK7" s="566"/>
      <c r="DL7" s="565" t="s">
        <v>62</v>
      </c>
      <c r="DM7" s="517"/>
      <c r="DN7" s="517"/>
      <c r="DO7" s="517"/>
      <c r="DP7" s="517"/>
      <c r="DQ7" s="517"/>
      <c r="DR7" s="566"/>
      <c r="DS7" s="549" t="s">
        <v>52</v>
      </c>
      <c r="DT7" s="524" t="s">
        <v>61</v>
      </c>
      <c r="DU7" s="525"/>
      <c r="DV7" s="526"/>
      <c r="DW7" s="547" t="s">
        <v>62</v>
      </c>
      <c r="DX7" s="525"/>
      <c r="DY7" s="525"/>
      <c r="DZ7" s="525"/>
      <c r="EA7" s="525"/>
      <c r="EB7" s="525"/>
      <c r="EC7" s="548"/>
      <c r="ED7" s="437" t="s">
        <v>52</v>
      </c>
      <c r="EE7" s="524" t="s">
        <v>61</v>
      </c>
      <c r="EF7" s="525"/>
      <c r="EG7" s="526"/>
      <c r="EH7" s="547" t="s">
        <v>62</v>
      </c>
      <c r="EI7" s="525"/>
      <c r="EJ7" s="525"/>
      <c r="EK7" s="525"/>
      <c r="EL7" s="525"/>
      <c r="EM7" s="525"/>
      <c r="EN7" s="548"/>
      <c r="EO7" s="437" t="s">
        <v>52</v>
      </c>
      <c r="EP7" s="524" t="s">
        <v>61</v>
      </c>
      <c r="EQ7" s="525"/>
      <c r="ER7" s="526"/>
      <c r="ES7" s="547" t="s">
        <v>62</v>
      </c>
      <c r="ET7" s="525"/>
      <c r="EU7" s="525"/>
      <c r="EV7" s="525"/>
      <c r="EW7" s="525"/>
      <c r="EX7" s="525"/>
      <c r="EY7" s="548"/>
      <c r="EZ7" s="437" t="s">
        <v>52</v>
      </c>
      <c r="FA7" s="524" t="s">
        <v>61</v>
      </c>
      <c r="FB7" s="525"/>
      <c r="FC7" s="526"/>
      <c r="FD7" s="547" t="s">
        <v>62</v>
      </c>
      <c r="FE7" s="525"/>
      <c r="FF7" s="525"/>
      <c r="FG7" s="525"/>
      <c r="FH7" s="525"/>
      <c r="FI7" s="525"/>
      <c r="FJ7" s="548"/>
      <c r="FK7" s="437" t="s">
        <v>52</v>
      </c>
      <c r="FL7" s="516" t="s">
        <v>61</v>
      </c>
      <c r="FM7" s="517"/>
      <c r="FN7" s="518"/>
      <c r="FO7" s="565" t="s">
        <v>62</v>
      </c>
      <c r="FP7" s="517"/>
      <c r="FQ7" s="517"/>
      <c r="FR7" s="517"/>
      <c r="FS7" s="517"/>
      <c r="FT7" s="517"/>
      <c r="FU7" s="566"/>
      <c r="FV7" s="520" t="s">
        <v>52</v>
      </c>
      <c r="FW7" s="524" t="s">
        <v>61</v>
      </c>
      <c r="FX7" s="525"/>
      <c r="FY7" s="526"/>
      <c r="FZ7" s="547" t="s">
        <v>62</v>
      </c>
      <c r="GA7" s="525"/>
      <c r="GB7" s="525"/>
      <c r="GC7" s="525"/>
      <c r="GD7" s="525"/>
      <c r="GE7" s="525"/>
      <c r="GF7" s="548"/>
      <c r="GG7" s="437" t="s">
        <v>52</v>
      </c>
      <c r="GH7" s="435" t="s">
        <v>61</v>
      </c>
      <c r="GI7" s="436"/>
      <c r="GJ7" s="436"/>
      <c r="GK7" s="527" t="s">
        <v>62</v>
      </c>
      <c r="GL7" s="436"/>
      <c r="GM7" s="436"/>
      <c r="GN7" s="436"/>
      <c r="GO7" s="436"/>
      <c r="GP7" s="436"/>
      <c r="GQ7" s="528"/>
      <c r="GR7" s="568" t="s">
        <v>52</v>
      </c>
      <c r="GS7" s="435" t="s">
        <v>61</v>
      </c>
      <c r="GT7" s="436"/>
      <c r="GU7" s="528"/>
      <c r="GV7" s="527" t="s">
        <v>62</v>
      </c>
      <c r="GW7" s="436"/>
      <c r="GX7" s="436"/>
      <c r="GY7" s="436"/>
      <c r="GZ7" s="436"/>
      <c r="HA7" s="436"/>
      <c r="HB7" s="528"/>
      <c r="HC7" s="568" t="s">
        <v>52</v>
      </c>
      <c r="HD7" s="524" t="s">
        <v>61</v>
      </c>
      <c r="HE7" s="525"/>
      <c r="HF7" s="526"/>
      <c r="HG7" s="547" t="s">
        <v>62</v>
      </c>
      <c r="HH7" s="525"/>
      <c r="HI7" s="525"/>
      <c r="HJ7" s="525"/>
      <c r="HK7" s="525"/>
      <c r="HL7" s="525"/>
      <c r="HM7" s="548"/>
      <c r="HN7" s="437" t="s">
        <v>52</v>
      </c>
      <c r="HO7" s="524" t="s">
        <v>61</v>
      </c>
      <c r="HP7" s="525"/>
      <c r="HQ7" s="526"/>
      <c r="HR7" s="547" t="s">
        <v>62</v>
      </c>
      <c r="HS7" s="525"/>
      <c r="HT7" s="525"/>
      <c r="HU7" s="525"/>
      <c r="HV7" s="525"/>
      <c r="HW7" s="525"/>
      <c r="HX7" s="548"/>
      <c r="HY7" s="437" t="s">
        <v>52</v>
      </c>
      <c r="HZ7" s="516" t="s">
        <v>61</v>
      </c>
      <c r="IA7" s="517"/>
      <c r="IB7" s="518"/>
      <c r="IC7" s="565" t="s">
        <v>62</v>
      </c>
      <c r="ID7" s="517"/>
      <c r="IE7" s="517"/>
      <c r="IF7" s="517"/>
      <c r="IG7" s="517"/>
      <c r="IH7" s="517"/>
      <c r="II7" s="566"/>
      <c r="IJ7" s="520" t="s">
        <v>52</v>
      </c>
      <c r="IK7" s="524" t="s">
        <v>61</v>
      </c>
      <c r="IL7" s="525"/>
      <c r="IM7" s="526"/>
      <c r="IN7" s="547" t="s">
        <v>62</v>
      </c>
      <c r="IO7" s="525"/>
      <c r="IP7" s="525"/>
      <c r="IQ7" s="525"/>
      <c r="IR7" s="525"/>
      <c r="IS7" s="525"/>
      <c r="IT7" s="548"/>
      <c r="IU7" s="437" t="s">
        <v>52</v>
      </c>
      <c r="IV7" s="524" t="s">
        <v>61</v>
      </c>
      <c r="IW7" s="525"/>
      <c r="IX7" s="548"/>
      <c r="IY7" s="547" t="s">
        <v>62</v>
      </c>
      <c r="IZ7" s="525"/>
      <c r="JA7" s="525"/>
      <c r="JB7" s="525"/>
      <c r="JC7" s="525"/>
      <c r="JD7" s="525"/>
      <c r="JE7" s="548"/>
      <c r="JF7" s="437" t="s">
        <v>52</v>
      </c>
      <c r="JG7" s="524" t="s">
        <v>61</v>
      </c>
      <c r="JH7" s="525"/>
      <c r="JI7" s="526"/>
      <c r="JJ7" s="547" t="s">
        <v>62</v>
      </c>
      <c r="JK7" s="525"/>
      <c r="JL7" s="525"/>
      <c r="JM7" s="525"/>
      <c r="JN7" s="525"/>
      <c r="JO7" s="525"/>
      <c r="JP7" s="548"/>
      <c r="JQ7" s="571" t="s">
        <v>52</v>
      </c>
      <c r="JR7" s="524" t="s">
        <v>61</v>
      </c>
      <c r="JS7" s="525"/>
      <c r="JT7" s="526"/>
      <c r="JU7" s="547" t="s">
        <v>62</v>
      </c>
      <c r="JV7" s="525"/>
      <c r="JW7" s="525"/>
      <c r="JX7" s="525"/>
      <c r="JY7" s="525"/>
      <c r="JZ7" s="525"/>
      <c r="KA7" s="548"/>
      <c r="KB7" s="571" t="s">
        <v>52</v>
      </c>
      <c r="KC7" s="524" t="s">
        <v>61</v>
      </c>
      <c r="KD7" s="525"/>
      <c r="KE7" s="526"/>
      <c r="KF7" s="547" t="s">
        <v>62</v>
      </c>
      <c r="KG7" s="525"/>
      <c r="KH7" s="525"/>
      <c r="KI7" s="525"/>
      <c r="KJ7" s="525"/>
      <c r="KK7" s="525"/>
      <c r="KL7" s="548"/>
      <c r="KM7" s="571" t="s">
        <v>52</v>
      </c>
      <c r="KN7" s="524" t="s">
        <v>61</v>
      </c>
      <c r="KO7" s="525"/>
      <c r="KP7" s="526"/>
      <c r="KQ7" s="547" t="s">
        <v>62</v>
      </c>
      <c r="KR7" s="525"/>
      <c r="KS7" s="525"/>
      <c r="KT7" s="525"/>
      <c r="KU7" s="525"/>
      <c r="KV7" s="525"/>
      <c r="KW7" s="548"/>
      <c r="KX7" s="571" t="s">
        <v>52</v>
      </c>
      <c r="KY7" s="524" t="s">
        <v>61</v>
      </c>
      <c r="KZ7" s="525"/>
      <c r="LA7" s="526"/>
      <c r="LB7" s="547" t="s">
        <v>62</v>
      </c>
      <c r="LC7" s="525"/>
      <c r="LD7" s="525"/>
      <c r="LE7" s="525"/>
      <c r="LF7" s="525"/>
      <c r="LG7" s="525"/>
      <c r="LH7" s="548"/>
      <c r="LI7" s="571" t="s">
        <v>52</v>
      </c>
      <c r="LJ7" s="524" t="s">
        <v>61</v>
      </c>
      <c r="LK7" s="525"/>
      <c r="LL7" s="526"/>
      <c r="LM7" s="547" t="s">
        <v>62</v>
      </c>
      <c r="LN7" s="525"/>
      <c r="LO7" s="525"/>
      <c r="LP7" s="525"/>
      <c r="LQ7" s="525"/>
      <c r="LR7" s="525"/>
      <c r="LS7" s="548"/>
      <c r="LT7" s="571" t="s">
        <v>52</v>
      </c>
      <c r="LU7" s="524" t="s">
        <v>61</v>
      </c>
      <c r="LV7" s="525"/>
      <c r="LW7" s="526"/>
      <c r="LX7" s="547" t="s">
        <v>62</v>
      </c>
      <c r="LY7" s="525"/>
      <c r="LZ7" s="525"/>
      <c r="MA7" s="525"/>
      <c r="MB7" s="525"/>
      <c r="MC7" s="525"/>
      <c r="MD7" s="548"/>
      <c r="ME7" s="571" t="s">
        <v>52</v>
      </c>
      <c r="MF7" s="516" t="s">
        <v>61</v>
      </c>
      <c r="MG7" s="517"/>
      <c r="MH7" s="518"/>
      <c r="MI7" s="565" t="s">
        <v>62</v>
      </c>
      <c r="MJ7" s="517"/>
      <c r="MK7" s="517"/>
      <c r="ML7" s="517"/>
      <c r="MM7" s="517"/>
      <c r="MN7" s="517"/>
      <c r="MO7" s="566"/>
      <c r="MP7" s="549" t="s">
        <v>52</v>
      </c>
      <c r="MQ7" s="524" t="s">
        <v>61</v>
      </c>
      <c r="MR7" s="525"/>
      <c r="MS7" s="526"/>
      <c r="MT7" s="547" t="s">
        <v>62</v>
      </c>
      <c r="MU7" s="525"/>
      <c r="MV7" s="525"/>
      <c r="MW7" s="525"/>
      <c r="MX7" s="525"/>
      <c r="MY7" s="525"/>
      <c r="MZ7" s="548"/>
      <c r="NA7" s="571" t="s">
        <v>52</v>
      </c>
      <c r="NB7" s="524" t="s">
        <v>61</v>
      </c>
      <c r="NC7" s="525"/>
      <c r="ND7" s="526"/>
      <c r="NE7" s="547" t="s">
        <v>62</v>
      </c>
      <c r="NF7" s="525"/>
      <c r="NG7" s="525"/>
      <c r="NH7" s="525"/>
      <c r="NI7" s="525"/>
      <c r="NJ7" s="525"/>
      <c r="NK7" s="548"/>
      <c r="NL7" s="571" t="s">
        <v>52</v>
      </c>
      <c r="NM7" s="524" t="s">
        <v>61</v>
      </c>
      <c r="NN7" s="525"/>
      <c r="NO7" s="526"/>
      <c r="NP7" s="547" t="s">
        <v>62</v>
      </c>
      <c r="NQ7" s="525"/>
      <c r="NR7" s="525"/>
      <c r="NS7" s="525"/>
      <c r="NT7" s="525"/>
      <c r="NU7" s="525"/>
      <c r="NV7" s="548"/>
      <c r="NW7" s="571" t="s">
        <v>52</v>
      </c>
      <c r="NX7" s="524" t="s">
        <v>61</v>
      </c>
      <c r="NY7" s="525"/>
      <c r="NZ7" s="526"/>
      <c r="OA7" s="547" t="s">
        <v>62</v>
      </c>
      <c r="OB7" s="525"/>
      <c r="OC7" s="525"/>
      <c r="OD7" s="525"/>
      <c r="OE7" s="525"/>
      <c r="OF7" s="525"/>
      <c r="OG7" s="548"/>
      <c r="OH7" s="571" t="s">
        <v>52</v>
      </c>
      <c r="OI7" s="516" t="s">
        <v>61</v>
      </c>
      <c r="OJ7" s="517"/>
      <c r="OK7" s="518"/>
      <c r="OL7" s="565" t="s">
        <v>62</v>
      </c>
      <c r="OM7" s="517"/>
      <c r="ON7" s="517"/>
      <c r="OO7" s="517"/>
      <c r="OP7" s="517"/>
      <c r="OQ7" s="517"/>
      <c r="OR7" s="566"/>
      <c r="OS7" s="549" t="s">
        <v>52</v>
      </c>
    </row>
    <row r="8" spans="2:409" ht="30" customHeight="1" thickBot="1" x14ac:dyDescent="0.25">
      <c r="B8" s="553"/>
      <c r="C8" s="248" t="s">
        <v>43</v>
      </c>
      <c r="D8" s="422" t="s">
        <v>44</v>
      </c>
      <c r="E8" s="249" t="s">
        <v>45</v>
      </c>
      <c r="F8" s="76" t="s">
        <v>83</v>
      </c>
      <c r="G8" s="422" t="s">
        <v>47</v>
      </c>
      <c r="H8" s="422" t="s">
        <v>48</v>
      </c>
      <c r="I8" s="422" t="s">
        <v>49</v>
      </c>
      <c r="J8" s="422" t="s">
        <v>50</v>
      </c>
      <c r="K8" s="422" t="s">
        <v>51</v>
      </c>
      <c r="L8" s="75" t="s">
        <v>45</v>
      </c>
      <c r="M8" s="563"/>
      <c r="N8" s="421" t="s">
        <v>43</v>
      </c>
      <c r="O8" s="422" t="s">
        <v>44</v>
      </c>
      <c r="P8" s="75" t="s">
        <v>45</v>
      </c>
      <c r="Q8" s="76" t="s">
        <v>83</v>
      </c>
      <c r="R8" s="422" t="s">
        <v>47</v>
      </c>
      <c r="S8" s="422" t="s">
        <v>48</v>
      </c>
      <c r="T8" s="422" t="s">
        <v>49</v>
      </c>
      <c r="U8" s="422" t="s">
        <v>50</v>
      </c>
      <c r="V8" s="422" t="s">
        <v>51</v>
      </c>
      <c r="W8" s="75" t="s">
        <v>45</v>
      </c>
      <c r="X8" s="550"/>
      <c r="Y8" s="421" t="s">
        <v>43</v>
      </c>
      <c r="Z8" s="422" t="s">
        <v>44</v>
      </c>
      <c r="AA8" s="75" t="s">
        <v>45</v>
      </c>
      <c r="AB8" s="76" t="s">
        <v>83</v>
      </c>
      <c r="AC8" s="422" t="s">
        <v>47</v>
      </c>
      <c r="AD8" s="422" t="s">
        <v>48</v>
      </c>
      <c r="AE8" s="422" t="s">
        <v>49</v>
      </c>
      <c r="AF8" s="422" t="s">
        <v>50</v>
      </c>
      <c r="AG8" s="422" t="s">
        <v>51</v>
      </c>
      <c r="AH8" s="75" t="s">
        <v>45</v>
      </c>
      <c r="AI8" s="536"/>
      <c r="AJ8" s="421" t="s">
        <v>43</v>
      </c>
      <c r="AK8" s="422" t="s">
        <v>44</v>
      </c>
      <c r="AL8" s="249" t="s">
        <v>45</v>
      </c>
      <c r="AM8" s="76" t="s">
        <v>83</v>
      </c>
      <c r="AN8" s="422" t="s">
        <v>47</v>
      </c>
      <c r="AO8" s="422" t="s">
        <v>48</v>
      </c>
      <c r="AP8" s="422" t="s">
        <v>49</v>
      </c>
      <c r="AQ8" s="422" t="s">
        <v>50</v>
      </c>
      <c r="AR8" s="422" t="s">
        <v>51</v>
      </c>
      <c r="AS8" s="75" t="s">
        <v>45</v>
      </c>
      <c r="AT8" s="536"/>
      <c r="AU8" s="421" t="s">
        <v>43</v>
      </c>
      <c r="AV8" s="422" t="s">
        <v>44</v>
      </c>
      <c r="AW8" s="249" t="s">
        <v>45</v>
      </c>
      <c r="AX8" s="76" t="s">
        <v>83</v>
      </c>
      <c r="AY8" s="422" t="s">
        <v>47</v>
      </c>
      <c r="AZ8" s="422" t="s">
        <v>48</v>
      </c>
      <c r="BA8" s="422" t="s">
        <v>49</v>
      </c>
      <c r="BB8" s="422" t="s">
        <v>50</v>
      </c>
      <c r="BC8" s="422" t="s">
        <v>51</v>
      </c>
      <c r="BD8" s="75" t="s">
        <v>45</v>
      </c>
      <c r="BE8" s="536"/>
      <c r="BF8" s="250" t="s">
        <v>43</v>
      </c>
      <c r="BG8" s="422" t="s">
        <v>44</v>
      </c>
      <c r="BH8" s="249" t="s">
        <v>45</v>
      </c>
      <c r="BI8" s="76" t="s">
        <v>83</v>
      </c>
      <c r="BJ8" s="422" t="s">
        <v>47</v>
      </c>
      <c r="BK8" s="422" t="s">
        <v>48</v>
      </c>
      <c r="BL8" s="422" t="s">
        <v>49</v>
      </c>
      <c r="BM8" s="422" t="s">
        <v>50</v>
      </c>
      <c r="BN8" s="422" t="s">
        <v>51</v>
      </c>
      <c r="BO8" s="75" t="s">
        <v>45</v>
      </c>
      <c r="BP8" s="536"/>
      <c r="BQ8" s="421" t="s">
        <v>43</v>
      </c>
      <c r="BR8" s="422" t="s">
        <v>44</v>
      </c>
      <c r="BS8" s="249" t="s">
        <v>45</v>
      </c>
      <c r="BT8" s="76" t="s">
        <v>83</v>
      </c>
      <c r="BU8" s="422" t="s">
        <v>47</v>
      </c>
      <c r="BV8" s="422" t="s">
        <v>48</v>
      </c>
      <c r="BW8" s="422" t="s">
        <v>49</v>
      </c>
      <c r="BX8" s="422" t="s">
        <v>50</v>
      </c>
      <c r="BY8" s="422" t="s">
        <v>51</v>
      </c>
      <c r="BZ8" s="75" t="s">
        <v>45</v>
      </c>
      <c r="CA8" s="536"/>
      <c r="CB8" s="421" t="s">
        <v>43</v>
      </c>
      <c r="CC8" s="422" t="s">
        <v>44</v>
      </c>
      <c r="CD8" s="249" t="s">
        <v>45</v>
      </c>
      <c r="CE8" s="76" t="s">
        <v>83</v>
      </c>
      <c r="CF8" s="422" t="s">
        <v>47</v>
      </c>
      <c r="CG8" s="422" t="s">
        <v>48</v>
      </c>
      <c r="CH8" s="422" t="s">
        <v>49</v>
      </c>
      <c r="CI8" s="422" t="s">
        <v>50</v>
      </c>
      <c r="CJ8" s="422" t="s">
        <v>51</v>
      </c>
      <c r="CK8" s="75" t="s">
        <v>45</v>
      </c>
      <c r="CL8" s="550"/>
      <c r="CM8" s="421" t="s">
        <v>43</v>
      </c>
      <c r="CN8" s="422" t="s">
        <v>44</v>
      </c>
      <c r="CO8" s="75" t="s">
        <v>45</v>
      </c>
      <c r="CP8" s="76" t="s">
        <v>83</v>
      </c>
      <c r="CQ8" s="422" t="s">
        <v>47</v>
      </c>
      <c r="CR8" s="422" t="s">
        <v>48</v>
      </c>
      <c r="CS8" s="422" t="s">
        <v>49</v>
      </c>
      <c r="CT8" s="422" t="s">
        <v>50</v>
      </c>
      <c r="CU8" s="422" t="s">
        <v>51</v>
      </c>
      <c r="CV8" s="75" t="s">
        <v>45</v>
      </c>
      <c r="CW8" s="550"/>
      <c r="CX8" s="421" t="s">
        <v>43</v>
      </c>
      <c r="CY8" s="422" t="s">
        <v>44</v>
      </c>
      <c r="CZ8" s="75" t="s">
        <v>45</v>
      </c>
      <c r="DA8" s="76" t="s">
        <v>83</v>
      </c>
      <c r="DB8" s="422" t="s">
        <v>47</v>
      </c>
      <c r="DC8" s="422" t="s">
        <v>48</v>
      </c>
      <c r="DD8" s="422" t="s">
        <v>49</v>
      </c>
      <c r="DE8" s="422" t="s">
        <v>50</v>
      </c>
      <c r="DF8" s="422" t="s">
        <v>51</v>
      </c>
      <c r="DG8" s="75" t="s">
        <v>45</v>
      </c>
      <c r="DH8" s="550"/>
      <c r="DI8" s="421" t="s">
        <v>43</v>
      </c>
      <c r="DJ8" s="422" t="s">
        <v>44</v>
      </c>
      <c r="DK8" s="75" t="s">
        <v>45</v>
      </c>
      <c r="DL8" s="76" t="s">
        <v>83</v>
      </c>
      <c r="DM8" s="422" t="s">
        <v>47</v>
      </c>
      <c r="DN8" s="422" t="s">
        <v>48</v>
      </c>
      <c r="DO8" s="422" t="s">
        <v>49</v>
      </c>
      <c r="DP8" s="422" t="s">
        <v>50</v>
      </c>
      <c r="DQ8" s="422" t="s">
        <v>51</v>
      </c>
      <c r="DR8" s="75" t="s">
        <v>45</v>
      </c>
      <c r="DS8" s="550"/>
      <c r="DT8" s="421" t="s">
        <v>43</v>
      </c>
      <c r="DU8" s="422" t="s">
        <v>44</v>
      </c>
      <c r="DV8" s="249" t="s">
        <v>45</v>
      </c>
      <c r="DW8" s="76" t="s">
        <v>83</v>
      </c>
      <c r="DX8" s="422" t="s">
        <v>47</v>
      </c>
      <c r="DY8" s="422" t="s">
        <v>48</v>
      </c>
      <c r="DZ8" s="422" t="s">
        <v>49</v>
      </c>
      <c r="EA8" s="422" t="s">
        <v>50</v>
      </c>
      <c r="EB8" s="422" t="s">
        <v>51</v>
      </c>
      <c r="EC8" s="75" t="s">
        <v>45</v>
      </c>
      <c r="ED8" s="536"/>
      <c r="EE8" s="421" t="s">
        <v>43</v>
      </c>
      <c r="EF8" s="422" t="s">
        <v>44</v>
      </c>
      <c r="EG8" s="249" t="s">
        <v>45</v>
      </c>
      <c r="EH8" s="76" t="s">
        <v>83</v>
      </c>
      <c r="EI8" s="422" t="s">
        <v>47</v>
      </c>
      <c r="EJ8" s="422" t="s">
        <v>48</v>
      </c>
      <c r="EK8" s="422" t="s">
        <v>49</v>
      </c>
      <c r="EL8" s="422" t="s">
        <v>50</v>
      </c>
      <c r="EM8" s="422" t="s">
        <v>51</v>
      </c>
      <c r="EN8" s="75" t="s">
        <v>45</v>
      </c>
      <c r="EO8" s="536"/>
      <c r="EP8" s="421" t="s">
        <v>43</v>
      </c>
      <c r="EQ8" s="422" t="s">
        <v>44</v>
      </c>
      <c r="ER8" s="249" t="s">
        <v>45</v>
      </c>
      <c r="ES8" s="76" t="s">
        <v>83</v>
      </c>
      <c r="ET8" s="422" t="s">
        <v>47</v>
      </c>
      <c r="EU8" s="422" t="s">
        <v>48</v>
      </c>
      <c r="EV8" s="422" t="s">
        <v>49</v>
      </c>
      <c r="EW8" s="422" t="s">
        <v>50</v>
      </c>
      <c r="EX8" s="422" t="s">
        <v>51</v>
      </c>
      <c r="EY8" s="75" t="s">
        <v>45</v>
      </c>
      <c r="EZ8" s="536"/>
      <c r="FA8" s="421" t="s">
        <v>43</v>
      </c>
      <c r="FB8" s="422" t="s">
        <v>44</v>
      </c>
      <c r="FC8" s="249" t="s">
        <v>45</v>
      </c>
      <c r="FD8" s="76" t="s">
        <v>83</v>
      </c>
      <c r="FE8" s="422" t="s">
        <v>47</v>
      </c>
      <c r="FF8" s="422" t="s">
        <v>48</v>
      </c>
      <c r="FG8" s="422" t="s">
        <v>49</v>
      </c>
      <c r="FH8" s="422" t="s">
        <v>50</v>
      </c>
      <c r="FI8" s="422" t="s">
        <v>51</v>
      </c>
      <c r="FJ8" s="75" t="s">
        <v>45</v>
      </c>
      <c r="FK8" s="536"/>
      <c r="FL8" s="421" t="s">
        <v>43</v>
      </c>
      <c r="FM8" s="422" t="s">
        <v>44</v>
      </c>
      <c r="FN8" s="249" t="s">
        <v>45</v>
      </c>
      <c r="FO8" s="76" t="s">
        <v>83</v>
      </c>
      <c r="FP8" s="422" t="s">
        <v>47</v>
      </c>
      <c r="FQ8" s="422" t="s">
        <v>48</v>
      </c>
      <c r="FR8" s="422" t="s">
        <v>49</v>
      </c>
      <c r="FS8" s="422" t="s">
        <v>50</v>
      </c>
      <c r="FT8" s="422" t="s">
        <v>51</v>
      </c>
      <c r="FU8" s="75" t="s">
        <v>45</v>
      </c>
      <c r="FV8" s="570"/>
      <c r="FW8" s="421" t="s">
        <v>43</v>
      </c>
      <c r="FX8" s="422" t="s">
        <v>44</v>
      </c>
      <c r="FY8" s="249" t="s">
        <v>45</v>
      </c>
      <c r="FZ8" s="76" t="s">
        <v>83</v>
      </c>
      <c r="GA8" s="422" t="s">
        <v>47</v>
      </c>
      <c r="GB8" s="422" t="s">
        <v>48</v>
      </c>
      <c r="GC8" s="422" t="s">
        <v>49</v>
      </c>
      <c r="GD8" s="422" t="s">
        <v>50</v>
      </c>
      <c r="GE8" s="422" t="s">
        <v>51</v>
      </c>
      <c r="GF8" s="75" t="s">
        <v>45</v>
      </c>
      <c r="GG8" s="536"/>
      <c r="GH8" s="421" t="s">
        <v>43</v>
      </c>
      <c r="GI8" s="422" t="s">
        <v>44</v>
      </c>
      <c r="GJ8" s="249" t="s">
        <v>45</v>
      </c>
      <c r="GK8" s="76" t="s">
        <v>83</v>
      </c>
      <c r="GL8" s="422" t="s">
        <v>47</v>
      </c>
      <c r="GM8" s="422" t="s">
        <v>48</v>
      </c>
      <c r="GN8" s="422" t="s">
        <v>49</v>
      </c>
      <c r="GO8" s="422" t="s">
        <v>50</v>
      </c>
      <c r="GP8" s="422" t="s">
        <v>51</v>
      </c>
      <c r="GQ8" s="75" t="s">
        <v>45</v>
      </c>
      <c r="GR8" s="569"/>
      <c r="GS8" s="421" t="s">
        <v>43</v>
      </c>
      <c r="GT8" s="422" t="s">
        <v>44</v>
      </c>
      <c r="GU8" s="249" t="s">
        <v>45</v>
      </c>
      <c r="GV8" s="76" t="s">
        <v>83</v>
      </c>
      <c r="GW8" s="422" t="s">
        <v>47</v>
      </c>
      <c r="GX8" s="422" t="s">
        <v>48</v>
      </c>
      <c r="GY8" s="422" t="s">
        <v>49</v>
      </c>
      <c r="GZ8" s="422" t="s">
        <v>50</v>
      </c>
      <c r="HA8" s="422" t="s">
        <v>51</v>
      </c>
      <c r="HB8" s="75" t="s">
        <v>45</v>
      </c>
      <c r="HC8" s="569"/>
      <c r="HD8" s="421" t="s">
        <v>43</v>
      </c>
      <c r="HE8" s="422" t="s">
        <v>44</v>
      </c>
      <c r="HF8" s="249" t="s">
        <v>45</v>
      </c>
      <c r="HG8" s="76" t="s">
        <v>83</v>
      </c>
      <c r="HH8" s="422" t="s">
        <v>47</v>
      </c>
      <c r="HI8" s="422" t="s">
        <v>48</v>
      </c>
      <c r="HJ8" s="422" t="s">
        <v>49</v>
      </c>
      <c r="HK8" s="422" t="s">
        <v>50</v>
      </c>
      <c r="HL8" s="422" t="s">
        <v>51</v>
      </c>
      <c r="HM8" s="75" t="s">
        <v>45</v>
      </c>
      <c r="HN8" s="536"/>
      <c r="HO8" s="421" t="s">
        <v>43</v>
      </c>
      <c r="HP8" s="422" t="s">
        <v>44</v>
      </c>
      <c r="HQ8" s="249" t="s">
        <v>45</v>
      </c>
      <c r="HR8" s="76" t="s">
        <v>83</v>
      </c>
      <c r="HS8" s="422" t="s">
        <v>47</v>
      </c>
      <c r="HT8" s="422" t="s">
        <v>48</v>
      </c>
      <c r="HU8" s="422" t="s">
        <v>49</v>
      </c>
      <c r="HV8" s="422" t="s">
        <v>50</v>
      </c>
      <c r="HW8" s="422" t="s">
        <v>51</v>
      </c>
      <c r="HX8" s="75" t="s">
        <v>45</v>
      </c>
      <c r="HY8" s="536"/>
      <c r="HZ8" s="421" t="s">
        <v>43</v>
      </c>
      <c r="IA8" s="422" t="s">
        <v>44</v>
      </c>
      <c r="IB8" s="249" t="s">
        <v>45</v>
      </c>
      <c r="IC8" s="76" t="s">
        <v>83</v>
      </c>
      <c r="ID8" s="422" t="s">
        <v>47</v>
      </c>
      <c r="IE8" s="422" t="s">
        <v>48</v>
      </c>
      <c r="IF8" s="422" t="s">
        <v>49</v>
      </c>
      <c r="IG8" s="422" t="s">
        <v>50</v>
      </c>
      <c r="IH8" s="422" t="s">
        <v>51</v>
      </c>
      <c r="II8" s="75" t="s">
        <v>45</v>
      </c>
      <c r="IJ8" s="570"/>
      <c r="IK8" s="421" t="s">
        <v>43</v>
      </c>
      <c r="IL8" s="422" t="s">
        <v>44</v>
      </c>
      <c r="IM8" s="249" t="s">
        <v>45</v>
      </c>
      <c r="IN8" s="76" t="s">
        <v>83</v>
      </c>
      <c r="IO8" s="251" t="s">
        <v>47</v>
      </c>
      <c r="IP8" s="251" t="s">
        <v>48</v>
      </c>
      <c r="IQ8" s="251" t="s">
        <v>49</v>
      </c>
      <c r="IR8" s="251" t="s">
        <v>50</v>
      </c>
      <c r="IS8" s="251" t="s">
        <v>51</v>
      </c>
      <c r="IT8" s="252" t="s">
        <v>45</v>
      </c>
      <c r="IU8" s="573"/>
      <c r="IV8" s="250" t="s">
        <v>43</v>
      </c>
      <c r="IW8" s="251" t="s">
        <v>44</v>
      </c>
      <c r="IX8" s="252" t="s">
        <v>45</v>
      </c>
      <c r="IY8" s="76" t="s">
        <v>83</v>
      </c>
      <c r="IZ8" s="251" t="s">
        <v>47</v>
      </c>
      <c r="JA8" s="251" t="s">
        <v>48</v>
      </c>
      <c r="JB8" s="251" t="s">
        <v>49</v>
      </c>
      <c r="JC8" s="251" t="s">
        <v>50</v>
      </c>
      <c r="JD8" s="251" t="s">
        <v>51</v>
      </c>
      <c r="JE8" s="252" t="s">
        <v>45</v>
      </c>
      <c r="JF8" s="573"/>
      <c r="JG8" s="250" t="s">
        <v>43</v>
      </c>
      <c r="JH8" s="251" t="s">
        <v>44</v>
      </c>
      <c r="JI8" s="253" t="s">
        <v>45</v>
      </c>
      <c r="JJ8" s="231" t="s">
        <v>83</v>
      </c>
      <c r="JK8" s="251" t="s">
        <v>47</v>
      </c>
      <c r="JL8" s="251" t="s">
        <v>48</v>
      </c>
      <c r="JM8" s="251" t="s">
        <v>49</v>
      </c>
      <c r="JN8" s="251" t="s">
        <v>50</v>
      </c>
      <c r="JO8" s="251" t="s">
        <v>51</v>
      </c>
      <c r="JP8" s="252" t="s">
        <v>45</v>
      </c>
      <c r="JQ8" s="572"/>
      <c r="JR8" s="250" t="s">
        <v>43</v>
      </c>
      <c r="JS8" s="251" t="s">
        <v>44</v>
      </c>
      <c r="JT8" s="253" t="s">
        <v>45</v>
      </c>
      <c r="JU8" s="231" t="s">
        <v>83</v>
      </c>
      <c r="JV8" s="251" t="s">
        <v>47</v>
      </c>
      <c r="JW8" s="251" t="s">
        <v>48</v>
      </c>
      <c r="JX8" s="251" t="s">
        <v>49</v>
      </c>
      <c r="JY8" s="251" t="s">
        <v>50</v>
      </c>
      <c r="JZ8" s="251" t="s">
        <v>51</v>
      </c>
      <c r="KA8" s="252" t="s">
        <v>45</v>
      </c>
      <c r="KB8" s="572"/>
      <c r="KC8" s="250" t="s">
        <v>43</v>
      </c>
      <c r="KD8" s="251" t="s">
        <v>44</v>
      </c>
      <c r="KE8" s="253" t="s">
        <v>45</v>
      </c>
      <c r="KF8" s="231" t="s">
        <v>83</v>
      </c>
      <c r="KG8" s="251" t="s">
        <v>47</v>
      </c>
      <c r="KH8" s="251" t="s">
        <v>48</v>
      </c>
      <c r="KI8" s="251" t="s">
        <v>49</v>
      </c>
      <c r="KJ8" s="251" t="s">
        <v>50</v>
      </c>
      <c r="KK8" s="251" t="s">
        <v>51</v>
      </c>
      <c r="KL8" s="252" t="s">
        <v>45</v>
      </c>
      <c r="KM8" s="572"/>
      <c r="KN8" s="250" t="s">
        <v>43</v>
      </c>
      <c r="KO8" s="251" t="s">
        <v>44</v>
      </c>
      <c r="KP8" s="253" t="s">
        <v>45</v>
      </c>
      <c r="KQ8" s="76" t="s">
        <v>83</v>
      </c>
      <c r="KR8" s="251" t="s">
        <v>47</v>
      </c>
      <c r="KS8" s="251" t="s">
        <v>48</v>
      </c>
      <c r="KT8" s="251" t="s">
        <v>49</v>
      </c>
      <c r="KU8" s="251" t="s">
        <v>50</v>
      </c>
      <c r="KV8" s="251" t="s">
        <v>51</v>
      </c>
      <c r="KW8" s="252" t="s">
        <v>45</v>
      </c>
      <c r="KX8" s="572"/>
      <c r="KY8" s="250" t="s">
        <v>43</v>
      </c>
      <c r="KZ8" s="251" t="s">
        <v>44</v>
      </c>
      <c r="LA8" s="253" t="s">
        <v>45</v>
      </c>
      <c r="LB8" s="76" t="s">
        <v>83</v>
      </c>
      <c r="LC8" s="251" t="s">
        <v>47</v>
      </c>
      <c r="LD8" s="251" t="s">
        <v>48</v>
      </c>
      <c r="LE8" s="251" t="s">
        <v>49</v>
      </c>
      <c r="LF8" s="251" t="s">
        <v>50</v>
      </c>
      <c r="LG8" s="251" t="s">
        <v>51</v>
      </c>
      <c r="LH8" s="252" t="s">
        <v>45</v>
      </c>
      <c r="LI8" s="572"/>
      <c r="LJ8" s="250" t="s">
        <v>43</v>
      </c>
      <c r="LK8" s="251" t="s">
        <v>44</v>
      </c>
      <c r="LL8" s="253" t="s">
        <v>45</v>
      </c>
      <c r="LM8" s="76" t="s">
        <v>83</v>
      </c>
      <c r="LN8" s="251" t="s">
        <v>47</v>
      </c>
      <c r="LO8" s="251" t="s">
        <v>48</v>
      </c>
      <c r="LP8" s="251" t="s">
        <v>49</v>
      </c>
      <c r="LQ8" s="251" t="s">
        <v>50</v>
      </c>
      <c r="LR8" s="251" t="s">
        <v>51</v>
      </c>
      <c r="LS8" s="252" t="s">
        <v>45</v>
      </c>
      <c r="LT8" s="572"/>
      <c r="LU8" s="250" t="s">
        <v>43</v>
      </c>
      <c r="LV8" s="251" t="s">
        <v>44</v>
      </c>
      <c r="LW8" s="253" t="s">
        <v>45</v>
      </c>
      <c r="LX8" s="76" t="s">
        <v>83</v>
      </c>
      <c r="LY8" s="251" t="s">
        <v>47</v>
      </c>
      <c r="LZ8" s="251" t="s">
        <v>48</v>
      </c>
      <c r="MA8" s="251" t="s">
        <v>49</v>
      </c>
      <c r="MB8" s="251" t="s">
        <v>50</v>
      </c>
      <c r="MC8" s="251" t="s">
        <v>51</v>
      </c>
      <c r="MD8" s="252" t="s">
        <v>45</v>
      </c>
      <c r="ME8" s="572"/>
      <c r="MF8" s="250" t="s">
        <v>43</v>
      </c>
      <c r="MG8" s="251" t="s">
        <v>44</v>
      </c>
      <c r="MH8" s="253" t="s">
        <v>45</v>
      </c>
      <c r="MI8" s="76" t="s">
        <v>83</v>
      </c>
      <c r="MJ8" s="251" t="s">
        <v>47</v>
      </c>
      <c r="MK8" s="251" t="s">
        <v>48</v>
      </c>
      <c r="ML8" s="251" t="s">
        <v>49</v>
      </c>
      <c r="MM8" s="251" t="s">
        <v>50</v>
      </c>
      <c r="MN8" s="251" t="s">
        <v>51</v>
      </c>
      <c r="MO8" s="252" t="s">
        <v>45</v>
      </c>
      <c r="MP8" s="572"/>
      <c r="MQ8" s="250" t="s">
        <v>43</v>
      </c>
      <c r="MR8" s="251" t="s">
        <v>44</v>
      </c>
      <c r="MS8" s="253" t="s">
        <v>45</v>
      </c>
      <c r="MT8" s="76" t="s">
        <v>83</v>
      </c>
      <c r="MU8" s="251" t="s">
        <v>47</v>
      </c>
      <c r="MV8" s="251" t="s">
        <v>48</v>
      </c>
      <c r="MW8" s="251" t="s">
        <v>49</v>
      </c>
      <c r="MX8" s="251" t="s">
        <v>50</v>
      </c>
      <c r="MY8" s="251" t="s">
        <v>51</v>
      </c>
      <c r="MZ8" s="252" t="s">
        <v>45</v>
      </c>
      <c r="NA8" s="572"/>
      <c r="NB8" s="250" t="s">
        <v>43</v>
      </c>
      <c r="NC8" s="251" t="s">
        <v>44</v>
      </c>
      <c r="ND8" s="253" t="s">
        <v>45</v>
      </c>
      <c r="NE8" s="76" t="s">
        <v>83</v>
      </c>
      <c r="NF8" s="251" t="s">
        <v>47</v>
      </c>
      <c r="NG8" s="251" t="s">
        <v>48</v>
      </c>
      <c r="NH8" s="251" t="s">
        <v>49</v>
      </c>
      <c r="NI8" s="251" t="s">
        <v>50</v>
      </c>
      <c r="NJ8" s="251" t="s">
        <v>51</v>
      </c>
      <c r="NK8" s="252" t="s">
        <v>45</v>
      </c>
      <c r="NL8" s="572"/>
      <c r="NM8" s="250" t="s">
        <v>43</v>
      </c>
      <c r="NN8" s="251" t="s">
        <v>44</v>
      </c>
      <c r="NO8" s="253" t="s">
        <v>45</v>
      </c>
      <c r="NP8" s="76" t="s">
        <v>83</v>
      </c>
      <c r="NQ8" s="251" t="s">
        <v>47</v>
      </c>
      <c r="NR8" s="251" t="s">
        <v>48</v>
      </c>
      <c r="NS8" s="251" t="s">
        <v>49</v>
      </c>
      <c r="NT8" s="251" t="s">
        <v>50</v>
      </c>
      <c r="NU8" s="251" t="s">
        <v>51</v>
      </c>
      <c r="NV8" s="252" t="s">
        <v>45</v>
      </c>
      <c r="NW8" s="572"/>
      <c r="NX8" s="250" t="s">
        <v>43</v>
      </c>
      <c r="NY8" s="251" t="s">
        <v>44</v>
      </c>
      <c r="NZ8" s="253" t="s">
        <v>45</v>
      </c>
      <c r="OA8" s="76" t="s">
        <v>83</v>
      </c>
      <c r="OB8" s="251" t="s">
        <v>47</v>
      </c>
      <c r="OC8" s="251" t="s">
        <v>48</v>
      </c>
      <c r="OD8" s="251" t="s">
        <v>49</v>
      </c>
      <c r="OE8" s="251" t="s">
        <v>50</v>
      </c>
      <c r="OF8" s="251" t="s">
        <v>51</v>
      </c>
      <c r="OG8" s="252" t="s">
        <v>45</v>
      </c>
      <c r="OH8" s="572"/>
      <c r="OI8" s="250" t="s">
        <v>43</v>
      </c>
      <c r="OJ8" s="251" t="s">
        <v>44</v>
      </c>
      <c r="OK8" s="253" t="s">
        <v>45</v>
      </c>
      <c r="OL8" s="231" t="s">
        <v>83</v>
      </c>
      <c r="OM8" s="251" t="s">
        <v>47</v>
      </c>
      <c r="ON8" s="251" t="s">
        <v>48</v>
      </c>
      <c r="OO8" s="251" t="s">
        <v>49</v>
      </c>
      <c r="OP8" s="251" t="s">
        <v>50</v>
      </c>
      <c r="OQ8" s="251" t="s">
        <v>51</v>
      </c>
      <c r="OR8" s="252" t="s">
        <v>45</v>
      </c>
      <c r="OS8" s="572"/>
    </row>
    <row r="9" spans="2:409" s="406" customFormat="1" ht="21" customHeight="1" x14ac:dyDescent="0.2">
      <c r="B9" s="407" t="s">
        <v>4</v>
      </c>
      <c r="C9" s="254">
        <v>25899858</v>
      </c>
      <c r="D9" s="255">
        <v>50004484</v>
      </c>
      <c r="E9" s="256">
        <v>75904342</v>
      </c>
      <c r="F9" s="257">
        <v>0</v>
      </c>
      <c r="G9" s="255">
        <v>268594591</v>
      </c>
      <c r="H9" s="255">
        <v>367028176</v>
      </c>
      <c r="I9" s="255">
        <v>304325765</v>
      </c>
      <c r="J9" s="255">
        <v>314026054</v>
      </c>
      <c r="K9" s="255">
        <v>232775310</v>
      </c>
      <c r="L9" s="258">
        <v>1486749896</v>
      </c>
      <c r="M9" s="259">
        <v>1562654238</v>
      </c>
      <c r="N9" s="254">
        <v>7610313</v>
      </c>
      <c r="O9" s="255">
        <v>17474121</v>
      </c>
      <c r="P9" s="260">
        <v>25084434</v>
      </c>
      <c r="Q9" s="254">
        <v>0</v>
      </c>
      <c r="R9" s="255">
        <v>84009094</v>
      </c>
      <c r="S9" s="255">
        <v>128349832</v>
      </c>
      <c r="T9" s="255">
        <v>100699775</v>
      </c>
      <c r="U9" s="255">
        <v>114036760</v>
      </c>
      <c r="V9" s="255">
        <v>105630488</v>
      </c>
      <c r="W9" s="260">
        <v>532725949</v>
      </c>
      <c r="X9" s="259">
        <v>557810383</v>
      </c>
      <c r="Y9" s="254">
        <v>0</v>
      </c>
      <c r="Z9" s="255">
        <v>0</v>
      </c>
      <c r="AA9" s="260">
        <v>0</v>
      </c>
      <c r="AB9" s="261">
        <v>0</v>
      </c>
      <c r="AC9" s="262">
        <v>34424537</v>
      </c>
      <c r="AD9" s="262">
        <v>51734332</v>
      </c>
      <c r="AE9" s="262">
        <v>46957717</v>
      </c>
      <c r="AF9" s="262">
        <v>60123632</v>
      </c>
      <c r="AG9" s="262">
        <v>56573691</v>
      </c>
      <c r="AH9" s="260">
        <v>249813909</v>
      </c>
      <c r="AI9" s="259">
        <v>249813909</v>
      </c>
      <c r="AJ9" s="263">
        <v>0</v>
      </c>
      <c r="AK9" s="262">
        <v>64699</v>
      </c>
      <c r="AL9" s="260">
        <v>64699</v>
      </c>
      <c r="AM9" s="261">
        <v>0</v>
      </c>
      <c r="AN9" s="262">
        <v>600001</v>
      </c>
      <c r="AO9" s="258">
        <v>1183787</v>
      </c>
      <c r="AP9" s="262">
        <v>2731424</v>
      </c>
      <c r="AQ9" s="262">
        <v>6865649</v>
      </c>
      <c r="AR9" s="262">
        <v>12290466</v>
      </c>
      <c r="AS9" s="260">
        <v>23671327</v>
      </c>
      <c r="AT9" s="259">
        <v>23736026</v>
      </c>
      <c r="AU9" s="263">
        <v>4099259</v>
      </c>
      <c r="AV9" s="262">
        <v>12257970</v>
      </c>
      <c r="AW9" s="260">
        <v>16357229</v>
      </c>
      <c r="AX9" s="261">
        <v>0</v>
      </c>
      <c r="AY9" s="262">
        <v>30779628</v>
      </c>
      <c r="AZ9" s="262">
        <v>51347688</v>
      </c>
      <c r="BA9" s="262">
        <v>31763894</v>
      </c>
      <c r="BB9" s="262">
        <v>26779526</v>
      </c>
      <c r="BC9" s="262">
        <v>21524860</v>
      </c>
      <c r="BD9" s="260">
        <v>162195596</v>
      </c>
      <c r="BE9" s="264">
        <v>178552825</v>
      </c>
      <c r="BF9" s="263">
        <v>414443</v>
      </c>
      <c r="BG9" s="258">
        <v>1539354</v>
      </c>
      <c r="BH9" s="265">
        <v>1953797</v>
      </c>
      <c r="BI9" s="261">
        <v>0</v>
      </c>
      <c r="BJ9" s="262">
        <v>2510271</v>
      </c>
      <c r="BK9" s="262">
        <v>5030456</v>
      </c>
      <c r="BL9" s="262">
        <v>2352774</v>
      </c>
      <c r="BM9" s="262">
        <v>2541817</v>
      </c>
      <c r="BN9" s="262">
        <v>1367051</v>
      </c>
      <c r="BO9" s="260">
        <v>13802369</v>
      </c>
      <c r="BP9" s="259">
        <v>15756166</v>
      </c>
      <c r="BQ9" s="263">
        <v>3096611</v>
      </c>
      <c r="BR9" s="262">
        <v>3612098</v>
      </c>
      <c r="BS9" s="260">
        <v>6708709</v>
      </c>
      <c r="BT9" s="261">
        <v>0</v>
      </c>
      <c r="BU9" s="262">
        <v>15694657</v>
      </c>
      <c r="BV9" s="262">
        <v>19053569</v>
      </c>
      <c r="BW9" s="262">
        <v>16893966</v>
      </c>
      <c r="BX9" s="262">
        <v>17726136</v>
      </c>
      <c r="BY9" s="262">
        <v>13874420</v>
      </c>
      <c r="BZ9" s="260">
        <v>83242748</v>
      </c>
      <c r="CA9" s="259">
        <v>89951457</v>
      </c>
      <c r="CB9" s="263">
        <v>2438309</v>
      </c>
      <c r="CC9" s="262">
        <v>6463247</v>
      </c>
      <c r="CD9" s="260">
        <v>8901556</v>
      </c>
      <c r="CE9" s="261">
        <v>0</v>
      </c>
      <c r="CF9" s="262">
        <v>68037085</v>
      </c>
      <c r="CG9" s="262">
        <v>85445523</v>
      </c>
      <c r="CH9" s="266">
        <v>59270315</v>
      </c>
      <c r="CI9" s="262">
        <v>36355439</v>
      </c>
      <c r="CJ9" s="262">
        <v>18285144</v>
      </c>
      <c r="CK9" s="260">
        <v>267393506</v>
      </c>
      <c r="CL9" s="259">
        <v>276295062</v>
      </c>
      <c r="CM9" s="254">
        <v>0</v>
      </c>
      <c r="CN9" s="255">
        <v>0</v>
      </c>
      <c r="CO9" s="260">
        <v>0</v>
      </c>
      <c r="CP9" s="261">
        <v>0</v>
      </c>
      <c r="CQ9" s="262">
        <v>54474977</v>
      </c>
      <c r="CR9" s="262">
        <v>61893268</v>
      </c>
      <c r="CS9" s="262">
        <v>41019038</v>
      </c>
      <c r="CT9" s="262">
        <v>25140617</v>
      </c>
      <c r="CU9" s="262">
        <v>12617202</v>
      </c>
      <c r="CV9" s="267">
        <v>195145102</v>
      </c>
      <c r="CW9" s="259">
        <v>195145102</v>
      </c>
      <c r="CX9" s="263">
        <v>2438309</v>
      </c>
      <c r="CY9" s="262">
        <v>6463247</v>
      </c>
      <c r="CZ9" s="260">
        <v>8901556</v>
      </c>
      <c r="DA9" s="261">
        <v>0</v>
      </c>
      <c r="DB9" s="262">
        <v>13562108</v>
      </c>
      <c r="DC9" s="262">
        <v>23552255</v>
      </c>
      <c r="DD9" s="262">
        <v>18251277</v>
      </c>
      <c r="DE9" s="262">
        <v>11214822</v>
      </c>
      <c r="DF9" s="262">
        <v>5667942</v>
      </c>
      <c r="DG9" s="260">
        <v>72248404</v>
      </c>
      <c r="DH9" s="259">
        <v>81149960</v>
      </c>
      <c r="DI9" s="263">
        <v>56824</v>
      </c>
      <c r="DJ9" s="262">
        <v>479301</v>
      </c>
      <c r="DK9" s="265">
        <v>536125</v>
      </c>
      <c r="DL9" s="261">
        <v>0</v>
      </c>
      <c r="DM9" s="262">
        <v>8372739</v>
      </c>
      <c r="DN9" s="262">
        <v>16876787</v>
      </c>
      <c r="DO9" s="262">
        <v>21926358</v>
      </c>
      <c r="DP9" s="262">
        <v>20215340</v>
      </c>
      <c r="DQ9" s="262">
        <v>10430192</v>
      </c>
      <c r="DR9" s="268">
        <v>77821416</v>
      </c>
      <c r="DS9" s="259">
        <v>78357541</v>
      </c>
      <c r="DT9" s="263">
        <v>35213</v>
      </c>
      <c r="DU9" s="262">
        <v>427247</v>
      </c>
      <c r="DV9" s="260">
        <v>462460</v>
      </c>
      <c r="DW9" s="261">
        <v>0</v>
      </c>
      <c r="DX9" s="262">
        <v>7263618</v>
      </c>
      <c r="DY9" s="262">
        <v>13964170</v>
      </c>
      <c r="DZ9" s="262">
        <v>18925625</v>
      </c>
      <c r="EA9" s="262">
        <v>16565791</v>
      </c>
      <c r="EB9" s="262">
        <v>9197399</v>
      </c>
      <c r="EC9" s="260">
        <v>65916603</v>
      </c>
      <c r="ED9" s="259">
        <v>66379063</v>
      </c>
      <c r="EE9" s="263">
        <v>21611</v>
      </c>
      <c r="EF9" s="258">
        <v>52054</v>
      </c>
      <c r="EG9" s="260">
        <v>73665</v>
      </c>
      <c r="EH9" s="264">
        <v>0</v>
      </c>
      <c r="EI9" s="262">
        <v>1109121</v>
      </c>
      <c r="EJ9" s="262">
        <v>2912617</v>
      </c>
      <c r="EK9" s="262">
        <v>3000733</v>
      </c>
      <c r="EL9" s="262">
        <v>3649549</v>
      </c>
      <c r="EM9" s="266">
        <v>1232793</v>
      </c>
      <c r="EN9" s="258">
        <v>11904813</v>
      </c>
      <c r="EO9" s="259">
        <v>11978478</v>
      </c>
      <c r="EP9" s="263">
        <v>0</v>
      </c>
      <c r="EQ9" s="262">
        <v>0</v>
      </c>
      <c r="ER9" s="258">
        <v>0</v>
      </c>
      <c r="ES9" s="261">
        <v>0</v>
      </c>
      <c r="ET9" s="262">
        <v>0</v>
      </c>
      <c r="EU9" s="262">
        <v>0</v>
      </c>
      <c r="EV9" s="262">
        <v>0</v>
      </c>
      <c r="EW9" s="262">
        <v>0</v>
      </c>
      <c r="EX9" s="262">
        <v>0</v>
      </c>
      <c r="EY9" s="267">
        <v>0</v>
      </c>
      <c r="EZ9" s="259">
        <v>0</v>
      </c>
      <c r="FA9" s="263">
        <v>0</v>
      </c>
      <c r="FB9" s="262">
        <v>0</v>
      </c>
      <c r="FC9" s="258">
        <v>0</v>
      </c>
      <c r="FD9" s="401">
        <v>0</v>
      </c>
      <c r="FE9" s="262">
        <v>0</v>
      </c>
      <c r="FF9" s="262">
        <v>0</v>
      </c>
      <c r="FG9" s="262">
        <v>0</v>
      </c>
      <c r="FH9" s="262">
        <v>0</v>
      </c>
      <c r="FI9" s="262">
        <v>0</v>
      </c>
      <c r="FJ9" s="267">
        <v>0</v>
      </c>
      <c r="FK9" s="259">
        <v>0</v>
      </c>
      <c r="FL9" s="263">
        <v>5053552</v>
      </c>
      <c r="FM9" s="262">
        <v>11135549</v>
      </c>
      <c r="FN9" s="260">
        <v>16189101</v>
      </c>
      <c r="FO9" s="261">
        <v>0</v>
      </c>
      <c r="FP9" s="262">
        <v>13916961</v>
      </c>
      <c r="FQ9" s="262">
        <v>33311282</v>
      </c>
      <c r="FR9" s="262">
        <v>24086977</v>
      </c>
      <c r="FS9" s="262">
        <v>23772876</v>
      </c>
      <c r="FT9" s="262">
        <v>15096368</v>
      </c>
      <c r="FU9" s="260">
        <v>110184464</v>
      </c>
      <c r="FV9" s="259">
        <v>126373565</v>
      </c>
      <c r="FW9" s="263">
        <v>2547889</v>
      </c>
      <c r="FX9" s="262">
        <v>6866524</v>
      </c>
      <c r="FY9" s="258">
        <v>9414413</v>
      </c>
      <c r="FZ9" s="264">
        <v>0</v>
      </c>
      <c r="GA9" s="262">
        <v>9659991</v>
      </c>
      <c r="GB9" s="269">
        <v>28647840</v>
      </c>
      <c r="GC9" s="262">
        <v>20851556</v>
      </c>
      <c r="GD9" s="269">
        <v>19859535</v>
      </c>
      <c r="GE9" s="262">
        <v>13948375</v>
      </c>
      <c r="GF9" s="267">
        <v>92967297</v>
      </c>
      <c r="GG9" s="270">
        <v>102381710</v>
      </c>
      <c r="GH9" s="271">
        <v>367371</v>
      </c>
      <c r="GI9" s="262">
        <v>859277</v>
      </c>
      <c r="GJ9" s="269">
        <v>1226648</v>
      </c>
      <c r="GK9" s="257">
        <v>0</v>
      </c>
      <c r="GL9" s="262">
        <v>927547</v>
      </c>
      <c r="GM9" s="258">
        <v>1390014</v>
      </c>
      <c r="GN9" s="262">
        <v>1185208</v>
      </c>
      <c r="GO9" s="258">
        <v>1722131</v>
      </c>
      <c r="GP9" s="262">
        <v>434763</v>
      </c>
      <c r="GQ9" s="268">
        <v>5659663</v>
      </c>
      <c r="GR9" s="259">
        <v>6886311</v>
      </c>
      <c r="GS9" s="258">
        <v>2138292</v>
      </c>
      <c r="GT9" s="262">
        <v>3409748</v>
      </c>
      <c r="GU9" s="260">
        <v>5548040</v>
      </c>
      <c r="GV9" s="258">
        <v>0</v>
      </c>
      <c r="GW9" s="262">
        <v>3329423</v>
      </c>
      <c r="GX9" s="258">
        <v>3273428</v>
      </c>
      <c r="GY9" s="262">
        <v>2050213</v>
      </c>
      <c r="GZ9" s="258">
        <v>2191210</v>
      </c>
      <c r="HA9" s="262">
        <v>713230</v>
      </c>
      <c r="HB9" s="258">
        <v>11557504</v>
      </c>
      <c r="HC9" s="259">
        <v>17105544</v>
      </c>
      <c r="HD9" s="258">
        <v>10740860</v>
      </c>
      <c r="HE9" s="262">
        <v>14452266</v>
      </c>
      <c r="HF9" s="258">
        <v>25193126</v>
      </c>
      <c r="HG9" s="264">
        <v>0</v>
      </c>
      <c r="HH9" s="262">
        <v>94258712</v>
      </c>
      <c r="HI9" s="269">
        <v>103044752</v>
      </c>
      <c r="HJ9" s="262">
        <v>98342340</v>
      </c>
      <c r="HK9" s="269">
        <v>119645639</v>
      </c>
      <c r="HL9" s="262">
        <v>83333118</v>
      </c>
      <c r="HM9" s="267">
        <v>498624561</v>
      </c>
      <c r="HN9" s="258">
        <v>523817687</v>
      </c>
      <c r="HO9" s="271">
        <v>0</v>
      </c>
      <c r="HP9" s="262">
        <v>0</v>
      </c>
      <c r="HQ9" s="267">
        <v>0</v>
      </c>
      <c r="HR9" s="269">
        <v>0</v>
      </c>
      <c r="HS9" s="262">
        <v>0</v>
      </c>
      <c r="HT9" s="269">
        <v>0</v>
      </c>
      <c r="HU9" s="262">
        <v>0</v>
      </c>
      <c r="HV9" s="269">
        <v>0</v>
      </c>
      <c r="HW9" s="262">
        <v>0</v>
      </c>
      <c r="HX9" s="269">
        <v>0</v>
      </c>
      <c r="HY9" s="259">
        <v>0</v>
      </c>
      <c r="HZ9" s="272">
        <v>671418</v>
      </c>
      <c r="IA9" s="273">
        <v>1666832</v>
      </c>
      <c r="IB9" s="274">
        <v>2338250</v>
      </c>
      <c r="IC9" s="275">
        <v>0</v>
      </c>
      <c r="ID9" s="273">
        <v>51489333</v>
      </c>
      <c r="IE9" s="276">
        <v>70161135</v>
      </c>
      <c r="IF9" s="277">
        <v>79958515</v>
      </c>
      <c r="IG9" s="273">
        <v>58367116</v>
      </c>
      <c r="IH9" s="277">
        <v>48888155</v>
      </c>
      <c r="II9" s="278">
        <v>308864254</v>
      </c>
      <c r="IJ9" s="279">
        <v>311202504</v>
      </c>
      <c r="IK9" s="280">
        <v>0</v>
      </c>
      <c r="IL9" s="281">
        <v>0</v>
      </c>
      <c r="IM9" s="282">
        <v>0</v>
      </c>
      <c r="IN9" s="401">
        <v>0</v>
      </c>
      <c r="IO9" s="283">
        <v>1030567</v>
      </c>
      <c r="IP9" s="283">
        <v>3365428</v>
      </c>
      <c r="IQ9" s="283">
        <v>3935294</v>
      </c>
      <c r="IR9" s="283">
        <v>4910399</v>
      </c>
      <c r="IS9" s="283">
        <v>5149133</v>
      </c>
      <c r="IT9" s="284">
        <v>18390821</v>
      </c>
      <c r="IU9" s="285">
        <v>18390821</v>
      </c>
      <c r="IV9" s="286">
        <v>0</v>
      </c>
      <c r="IW9" s="283">
        <v>0</v>
      </c>
      <c r="IX9" s="287">
        <v>0</v>
      </c>
      <c r="IY9" s="401">
        <v>0</v>
      </c>
      <c r="IZ9" s="283">
        <v>129657</v>
      </c>
      <c r="JA9" s="283">
        <v>499622</v>
      </c>
      <c r="JB9" s="283">
        <v>415218</v>
      </c>
      <c r="JC9" s="283">
        <v>852588</v>
      </c>
      <c r="JD9" s="283">
        <v>1242318</v>
      </c>
      <c r="JE9" s="287">
        <v>3139403</v>
      </c>
      <c r="JF9" s="288">
        <v>3139403</v>
      </c>
      <c r="JG9" s="286">
        <v>0</v>
      </c>
      <c r="JH9" s="283">
        <v>0</v>
      </c>
      <c r="JI9" s="284">
        <v>0</v>
      </c>
      <c r="JJ9" s="289">
        <v>0</v>
      </c>
      <c r="JK9" s="283">
        <v>24865561</v>
      </c>
      <c r="JL9" s="283">
        <v>28697811</v>
      </c>
      <c r="JM9" s="283">
        <v>19725583</v>
      </c>
      <c r="JN9" s="283">
        <v>10353142</v>
      </c>
      <c r="JO9" s="283">
        <v>5036841</v>
      </c>
      <c r="JP9" s="287">
        <v>88678938</v>
      </c>
      <c r="JQ9" s="285">
        <v>88678938</v>
      </c>
      <c r="JR9" s="286">
        <v>31416</v>
      </c>
      <c r="JS9" s="283">
        <v>0</v>
      </c>
      <c r="JT9" s="284">
        <v>31416</v>
      </c>
      <c r="JU9" s="289">
        <v>0</v>
      </c>
      <c r="JV9" s="283">
        <v>2782116</v>
      </c>
      <c r="JW9" s="283">
        <v>4575997</v>
      </c>
      <c r="JX9" s="283">
        <v>7198087</v>
      </c>
      <c r="JY9" s="283">
        <v>2540952</v>
      </c>
      <c r="JZ9" s="283">
        <v>2309791</v>
      </c>
      <c r="KA9" s="287">
        <v>19406943</v>
      </c>
      <c r="KB9" s="285">
        <v>19438359</v>
      </c>
      <c r="KC9" s="290">
        <v>640002</v>
      </c>
      <c r="KD9" s="291">
        <v>1666832</v>
      </c>
      <c r="KE9" s="287">
        <v>2306834</v>
      </c>
      <c r="KF9" s="289">
        <v>0</v>
      </c>
      <c r="KG9" s="283">
        <v>7325576</v>
      </c>
      <c r="KH9" s="283">
        <v>7457399</v>
      </c>
      <c r="KI9" s="283">
        <v>13603321</v>
      </c>
      <c r="KJ9" s="283">
        <v>7711303</v>
      </c>
      <c r="KK9" s="283">
        <v>5205782</v>
      </c>
      <c r="KL9" s="287">
        <v>41303381</v>
      </c>
      <c r="KM9" s="292">
        <v>43610215</v>
      </c>
      <c r="KN9" s="280">
        <v>0</v>
      </c>
      <c r="KO9" s="281">
        <v>0</v>
      </c>
      <c r="KP9" s="282">
        <v>0</v>
      </c>
      <c r="KQ9" s="405">
        <v>0</v>
      </c>
      <c r="KR9" s="283">
        <v>14605425</v>
      </c>
      <c r="KS9" s="283">
        <v>21984788</v>
      </c>
      <c r="KT9" s="283">
        <v>29405413</v>
      </c>
      <c r="KU9" s="283">
        <v>20956955</v>
      </c>
      <c r="KV9" s="283">
        <v>17313759</v>
      </c>
      <c r="KW9" s="287">
        <v>104266340</v>
      </c>
      <c r="KX9" s="285">
        <v>104266340</v>
      </c>
      <c r="KY9" s="286">
        <v>0</v>
      </c>
      <c r="KZ9" s="283">
        <v>0</v>
      </c>
      <c r="LA9" s="287">
        <v>0</v>
      </c>
      <c r="LB9" s="405">
        <v>0</v>
      </c>
      <c r="LC9" s="283">
        <v>139192</v>
      </c>
      <c r="LD9" s="283">
        <v>652536</v>
      </c>
      <c r="LE9" s="283">
        <v>1045990</v>
      </c>
      <c r="LF9" s="283">
        <v>778502</v>
      </c>
      <c r="LG9" s="283">
        <v>1119323</v>
      </c>
      <c r="LH9" s="287">
        <v>3735543</v>
      </c>
      <c r="LI9" s="288">
        <v>3735543</v>
      </c>
      <c r="LJ9" s="286">
        <v>0</v>
      </c>
      <c r="LK9" s="283">
        <v>0</v>
      </c>
      <c r="LL9" s="287">
        <v>0</v>
      </c>
      <c r="LM9" s="405">
        <v>0</v>
      </c>
      <c r="LN9" s="283">
        <v>0</v>
      </c>
      <c r="LO9" s="283">
        <v>269970</v>
      </c>
      <c r="LP9" s="283">
        <v>1389353</v>
      </c>
      <c r="LQ9" s="283">
        <v>5182277</v>
      </c>
      <c r="LR9" s="283">
        <v>1888721</v>
      </c>
      <c r="LS9" s="287">
        <v>8730321</v>
      </c>
      <c r="LT9" s="285">
        <v>8730321</v>
      </c>
      <c r="LU9" s="286">
        <v>0</v>
      </c>
      <c r="LV9" s="283">
        <v>0</v>
      </c>
      <c r="LW9" s="287">
        <v>0</v>
      </c>
      <c r="LX9" s="405">
        <v>0</v>
      </c>
      <c r="LY9" s="283">
        <v>611239</v>
      </c>
      <c r="LZ9" s="283">
        <v>2657584</v>
      </c>
      <c r="MA9" s="283">
        <v>3240256</v>
      </c>
      <c r="MB9" s="283">
        <v>5080998</v>
      </c>
      <c r="MC9" s="283">
        <v>9622487</v>
      </c>
      <c r="MD9" s="287">
        <v>21212564</v>
      </c>
      <c r="ME9" s="288">
        <v>21212564</v>
      </c>
      <c r="MF9" s="286">
        <v>0</v>
      </c>
      <c r="MG9" s="283">
        <v>0</v>
      </c>
      <c r="MH9" s="287">
        <v>0</v>
      </c>
      <c r="MI9" s="405">
        <v>0</v>
      </c>
      <c r="MJ9" s="283">
        <v>14875472</v>
      </c>
      <c r="MK9" s="283">
        <v>38327802</v>
      </c>
      <c r="ML9" s="283">
        <v>115346279</v>
      </c>
      <c r="MM9" s="283">
        <v>162312675</v>
      </c>
      <c r="MN9" s="283">
        <v>107165443</v>
      </c>
      <c r="MO9" s="287">
        <v>438027671</v>
      </c>
      <c r="MP9" s="292">
        <v>438027671</v>
      </c>
      <c r="MQ9" s="286">
        <v>0</v>
      </c>
      <c r="MR9" s="283">
        <v>0</v>
      </c>
      <c r="MS9" s="287">
        <v>0</v>
      </c>
      <c r="MT9" s="405">
        <v>0</v>
      </c>
      <c r="MU9" s="283">
        <v>2046885</v>
      </c>
      <c r="MV9" s="283">
        <v>8904205</v>
      </c>
      <c r="MW9" s="283">
        <v>63082837</v>
      </c>
      <c r="MX9" s="283">
        <v>91833111</v>
      </c>
      <c r="MY9" s="283">
        <v>68520861</v>
      </c>
      <c r="MZ9" s="287">
        <v>234387899</v>
      </c>
      <c r="NA9" s="292">
        <v>234387899</v>
      </c>
      <c r="NB9" s="286">
        <v>0</v>
      </c>
      <c r="NC9" s="283">
        <v>0</v>
      </c>
      <c r="ND9" s="287">
        <v>0</v>
      </c>
      <c r="NE9" s="405">
        <v>0</v>
      </c>
      <c r="NF9" s="283">
        <v>12803711</v>
      </c>
      <c r="NG9" s="283">
        <v>29022945</v>
      </c>
      <c r="NH9" s="283">
        <v>51323902</v>
      </c>
      <c r="NI9" s="283">
        <v>67458947</v>
      </c>
      <c r="NJ9" s="283">
        <v>31200215</v>
      </c>
      <c r="NK9" s="287">
        <v>191809720</v>
      </c>
      <c r="NL9" s="285">
        <v>191809720</v>
      </c>
      <c r="NM9" s="286">
        <v>0</v>
      </c>
      <c r="NN9" s="283">
        <v>0</v>
      </c>
      <c r="NO9" s="287">
        <v>0</v>
      </c>
      <c r="NP9" s="405">
        <v>0</v>
      </c>
      <c r="NQ9" s="283">
        <v>0</v>
      </c>
      <c r="NR9" s="283">
        <v>0</v>
      </c>
      <c r="NS9" s="283">
        <v>92984</v>
      </c>
      <c r="NT9" s="283">
        <v>873362</v>
      </c>
      <c r="NU9" s="283">
        <v>620307</v>
      </c>
      <c r="NV9" s="287">
        <v>1586653</v>
      </c>
      <c r="NW9" s="288">
        <v>1586653</v>
      </c>
      <c r="NX9" s="286">
        <v>0</v>
      </c>
      <c r="NY9" s="283">
        <v>0</v>
      </c>
      <c r="NZ9" s="287">
        <v>0</v>
      </c>
      <c r="OA9" s="405">
        <v>0</v>
      </c>
      <c r="OB9" s="283">
        <v>24876</v>
      </c>
      <c r="OC9" s="283">
        <v>400652</v>
      </c>
      <c r="OD9" s="283">
        <v>846556</v>
      </c>
      <c r="OE9" s="283">
        <v>2147255</v>
      </c>
      <c r="OF9" s="283">
        <v>6824060</v>
      </c>
      <c r="OG9" s="287">
        <v>10243399</v>
      </c>
      <c r="OH9" s="288">
        <v>10243399</v>
      </c>
      <c r="OI9" s="286">
        <v>26571276</v>
      </c>
      <c r="OJ9" s="283">
        <v>51671316</v>
      </c>
      <c r="OK9" s="284">
        <v>78242592</v>
      </c>
      <c r="OL9" s="289">
        <v>0</v>
      </c>
      <c r="OM9" s="283">
        <v>334959396</v>
      </c>
      <c r="ON9" s="283">
        <v>475517113</v>
      </c>
      <c r="OO9" s="283">
        <v>499630559</v>
      </c>
      <c r="OP9" s="283">
        <v>534705845</v>
      </c>
      <c r="OQ9" s="283">
        <v>388828908</v>
      </c>
      <c r="OR9" s="287">
        <v>2233641821</v>
      </c>
      <c r="OS9" s="292">
        <v>2311884413</v>
      </c>
    </row>
    <row r="10" spans="2:409" s="406" customFormat="1" ht="21" customHeight="1" x14ac:dyDescent="0.2">
      <c r="B10" s="408" t="s">
        <v>5</v>
      </c>
      <c r="C10" s="294">
        <v>12361890</v>
      </c>
      <c r="D10" s="295">
        <v>25804192</v>
      </c>
      <c r="E10" s="296">
        <v>38166082</v>
      </c>
      <c r="F10" s="297">
        <v>0</v>
      </c>
      <c r="G10" s="295">
        <v>101316385</v>
      </c>
      <c r="H10" s="295">
        <v>179014733</v>
      </c>
      <c r="I10" s="295">
        <v>135476277</v>
      </c>
      <c r="J10" s="295">
        <v>141171172</v>
      </c>
      <c r="K10" s="295">
        <v>103042715</v>
      </c>
      <c r="L10" s="297">
        <v>660021282</v>
      </c>
      <c r="M10" s="298">
        <v>698187364</v>
      </c>
      <c r="N10" s="294">
        <v>3467005</v>
      </c>
      <c r="O10" s="295">
        <v>9444192</v>
      </c>
      <c r="P10" s="296">
        <v>12911197</v>
      </c>
      <c r="Q10" s="294">
        <v>0</v>
      </c>
      <c r="R10" s="295">
        <v>32015129</v>
      </c>
      <c r="S10" s="295">
        <v>64618434</v>
      </c>
      <c r="T10" s="295">
        <v>45192939</v>
      </c>
      <c r="U10" s="295">
        <v>48740337</v>
      </c>
      <c r="V10" s="295">
        <v>49542836</v>
      </c>
      <c r="W10" s="296">
        <v>240109675</v>
      </c>
      <c r="X10" s="298">
        <v>253020872</v>
      </c>
      <c r="Y10" s="294">
        <v>0</v>
      </c>
      <c r="Z10" s="295">
        <v>0</v>
      </c>
      <c r="AA10" s="296">
        <v>0</v>
      </c>
      <c r="AB10" s="294">
        <v>0</v>
      </c>
      <c r="AC10" s="295">
        <v>13526363</v>
      </c>
      <c r="AD10" s="295">
        <v>24173534</v>
      </c>
      <c r="AE10" s="295">
        <v>19247353</v>
      </c>
      <c r="AF10" s="295">
        <v>24042226</v>
      </c>
      <c r="AG10" s="295">
        <v>26223599</v>
      </c>
      <c r="AH10" s="296">
        <v>107213075</v>
      </c>
      <c r="AI10" s="298">
        <v>107213075</v>
      </c>
      <c r="AJ10" s="294">
        <v>0</v>
      </c>
      <c r="AK10" s="295">
        <v>64699</v>
      </c>
      <c r="AL10" s="296">
        <v>64699</v>
      </c>
      <c r="AM10" s="294">
        <v>0</v>
      </c>
      <c r="AN10" s="295">
        <v>119108</v>
      </c>
      <c r="AO10" s="295">
        <v>364762</v>
      </c>
      <c r="AP10" s="295">
        <v>1276932</v>
      </c>
      <c r="AQ10" s="295">
        <v>2283075</v>
      </c>
      <c r="AR10" s="295">
        <v>6567268</v>
      </c>
      <c r="AS10" s="296">
        <v>10611145</v>
      </c>
      <c r="AT10" s="298">
        <v>10675844</v>
      </c>
      <c r="AU10" s="294">
        <v>1819179</v>
      </c>
      <c r="AV10" s="295">
        <v>6495170</v>
      </c>
      <c r="AW10" s="296">
        <v>8314349</v>
      </c>
      <c r="AX10" s="294">
        <v>0</v>
      </c>
      <c r="AY10" s="295">
        <v>11177569</v>
      </c>
      <c r="AZ10" s="295">
        <v>28176138</v>
      </c>
      <c r="BA10" s="295">
        <v>16273842</v>
      </c>
      <c r="BB10" s="295">
        <v>12984230</v>
      </c>
      <c r="BC10" s="295">
        <v>10401971</v>
      </c>
      <c r="BD10" s="296">
        <v>79013750</v>
      </c>
      <c r="BE10" s="298">
        <v>87328099</v>
      </c>
      <c r="BF10" s="294">
        <v>167928</v>
      </c>
      <c r="BG10" s="295">
        <v>953632</v>
      </c>
      <c r="BH10" s="299">
        <v>1121560</v>
      </c>
      <c r="BI10" s="300">
        <v>0</v>
      </c>
      <c r="BJ10" s="295">
        <v>852155</v>
      </c>
      <c r="BK10" s="295">
        <v>2814046</v>
      </c>
      <c r="BL10" s="295">
        <v>1134582</v>
      </c>
      <c r="BM10" s="295">
        <v>1176812</v>
      </c>
      <c r="BN10" s="295">
        <v>525053</v>
      </c>
      <c r="BO10" s="296">
        <v>6502648</v>
      </c>
      <c r="BP10" s="298">
        <v>7624208</v>
      </c>
      <c r="BQ10" s="294">
        <v>1479898</v>
      </c>
      <c r="BR10" s="295">
        <v>1930691</v>
      </c>
      <c r="BS10" s="296">
        <v>3410589</v>
      </c>
      <c r="BT10" s="294">
        <v>0</v>
      </c>
      <c r="BU10" s="295">
        <v>6339934</v>
      </c>
      <c r="BV10" s="295">
        <v>9089954</v>
      </c>
      <c r="BW10" s="295">
        <v>7260230</v>
      </c>
      <c r="BX10" s="295">
        <v>8253994</v>
      </c>
      <c r="BY10" s="295">
        <v>5824945</v>
      </c>
      <c r="BZ10" s="296">
        <v>36769057</v>
      </c>
      <c r="CA10" s="298">
        <v>40179646</v>
      </c>
      <c r="CB10" s="294">
        <v>1207431</v>
      </c>
      <c r="CC10" s="295">
        <v>3290075</v>
      </c>
      <c r="CD10" s="296">
        <v>4497506</v>
      </c>
      <c r="CE10" s="294">
        <v>0</v>
      </c>
      <c r="CF10" s="295">
        <v>22309023</v>
      </c>
      <c r="CG10" s="295">
        <v>38533921</v>
      </c>
      <c r="CH10" s="295">
        <v>23610999</v>
      </c>
      <c r="CI10" s="295">
        <v>15236791</v>
      </c>
      <c r="CJ10" s="295">
        <v>7001428</v>
      </c>
      <c r="CK10" s="296">
        <v>106692162</v>
      </c>
      <c r="CL10" s="298">
        <v>111189668</v>
      </c>
      <c r="CM10" s="294">
        <v>0</v>
      </c>
      <c r="CN10" s="295">
        <v>0</v>
      </c>
      <c r="CO10" s="296">
        <v>0</v>
      </c>
      <c r="CP10" s="300">
        <v>0</v>
      </c>
      <c r="CQ10" s="295">
        <v>18386859</v>
      </c>
      <c r="CR10" s="295">
        <v>26843090</v>
      </c>
      <c r="CS10" s="295">
        <v>15136122</v>
      </c>
      <c r="CT10" s="295">
        <v>10436569</v>
      </c>
      <c r="CU10" s="295">
        <v>4296823</v>
      </c>
      <c r="CV10" s="296">
        <v>75099463</v>
      </c>
      <c r="CW10" s="298">
        <v>75099463</v>
      </c>
      <c r="CX10" s="294">
        <v>1207431</v>
      </c>
      <c r="CY10" s="295">
        <v>3290075</v>
      </c>
      <c r="CZ10" s="296">
        <v>4497506</v>
      </c>
      <c r="DA10" s="294">
        <v>0</v>
      </c>
      <c r="DB10" s="295">
        <v>3922164</v>
      </c>
      <c r="DC10" s="295">
        <v>11690831</v>
      </c>
      <c r="DD10" s="295">
        <v>8474877</v>
      </c>
      <c r="DE10" s="295">
        <v>4800222</v>
      </c>
      <c r="DF10" s="295">
        <v>2704605</v>
      </c>
      <c r="DG10" s="296">
        <v>31592699</v>
      </c>
      <c r="DH10" s="298">
        <v>36090205</v>
      </c>
      <c r="DI10" s="294">
        <v>42729</v>
      </c>
      <c r="DJ10" s="295">
        <v>182450</v>
      </c>
      <c r="DK10" s="299">
        <v>225179</v>
      </c>
      <c r="DL10" s="300">
        <v>0</v>
      </c>
      <c r="DM10" s="295">
        <v>3317070</v>
      </c>
      <c r="DN10" s="295">
        <v>7814048</v>
      </c>
      <c r="DO10" s="295">
        <v>9792678</v>
      </c>
      <c r="DP10" s="295">
        <v>10158663</v>
      </c>
      <c r="DQ10" s="295">
        <v>4623033</v>
      </c>
      <c r="DR10" s="296">
        <v>35705492</v>
      </c>
      <c r="DS10" s="298">
        <v>35930671</v>
      </c>
      <c r="DT10" s="294">
        <v>21118</v>
      </c>
      <c r="DU10" s="295">
        <v>130396</v>
      </c>
      <c r="DV10" s="296">
        <v>151514</v>
      </c>
      <c r="DW10" s="294">
        <v>0</v>
      </c>
      <c r="DX10" s="295">
        <v>2770869</v>
      </c>
      <c r="DY10" s="295">
        <v>5927514</v>
      </c>
      <c r="DZ10" s="295">
        <v>8393502</v>
      </c>
      <c r="EA10" s="295">
        <v>7263806</v>
      </c>
      <c r="EB10" s="295">
        <v>3920802</v>
      </c>
      <c r="EC10" s="296">
        <v>28276493</v>
      </c>
      <c r="ED10" s="298">
        <v>28428007</v>
      </c>
      <c r="EE10" s="294">
        <v>21611</v>
      </c>
      <c r="EF10" s="299">
        <v>52054</v>
      </c>
      <c r="EG10" s="296">
        <v>73665</v>
      </c>
      <c r="EH10" s="294">
        <v>0</v>
      </c>
      <c r="EI10" s="295">
        <v>546201</v>
      </c>
      <c r="EJ10" s="295">
        <v>1886534</v>
      </c>
      <c r="EK10" s="295">
        <v>1399176</v>
      </c>
      <c r="EL10" s="295">
        <v>2894857</v>
      </c>
      <c r="EM10" s="295">
        <v>702231</v>
      </c>
      <c r="EN10" s="299">
        <v>7428999</v>
      </c>
      <c r="EO10" s="298">
        <v>7502664</v>
      </c>
      <c r="EP10" s="294">
        <v>0</v>
      </c>
      <c r="EQ10" s="295">
        <v>0</v>
      </c>
      <c r="ER10" s="299">
        <v>0</v>
      </c>
      <c r="ES10" s="300">
        <v>0</v>
      </c>
      <c r="ET10" s="295">
        <v>0</v>
      </c>
      <c r="EU10" s="295">
        <v>0</v>
      </c>
      <c r="EV10" s="295">
        <v>0</v>
      </c>
      <c r="EW10" s="295">
        <v>0</v>
      </c>
      <c r="EX10" s="295">
        <v>0</v>
      </c>
      <c r="EY10" s="296">
        <v>0</v>
      </c>
      <c r="EZ10" s="298">
        <v>0</v>
      </c>
      <c r="FA10" s="294">
        <v>0</v>
      </c>
      <c r="FB10" s="295">
        <v>0</v>
      </c>
      <c r="FC10" s="299">
        <v>0</v>
      </c>
      <c r="FD10" s="402">
        <v>0</v>
      </c>
      <c r="FE10" s="295">
        <v>0</v>
      </c>
      <c r="FF10" s="295">
        <v>0</v>
      </c>
      <c r="FG10" s="295">
        <v>0</v>
      </c>
      <c r="FH10" s="295">
        <v>0</v>
      </c>
      <c r="FI10" s="295">
        <v>0</v>
      </c>
      <c r="FJ10" s="296">
        <v>0</v>
      </c>
      <c r="FK10" s="298">
        <v>0</v>
      </c>
      <c r="FL10" s="294">
        <v>2914769</v>
      </c>
      <c r="FM10" s="295">
        <v>5622687</v>
      </c>
      <c r="FN10" s="296">
        <v>8537456</v>
      </c>
      <c r="FO10" s="294">
        <v>0</v>
      </c>
      <c r="FP10" s="295">
        <v>4222325</v>
      </c>
      <c r="FQ10" s="295">
        <v>16805651</v>
      </c>
      <c r="FR10" s="295">
        <v>11149301</v>
      </c>
      <c r="FS10" s="295">
        <v>10710575</v>
      </c>
      <c r="FT10" s="295">
        <v>6321126</v>
      </c>
      <c r="FU10" s="296">
        <v>49208978</v>
      </c>
      <c r="FV10" s="298">
        <v>57746434</v>
      </c>
      <c r="FW10" s="301">
        <v>956942</v>
      </c>
      <c r="FX10" s="295">
        <v>2996525</v>
      </c>
      <c r="FY10" s="299">
        <v>3953467</v>
      </c>
      <c r="FZ10" s="300">
        <v>0</v>
      </c>
      <c r="GA10" s="295">
        <v>2611616</v>
      </c>
      <c r="GB10" s="295">
        <v>13458950</v>
      </c>
      <c r="GC10" s="295">
        <v>8904242</v>
      </c>
      <c r="GD10" s="295">
        <v>7958653</v>
      </c>
      <c r="GE10" s="295">
        <v>5672163</v>
      </c>
      <c r="GF10" s="296">
        <v>38605624</v>
      </c>
      <c r="GG10" s="302">
        <v>42559091</v>
      </c>
      <c r="GH10" s="301">
        <v>291267</v>
      </c>
      <c r="GI10" s="295">
        <v>495040</v>
      </c>
      <c r="GJ10" s="299">
        <v>786307</v>
      </c>
      <c r="GK10" s="300">
        <v>0</v>
      </c>
      <c r="GL10" s="295">
        <v>271367</v>
      </c>
      <c r="GM10" s="295">
        <v>876777</v>
      </c>
      <c r="GN10" s="295">
        <v>643336</v>
      </c>
      <c r="GO10" s="295">
        <v>1060722</v>
      </c>
      <c r="GP10" s="295">
        <v>353913</v>
      </c>
      <c r="GQ10" s="296">
        <v>3206115</v>
      </c>
      <c r="GR10" s="298">
        <v>3992422</v>
      </c>
      <c r="GS10" s="294">
        <v>1666560</v>
      </c>
      <c r="GT10" s="295">
        <v>2131122</v>
      </c>
      <c r="GU10" s="296">
        <v>3797682</v>
      </c>
      <c r="GV10" s="294">
        <v>0</v>
      </c>
      <c r="GW10" s="295">
        <v>1339342</v>
      </c>
      <c r="GX10" s="295">
        <v>2469924</v>
      </c>
      <c r="GY10" s="295">
        <v>1601723</v>
      </c>
      <c r="GZ10" s="295">
        <v>1691200</v>
      </c>
      <c r="HA10" s="295">
        <v>295050</v>
      </c>
      <c r="HB10" s="299">
        <v>7397239</v>
      </c>
      <c r="HC10" s="298">
        <v>11194921</v>
      </c>
      <c r="HD10" s="294">
        <v>4729956</v>
      </c>
      <c r="HE10" s="295">
        <v>7264788</v>
      </c>
      <c r="HF10" s="299">
        <v>11994744</v>
      </c>
      <c r="HG10" s="300">
        <v>0</v>
      </c>
      <c r="HH10" s="295">
        <v>39452838</v>
      </c>
      <c r="HI10" s="295">
        <v>51242679</v>
      </c>
      <c r="HJ10" s="295">
        <v>45730360</v>
      </c>
      <c r="HK10" s="295">
        <v>56324806</v>
      </c>
      <c r="HL10" s="295">
        <v>35554292</v>
      </c>
      <c r="HM10" s="296">
        <v>228304975</v>
      </c>
      <c r="HN10" s="297">
        <v>240299719</v>
      </c>
      <c r="HO10" s="301">
        <v>0</v>
      </c>
      <c r="HP10" s="295">
        <v>0</v>
      </c>
      <c r="HQ10" s="296">
        <v>0</v>
      </c>
      <c r="HR10" s="294">
        <v>0</v>
      </c>
      <c r="HS10" s="295">
        <v>0</v>
      </c>
      <c r="HT10" s="295">
        <v>0</v>
      </c>
      <c r="HU10" s="295">
        <v>0</v>
      </c>
      <c r="HV10" s="295">
        <v>0</v>
      </c>
      <c r="HW10" s="295">
        <v>0</v>
      </c>
      <c r="HX10" s="299">
        <v>0</v>
      </c>
      <c r="HY10" s="298">
        <v>0</v>
      </c>
      <c r="HZ10" s="303">
        <v>482281</v>
      </c>
      <c r="IA10" s="304">
        <v>887650</v>
      </c>
      <c r="IB10" s="305">
        <v>1369931</v>
      </c>
      <c r="IC10" s="306">
        <v>0</v>
      </c>
      <c r="ID10" s="307">
        <v>21333738</v>
      </c>
      <c r="IE10" s="308">
        <v>30731756</v>
      </c>
      <c r="IF10" s="309">
        <v>34356081</v>
      </c>
      <c r="IG10" s="307">
        <v>27528239</v>
      </c>
      <c r="IH10" s="309">
        <v>19921989</v>
      </c>
      <c r="II10" s="310">
        <v>133871803</v>
      </c>
      <c r="IJ10" s="311">
        <v>135241734</v>
      </c>
      <c r="IK10" s="312">
        <v>0</v>
      </c>
      <c r="IL10" s="313">
        <v>0</v>
      </c>
      <c r="IM10" s="314">
        <v>0</v>
      </c>
      <c r="IN10" s="402">
        <v>0</v>
      </c>
      <c r="IO10" s="315">
        <v>413304</v>
      </c>
      <c r="IP10" s="315">
        <v>1312665</v>
      </c>
      <c r="IQ10" s="315">
        <v>2493723</v>
      </c>
      <c r="IR10" s="315">
        <v>2266598</v>
      </c>
      <c r="IS10" s="315">
        <v>1936699</v>
      </c>
      <c r="IT10" s="316">
        <v>8422989</v>
      </c>
      <c r="IU10" s="317">
        <v>8422989</v>
      </c>
      <c r="IV10" s="318">
        <v>0</v>
      </c>
      <c r="IW10" s="315">
        <v>0</v>
      </c>
      <c r="IX10" s="319">
        <v>0</v>
      </c>
      <c r="IY10" s="402">
        <v>0</v>
      </c>
      <c r="IZ10" s="315">
        <v>68200</v>
      </c>
      <c r="JA10" s="315">
        <v>318516</v>
      </c>
      <c r="JB10" s="315">
        <v>322824</v>
      </c>
      <c r="JC10" s="315">
        <v>693680</v>
      </c>
      <c r="JD10" s="315">
        <v>742809</v>
      </c>
      <c r="JE10" s="319">
        <v>2146029</v>
      </c>
      <c r="JF10" s="320">
        <v>2146029</v>
      </c>
      <c r="JG10" s="318">
        <v>0</v>
      </c>
      <c r="JH10" s="315">
        <v>0</v>
      </c>
      <c r="JI10" s="316">
        <v>0</v>
      </c>
      <c r="JJ10" s="321">
        <v>0</v>
      </c>
      <c r="JK10" s="315">
        <v>9522886</v>
      </c>
      <c r="JL10" s="315">
        <v>15151783</v>
      </c>
      <c r="JM10" s="315">
        <v>9888426</v>
      </c>
      <c r="JN10" s="315">
        <v>5048875</v>
      </c>
      <c r="JO10" s="315">
        <v>1704637</v>
      </c>
      <c r="JP10" s="319">
        <v>41316607</v>
      </c>
      <c r="JQ10" s="317">
        <v>41316607</v>
      </c>
      <c r="JR10" s="318">
        <v>31416</v>
      </c>
      <c r="JS10" s="315">
        <v>0</v>
      </c>
      <c r="JT10" s="316">
        <v>31416</v>
      </c>
      <c r="JU10" s="321">
        <v>0</v>
      </c>
      <c r="JV10" s="315">
        <v>1378068</v>
      </c>
      <c r="JW10" s="315">
        <v>2324737</v>
      </c>
      <c r="JX10" s="315">
        <v>3735415</v>
      </c>
      <c r="JY10" s="315">
        <v>1193672</v>
      </c>
      <c r="JZ10" s="315">
        <v>2025768</v>
      </c>
      <c r="KA10" s="319">
        <v>10657660</v>
      </c>
      <c r="KB10" s="317">
        <v>10689076</v>
      </c>
      <c r="KC10" s="322">
        <v>450865</v>
      </c>
      <c r="KD10" s="323">
        <v>887650</v>
      </c>
      <c r="KE10" s="319">
        <v>1338515</v>
      </c>
      <c r="KF10" s="321">
        <v>0</v>
      </c>
      <c r="KG10" s="315">
        <v>2970408</v>
      </c>
      <c r="KH10" s="315">
        <v>2932549</v>
      </c>
      <c r="KI10" s="315">
        <v>6954782</v>
      </c>
      <c r="KJ10" s="315">
        <v>5067586</v>
      </c>
      <c r="KK10" s="315">
        <v>2349857</v>
      </c>
      <c r="KL10" s="319">
        <v>20275182</v>
      </c>
      <c r="KM10" s="324">
        <v>21613697</v>
      </c>
      <c r="KN10" s="312">
        <v>0</v>
      </c>
      <c r="KO10" s="313">
        <v>0</v>
      </c>
      <c r="KP10" s="314">
        <v>0</v>
      </c>
      <c r="KQ10" s="402">
        <v>0</v>
      </c>
      <c r="KR10" s="315">
        <v>6795286</v>
      </c>
      <c r="KS10" s="315">
        <v>7644063</v>
      </c>
      <c r="KT10" s="315">
        <v>10431929</v>
      </c>
      <c r="KU10" s="315">
        <v>10596852</v>
      </c>
      <c r="KV10" s="315">
        <v>7366831</v>
      </c>
      <c r="KW10" s="319">
        <v>42834961</v>
      </c>
      <c r="KX10" s="317">
        <v>42834961</v>
      </c>
      <c r="KY10" s="318">
        <v>0</v>
      </c>
      <c r="KZ10" s="315">
        <v>0</v>
      </c>
      <c r="LA10" s="319">
        <v>0</v>
      </c>
      <c r="LB10" s="402">
        <v>0</v>
      </c>
      <c r="LC10" s="315">
        <v>0</v>
      </c>
      <c r="LD10" s="315">
        <v>0</v>
      </c>
      <c r="LE10" s="315">
        <v>0</v>
      </c>
      <c r="LF10" s="315">
        <v>0</v>
      </c>
      <c r="LG10" s="315">
        <v>0</v>
      </c>
      <c r="LH10" s="319">
        <v>0</v>
      </c>
      <c r="LI10" s="320">
        <v>0</v>
      </c>
      <c r="LJ10" s="318">
        <v>0</v>
      </c>
      <c r="LK10" s="315">
        <v>0</v>
      </c>
      <c r="LL10" s="319">
        <v>0</v>
      </c>
      <c r="LM10" s="402">
        <v>0</v>
      </c>
      <c r="LN10" s="315">
        <v>0</v>
      </c>
      <c r="LO10" s="315">
        <v>62493</v>
      </c>
      <c r="LP10" s="315">
        <v>0</v>
      </c>
      <c r="LQ10" s="315">
        <v>268349</v>
      </c>
      <c r="LR10" s="315">
        <v>286104</v>
      </c>
      <c r="LS10" s="319">
        <v>616946</v>
      </c>
      <c r="LT10" s="317">
        <v>616946</v>
      </c>
      <c r="LU10" s="318">
        <v>0</v>
      </c>
      <c r="LV10" s="315">
        <v>0</v>
      </c>
      <c r="LW10" s="319">
        <v>0</v>
      </c>
      <c r="LX10" s="402">
        <v>0</v>
      </c>
      <c r="LY10" s="315">
        <v>185586</v>
      </c>
      <c r="LZ10" s="315">
        <v>984950</v>
      </c>
      <c r="MA10" s="315">
        <v>528982</v>
      </c>
      <c r="MB10" s="315">
        <v>2392627</v>
      </c>
      <c r="MC10" s="315">
        <v>3509284</v>
      </c>
      <c r="MD10" s="319">
        <v>7601429</v>
      </c>
      <c r="ME10" s="320">
        <v>7601429</v>
      </c>
      <c r="MF10" s="318">
        <v>0</v>
      </c>
      <c r="MG10" s="315">
        <v>0</v>
      </c>
      <c r="MH10" s="319">
        <v>0</v>
      </c>
      <c r="MI10" s="402">
        <v>0</v>
      </c>
      <c r="MJ10" s="315">
        <v>7677814</v>
      </c>
      <c r="MK10" s="315">
        <v>21235920</v>
      </c>
      <c r="ML10" s="315">
        <v>60597366</v>
      </c>
      <c r="MM10" s="315">
        <v>77754733</v>
      </c>
      <c r="MN10" s="315">
        <v>48709878</v>
      </c>
      <c r="MO10" s="319">
        <v>215975711</v>
      </c>
      <c r="MP10" s="324">
        <v>215975711</v>
      </c>
      <c r="MQ10" s="318">
        <v>0</v>
      </c>
      <c r="MR10" s="315">
        <v>0</v>
      </c>
      <c r="MS10" s="319">
        <v>0</v>
      </c>
      <c r="MT10" s="402">
        <v>0</v>
      </c>
      <c r="MU10" s="315">
        <v>1510790</v>
      </c>
      <c r="MV10" s="315">
        <v>6546753</v>
      </c>
      <c r="MW10" s="315">
        <v>33778786</v>
      </c>
      <c r="MX10" s="315">
        <v>41969692</v>
      </c>
      <c r="MY10" s="315">
        <v>27749432</v>
      </c>
      <c r="MZ10" s="319">
        <v>111555453</v>
      </c>
      <c r="NA10" s="324">
        <v>111555453</v>
      </c>
      <c r="NB10" s="318">
        <v>0</v>
      </c>
      <c r="NC10" s="315">
        <v>0</v>
      </c>
      <c r="ND10" s="319">
        <v>0</v>
      </c>
      <c r="NE10" s="402">
        <v>0</v>
      </c>
      <c r="NF10" s="315">
        <v>6142148</v>
      </c>
      <c r="NG10" s="315">
        <v>14525238</v>
      </c>
      <c r="NH10" s="315">
        <v>26818580</v>
      </c>
      <c r="NI10" s="315">
        <v>33857734</v>
      </c>
      <c r="NJ10" s="315">
        <v>17992488</v>
      </c>
      <c r="NK10" s="319">
        <v>99336188</v>
      </c>
      <c r="NL10" s="317">
        <v>99336188</v>
      </c>
      <c r="NM10" s="318">
        <v>0</v>
      </c>
      <c r="NN10" s="315">
        <v>0</v>
      </c>
      <c r="NO10" s="319">
        <v>0</v>
      </c>
      <c r="NP10" s="402">
        <v>0</v>
      </c>
      <c r="NQ10" s="315">
        <v>0</v>
      </c>
      <c r="NR10" s="315">
        <v>0</v>
      </c>
      <c r="NS10" s="315">
        <v>0</v>
      </c>
      <c r="NT10" s="315">
        <v>348796</v>
      </c>
      <c r="NU10" s="315">
        <v>51763</v>
      </c>
      <c r="NV10" s="319">
        <v>400559</v>
      </c>
      <c r="NW10" s="320">
        <v>400559</v>
      </c>
      <c r="NX10" s="318">
        <v>0</v>
      </c>
      <c r="NY10" s="315">
        <v>0</v>
      </c>
      <c r="NZ10" s="319">
        <v>0</v>
      </c>
      <c r="OA10" s="402">
        <v>0</v>
      </c>
      <c r="OB10" s="315">
        <v>24876</v>
      </c>
      <c r="OC10" s="315">
        <v>163929</v>
      </c>
      <c r="OD10" s="315">
        <v>0</v>
      </c>
      <c r="OE10" s="315">
        <v>1578511</v>
      </c>
      <c r="OF10" s="315">
        <v>2916195</v>
      </c>
      <c r="OG10" s="319">
        <v>4683511</v>
      </c>
      <c r="OH10" s="320">
        <v>4683511</v>
      </c>
      <c r="OI10" s="318">
        <v>12844171</v>
      </c>
      <c r="OJ10" s="315">
        <v>26691842</v>
      </c>
      <c r="OK10" s="316">
        <v>39536013</v>
      </c>
      <c r="OL10" s="321">
        <v>0</v>
      </c>
      <c r="OM10" s="315">
        <v>130327937</v>
      </c>
      <c r="ON10" s="315">
        <v>230982409</v>
      </c>
      <c r="OO10" s="315">
        <v>230429724</v>
      </c>
      <c r="OP10" s="315">
        <v>246454144</v>
      </c>
      <c r="OQ10" s="315">
        <v>171674582</v>
      </c>
      <c r="OR10" s="319">
        <v>1009868796</v>
      </c>
      <c r="OS10" s="324">
        <v>1049404809</v>
      </c>
    </row>
    <row r="11" spans="2:409" s="70" customFormat="1" ht="21" customHeight="1" x14ac:dyDescent="0.2">
      <c r="B11" s="409" t="s">
        <v>6</v>
      </c>
      <c r="C11" s="325">
        <v>3802230</v>
      </c>
      <c r="D11" s="326">
        <v>6204880</v>
      </c>
      <c r="E11" s="327">
        <v>10007110</v>
      </c>
      <c r="F11" s="328">
        <v>0</v>
      </c>
      <c r="G11" s="326">
        <v>55184631</v>
      </c>
      <c r="H11" s="326">
        <v>55934177</v>
      </c>
      <c r="I11" s="326">
        <v>49224890</v>
      </c>
      <c r="J11" s="326">
        <v>51410619</v>
      </c>
      <c r="K11" s="326">
        <v>40015062</v>
      </c>
      <c r="L11" s="328">
        <v>251769379</v>
      </c>
      <c r="M11" s="329">
        <v>261776489</v>
      </c>
      <c r="N11" s="325">
        <v>1208839</v>
      </c>
      <c r="O11" s="326">
        <v>2664339</v>
      </c>
      <c r="P11" s="327">
        <v>3873178</v>
      </c>
      <c r="Q11" s="325">
        <v>0</v>
      </c>
      <c r="R11" s="326">
        <v>19071901</v>
      </c>
      <c r="S11" s="326">
        <v>19381304</v>
      </c>
      <c r="T11" s="326">
        <v>16562814</v>
      </c>
      <c r="U11" s="326">
        <v>21235495</v>
      </c>
      <c r="V11" s="326">
        <v>18867636</v>
      </c>
      <c r="W11" s="327">
        <v>95119150</v>
      </c>
      <c r="X11" s="329">
        <v>98992328</v>
      </c>
      <c r="Y11" s="325">
        <v>0</v>
      </c>
      <c r="Z11" s="326">
        <v>0</v>
      </c>
      <c r="AA11" s="327">
        <v>0</v>
      </c>
      <c r="AB11" s="325">
        <v>0</v>
      </c>
      <c r="AC11" s="326">
        <v>7175357</v>
      </c>
      <c r="AD11" s="326">
        <v>8018474</v>
      </c>
      <c r="AE11" s="326">
        <v>6758713</v>
      </c>
      <c r="AF11" s="326">
        <v>12075585</v>
      </c>
      <c r="AG11" s="326">
        <v>10624829</v>
      </c>
      <c r="AH11" s="327">
        <v>44652958</v>
      </c>
      <c r="AI11" s="329">
        <v>44652958</v>
      </c>
      <c r="AJ11" s="325">
        <v>0</v>
      </c>
      <c r="AK11" s="326">
        <v>0</v>
      </c>
      <c r="AL11" s="327">
        <v>0</v>
      </c>
      <c r="AM11" s="325">
        <v>0</v>
      </c>
      <c r="AN11" s="326">
        <v>116945</v>
      </c>
      <c r="AO11" s="326">
        <v>311143</v>
      </c>
      <c r="AP11" s="326">
        <v>570759</v>
      </c>
      <c r="AQ11" s="326">
        <v>1191940</v>
      </c>
      <c r="AR11" s="326">
        <v>1542218</v>
      </c>
      <c r="AS11" s="327">
        <v>3733005</v>
      </c>
      <c r="AT11" s="329">
        <v>3733005</v>
      </c>
      <c r="AU11" s="325">
        <v>676879</v>
      </c>
      <c r="AV11" s="326">
        <v>2029874</v>
      </c>
      <c r="AW11" s="327">
        <v>2706753</v>
      </c>
      <c r="AX11" s="325">
        <v>0</v>
      </c>
      <c r="AY11" s="326">
        <v>7873998</v>
      </c>
      <c r="AZ11" s="326">
        <v>7440574</v>
      </c>
      <c r="BA11" s="326">
        <v>5804475</v>
      </c>
      <c r="BB11" s="326">
        <v>4318112</v>
      </c>
      <c r="BC11" s="326">
        <v>3594960</v>
      </c>
      <c r="BD11" s="327">
        <v>29032119</v>
      </c>
      <c r="BE11" s="329">
        <v>31738872</v>
      </c>
      <c r="BF11" s="325">
        <v>69890</v>
      </c>
      <c r="BG11" s="326">
        <v>93673</v>
      </c>
      <c r="BH11" s="330">
        <v>163563</v>
      </c>
      <c r="BI11" s="331">
        <v>0</v>
      </c>
      <c r="BJ11" s="326">
        <v>666666</v>
      </c>
      <c r="BK11" s="326">
        <v>499067</v>
      </c>
      <c r="BL11" s="326">
        <v>305173</v>
      </c>
      <c r="BM11" s="326">
        <v>558462</v>
      </c>
      <c r="BN11" s="326">
        <v>146358</v>
      </c>
      <c r="BO11" s="327">
        <v>2175726</v>
      </c>
      <c r="BP11" s="329">
        <v>2339289</v>
      </c>
      <c r="BQ11" s="325">
        <v>462070</v>
      </c>
      <c r="BR11" s="326">
        <v>540792</v>
      </c>
      <c r="BS11" s="327">
        <v>1002862</v>
      </c>
      <c r="BT11" s="325">
        <v>0</v>
      </c>
      <c r="BU11" s="326">
        <v>3238935</v>
      </c>
      <c r="BV11" s="326">
        <v>3112046</v>
      </c>
      <c r="BW11" s="326">
        <v>3123694</v>
      </c>
      <c r="BX11" s="326">
        <v>3091396</v>
      </c>
      <c r="BY11" s="326">
        <v>2959271</v>
      </c>
      <c r="BZ11" s="327">
        <v>15525342</v>
      </c>
      <c r="CA11" s="329">
        <v>16528204</v>
      </c>
      <c r="CB11" s="325">
        <v>190054</v>
      </c>
      <c r="CC11" s="326">
        <v>630230</v>
      </c>
      <c r="CD11" s="327">
        <v>820284</v>
      </c>
      <c r="CE11" s="325">
        <v>0</v>
      </c>
      <c r="CF11" s="326">
        <v>14039757</v>
      </c>
      <c r="CG11" s="326">
        <v>12387954</v>
      </c>
      <c r="CH11" s="326">
        <v>8404728</v>
      </c>
      <c r="CI11" s="326">
        <v>5401274</v>
      </c>
      <c r="CJ11" s="326">
        <v>2259937</v>
      </c>
      <c r="CK11" s="327">
        <v>42493650</v>
      </c>
      <c r="CL11" s="329">
        <v>43313934</v>
      </c>
      <c r="CM11" s="325">
        <v>0</v>
      </c>
      <c r="CN11" s="326">
        <v>0</v>
      </c>
      <c r="CO11" s="327">
        <v>0</v>
      </c>
      <c r="CP11" s="331">
        <v>0</v>
      </c>
      <c r="CQ11" s="326">
        <v>11073734</v>
      </c>
      <c r="CR11" s="326">
        <v>9123461</v>
      </c>
      <c r="CS11" s="326">
        <v>6221046</v>
      </c>
      <c r="CT11" s="326">
        <v>3807183</v>
      </c>
      <c r="CU11" s="326">
        <v>1726067</v>
      </c>
      <c r="CV11" s="327">
        <v>31951491</v>
      </c>
      <c r="CW11" s="329">
        <v>31951491</v>
      </c>
      <c r="CX11" s="325">
        <v>190054</v>
      </c>
      <c r="CY11" s="326">
        <v>630230</v>
      </c>
      <c r="CZ11" s="327">
        <v>820284</v>
      </c>
      <c r="DA11" s="325">
        <v>0</v>
      </c>
      <c r="DB11" s="326">
        <v>2966023</v>
      </c>
      <c r="DC11" s="326">
        <v>3264493</v>
      </c>
      <c r="DD11" s="326">
        <v>2183682</v>
      </c>
      <c r="DE11" s="326">
        <v>1594091</v>
      </c>
      <c r="DF11" s="326">
        <v>533870</v>
      </c>
      <c r="DG11" s="327">
        <v>10542159</v>
      </c>
      <c r="DH11" s="329">
        <v>11362443</v>
      </c>
      <c r="DI11" s="325">
        <v>0</v>
      </c>
      <c r="DJ11" s="326">
        <v>14660</v>
      </c>
      <c r="DK11" s="330">
        <v>14660</v>
      </c>
      <c r="DL11" s="331">
        <v>0</v>
      </c>
      <c r="DM11" s="326">
        <v>969854</v>
      </c>
      <c r="DN11" s="326">
        <v>2380386</v>
      </c>
      <c r="DO11" s="326">
        <v>3679941</v>
      </c>
      <c r="DP11" s="326">
        <v>2417884</v>
      </c>
      <c r="DQ11" s="326">
        <v>1346351</v>
      </c>
      <c r="DR11" s="327">
        <v>10794416</v>
      </c>
      <c r="DS11" s="329">
        <v>10809076</v>
      </c>
      <c r="DT11" s="325">
        <v>0</v>
      </c>
      <c r="DU11" s="326">
        <v>14660</v>
      </c>
      <c r="DV11" s="327">
        <v>14660</v>
      </c>
      <c r="DW11" s="325">
        <v>0</v>
      </c>
      <c r="DX11" s="326">
        <v>621284</v>
      </c>
      <c r="DY11" s="326">
        <v>1875229</v>
      </c>
      <c r="DZ11" s="326">
        <v>2799738</v>
      </c>
      <c r="EA11" s="326">
        <v>2111641</v>
      </c>
      <c r="EB11" s="326">
        <v>1029649</v>
      </c>
      <c r="EC11" s="327">
        <v>8437541</v>
      </c>
      <c r="ED11" s="329">
        <v>8452201</v>
      </c>
      <c r="EE11" s="325">
        <v>0</v>
      </c>
      <c r="EF11" s="330">
        <v>0</v>
      </c>
      <c r="EG11" s="327">
        <v>0</v>
      </c>
      <c r="EH11" s="325">
        <v>0</v>
      </c>
      <c r="EI11" s="326">
        <v>348570</v>
      </c>
      <c r="EJ11" s="326">
        <v>505157</v>
      </c>
      <c r="EK11" s="326">
        <v>880203</v>
      </c>
      <c r="EL11" s="326">
        <v>306243</v>
      </c>
      <c r="EM11" s="326">
        <v>316702</v>
      </c>
      <c r="EN11" s="330">
        <v>2356875</v>
      </c>
      <c r="EO11" s="329">
        <v>2356875</v>
      </c>
      <c r="EP11" s="325">
        <v>0</v>
      </c>
      <c r="EQ11" s="326">
        <v>0</v>
      </c>
      <c r="ER11" s="330">
        <v>0</v>
      </c>
      <c r="ES11" s="331">
        <v>0</v>
      </c>
      <c r="ET11" s="326">
        <v>0</v>
      </c>
      <c r="EU11" s="326">
        <v>0</v>
      </c>
      <c r="EV11" s="326">
        <v>0</v>
      </c>
      <c r="EW11" s="326">
        <v>0</v>
      </c>
      <c r="EX11" s="326">
        <v>0</v>
      </c>
      <c r="EY11" s="327">
        <v>0</v>
      </c>
      <c r="EZ11" s="329">
        <v>0</v>
      </c>
      <c r="FA11" s="325">
        <v>0</v>
      </c>
      <c r="FB11" s="326">
        <v>0</v>
      </c>
      <c r="FC11" s="330">
        <v>0</v>
      </c>
      <c r="FD11" s="403">
        <v>0</v>
      </c>
      <c r="FE11" s="326">
        <v>0</v>
      </c>
      <c r="FF11" s="326">
        <v>0</v>
      </c>
      <c r="FG11" s="326">
        <v>0</v>
      </c>
      <c r="FH11" s="326">
        <v>0</v>
      </c>
      <c r="FI11" s="326">
        <v>0</v>
      </c>
      <c r="FJ11" s="327">
        <v>0</v>
      </c>
      <c r="FK11" s="329">
        <v>0</v>
      </c>
      <c r="FL11" s="325">
        <v>652328</v>
      </c>
      <c r="FM11" s="326">
        <v>1093918</v>
      </c>
      <c r="FN11" s="327">
        <v>1746246</v>
      </c>
      <c r="FO11" s="325">
        <v>0</v>
      </c>
      <c r="FP11" s="326">
        <v>2847033</v>
      </c>
      <c r="FQ11" s="326">
        <v>4715243</v>
      </c>
      <c r="FR11" s="326">
        <v>3651094</v>
      </c>
      <c r="FS11" s="326">
        <v>3641211</v>
      </c>
      <c r="FT11" s="326">
        <v>2445338</v>
      </c>
      <c r="FU11" s="327">
        <v>17299919</v>
      </c>
      <c r="FV11" s="329">
        <v>19046165</v>
      </c>
      <c r="FW11" s="332">
        <v>444706</v>
      </c>
      <c r="FX11" s="326">
        <v>929306</v>
      </c>
      <c r="FY11" s="330">
        <v>1374012</v>
      </c>
      <c r="FZ11" s="331">
        <v>0</v>
      </c>
      <c r="GA11" s="326">
        <v>2172919</v>
      </c>
      <c r="GB11" s="326">
        <v>4302178</v>
      </c>
      <c r="GC11" s="326">
        <v>3449607</v>
      </c>
      <c r="GD11" s="326">
        <v>3409077</v>
      </c>
      <c r="GE11" s="326">
        <v>2371138</v>
      </c>
      <c r="GF11" s="327">
        <v>15704919</v>
      </c>
      <c r="GG11" s="333">
        <v>17078931</v>
      </c>
      <c r="GH11" s="332">
        <v>41090</v>
      </c>
      <c r="GI11" s="326">
        <v>90132</v>
      </c>
      <c r="GJ11" s="330">
        <v>131222</v>
      </c>
      <c r="GK11" s="331">
        <v>0</v>
      </c>
      <c r="GL11" s="326">
        <v>219933</v>
      </c>
      <c r="GM11" s="326">
        <v>242055</v>
      </c>
      <c r="GN11" s="326">
        <v>180487</v>
      </c>
      <c r="GO11" s="326">
        <v>154924</v>
      </c>
      <c r="GP11" s="326">
        <v>0</v>
      </c>
      <c r="GQ11" s="327">
        <v>797399</v>
      </c>
      <c r="GR11" s="329">
        <v>928621</v>
      </c>
      <c r="GS11" s="325">
        <v>166532</v>
      </c>
      <c r="GT11" s="326">
        <v>74480</v>
      </c>
      <c r="GU11" s="327">
        <v>241012</v>
      </c>
      <c r="GV11" s="325">
        <v>0</v>
      </c>
      <c r="GW11" s="326">
        <v>454181</v>
      </c>
      <c r="GX11" s="326">
        <v>171010</v>
      </c>
      <c r="GY11" s="326">
        <v>21000</v>
      </c>
      <c r="GZ11" s="326">
        <v>77210</v>
      </c>
      <c r="HA11" s="326">
        <v>74200</v>
      </c>
      <c r="HB11" s="330">
        <v>797601</v>
      </c>
      <c r="HC11" s="329">
        <v>1038613</v>
      </c>
      <c r="HD11" s="325">
        <v>1751009</v>
      </c>
      <c r="HE11" s="326">
        <v>1801733</v>
      </c>
      <c r="HF11" s="330">
        <v>3552742</v>
      </c>
      <c r="HG11" s="331">
        <v>0</v>
      </c>
      <c r="HH11" s="326">
        <v>18256086</v>
      </c>
      <c r="HI11" s="326">
        <v>17069290</v>
      </c>
      <c r="HJ11" s="326">
        <v>16926313</v>
      </c>
      <c r="HK11" s="326">
        <v>18714755</v>
      </c>
      <c r="HL11" s="326">
        <v>15095800</v>
      </c>
      <c r="HM11" s="327">
        <v>86062244</v>
      </c>
      <c r="HN11" s="328">
        <v>89614986</v>
      </c>
      <c r="HO11" s="332">
        <v>0</v>
      </c>
      <c r="HP11" s="326">
        <v>0</v>
      </c>
      <c r="HQ11" s="327">
        <v>0</v>
      </c>
      <c r="HR11" s="325">
        <v>0</v>
      </c>
      <c r="HS11" s="326">
        <v>0</v>
      </c>
      <c r="HT11" s="326">
        <v>0</v>
      </c>
      <c r="HU11" s="326">
        <v>0</v>
      </c>
      <c r="HV11" s="326">
        <v>0</v>
      </c>
      <c r="HW11" s="326">
        <v>0</v>
      </c>
      <c r="HX11" s="330">
        <v>0</v>
      </c>
      <c r="HY11" s="329">
        <v>0</v>
      </c>
      <c r="HZ11" s="334">
        <v>35992</v>
      </c>
      <c r="IA11" s="335">
        <v>407072</v>
      </c>
      <c r="IB11" s="336">
        <v>443064</v>
      </c>
      <c r="IC11" s="337">
        <v>0</v>
      </c>
      <c r="ID11" s="335">
        <v>11262958</v>
      </c>
      <c r="IE11" s="338">
        <v>13957573</v>
      </c>
      <c r="IF11" s="336">
        <v>17799815</v>
      </c>
      <c r="IG11" s="335">
        <v>9398186</v>
      </c>
      <c r="IH11" s="336">
        <v>11843454</v>
      </c>
      <c r="II11" s="339">
        <v>64261986</v>
      </c>
      <c r="IJ11" s="340">
        <v>64705050</v>
      </c>
      <c r="IK11" s="341">
        <v>0</v>
      </c>
      <c r="IL11" s="342">
        <v>0</v>
      </c>
      <c r="IM11" s="343">
        <v>0</v>
      </c>
      <c r="IN11" s="403">
        <v>0</v>
      </c>
      <c r="IO11" s="344">
        <v>341246</v>
      </c>
      <c r="IP11" s="344">
        <v>821387</v>
      </c>
      <c r="IQ11" s="344">
        <v>1130907</v>
      </c>
      <c r="IR11" s="344">
        <v>1206765</v>
      </c>
      <c r="IS11" s="344">
        <v>1637327</v>
      </c>
      <c r="IT11" s="345">
        <v>5137632</v>
      </c>
      <c r="IU11" s="346">
        <v>5137632</v>
      </c>
      <c r="IV11" s="347">
        <v>0</v>
      </c>
      <c r="IW11" s="344">
        <v>0</v>
      </c>
      <c r="IX11" s="348">
        <v>0</v>
      </c>
      <c r="IY11" s="403">
        <v>0</v>
      </c>
      <c r="IZ11" s="344">
        <v>46725</v>
      </c>
      <c r="JA11" s="344">
        <v>181106</v>
      </c>
      <c r="JB11" s="344">
        <v>92394</v>
      </c>
      <c r="JC11" s="344">
        <v>91107</v>
      </c>
      <c r="JD11" s="344">
        <v>499509</v>
      </c>
      <c r="JE11" s="348">
        <v>910841</v>
      </c>
      <c r="JF11" s="349">
        <v>910841</v>
      </c>
      <c r="JG11" s="347">
        <v>0</v>
      </c>
      <c r="JH11" s="344">
        <v>0</v>
      </c>
      <c r="JI11" s="345">
        <v>0</v>
      </c>
      <c r="JJ11" s="350">
        <v>0</v>
      </c>
      <c r="JK11" s="344">
        <v>4536300</v>
      </c>
      <c r="JL11" s="344">
        <v>3712929</v>
      </c>
      <c r="JM11" s="344">
        <v>2598219</v>
      </c>
      <c r="JN11" s="344">
        <v>1706630</v>
      </c>
      <c r="JO11" s="344">
        <v>1126586</v>
      </c>
      <c r="JP11" s="348">
        <v>13680664</v>
      </c>
      <c r="JQ11" s="346">
        <v>13680664</v>
      </c>
      <c r="JR11" s="347">
        <v>0</v>
      </c>
      <c r="JS11" s="344">
        <v>0</v>
      </c>
      <c r="JT11" s="345">
        <v>0</v>
      </c>
      <c r="JU11" s="350">
        <v>0</v>
      </c>
      <c r="JV11" s="344">
        <v>786832</v>
      </c>
      <c r="JW11" s="344">
        <v>1410006</v>
      </c>
      <c r="JX11" s="344">
        <v>2340630</v>
      </c>
      <c r="JY11" s="344">
        <v>285865</v>
      </c>
      <c r="JZ11" s="344">
        <v>218547</v>
      </c>
      <c r="KA11" s="348">
        <v>5041880</v>
      </c>
      <c r="KB11" s="346">
        <v>5041880</v>
      </c>
      <c r="KC11" s="351">
        <v>35992</v>
      </c>
      <c r="KD11" s="352">
        <v>407072</v>
      </c>
      <c r="KE11" s="348">
        <v>443064</v>
      </c>
      <c r="KF11" s="350">
        <v>0</v>
      </c>
      <c r="KG11" s="344">
        <v>1166838</v>
      </c>
      <c r="KH11" s="344">
        <v>1499902</v>
      </c>
      <c r="KI11" s="344">
        <v>2436106</v>
      </c>
      <c r="KJ11" s="344">
        <v>213178</v>
      </c>
      <c r="KK11" s="344">
        <v>889530</v>
      </c>
      <c r="KL11" s="348">
        <v>6205554</v>
      </c>
      <c r="KM11" s="353">
        <v>6648618</v>
      </c>
      <c r="KN11" s="341">
        <v>0</v>
      </c>
      <c r="KO11" s="342">
        <v>0</v>
      </c>
      <c r="KP11" s="343">
        <v>0</v>
      </c>
      <c r="KQ11" s="403">
        <v>0</v>
      </c>
      <c r="KR11" s="344">
        <v>3909773</v>
      </c>
      <c r="KS11" s="344">
        <v>5293887</v>
      </c>
      <c r="KT11" s="344">
        <v>6745807</v>
      </c>
      <c r="KU11" s="344">
        <v>3046344</v>
      </c>
      <c r="KV11" s="344">
        <v>4650409</v>
      </c>
      <c r="KW11" s="348">
        <v>23646220</v>
      </c>
      <c r="KX11" s="346">
        <v>23646220</v>
      </c>
      <c r="KY11" s="347">
        <v>0</v>
      </c>
      <c r="KZ11" s="344">
        <v>0</v>
      </c>
      <c r="LA11" s="348">
        <v>0</v>
      </c>
      <c r="LB11" s="403">
        <v>0</v>
      </c>
      <c r="LC11" s="344">
        <v>0</v>
      </c>
      <c r="LD11" s="344">
        <v>0</v>
      </c>
      <c r="LE11" s="344">
        <v>0</v>
      </c>
      <c r="LF11" s="344">
        <v>0</v>
      </c>
      <c r="LG11" s="344">
        <v>0</v>
      </c>
      <c r="LH11" s="348">
        <v>0</v>
      </c>
      <c r="LI11" s="349">
        <v>0</v>
      </c>
      <c r="LJ11" s="347">
        <v>0</v>
      </c>
      <c r="LK11" s="344">
        <v>0</v>
      </c>
      <c r="LL11" s="348">
        <v>0</v>
      </c>
      <c r="LM11" s="403">
        <v>0</v>
      </c>
      <c r="LN11" s="344">
        <v>0</v>
      </c>
      <c r="LO11" s="344">
        <v>207477</v>
      </c>
      <c r="LP11" s="344">
        <v>1173658</v>
      </c>
      <c r="LQ11" s="344">
        <v>1706976</v>
      </c>
      <c r="LR11" s="344">
        <v>832792</v>
      </c>
      <c r="LS11" s="348">
        <v>3920903</v>
      </c>
      <c r="LT11" s="346">
        <v>3920903</v>
      </c>
      <c r="LU11" s="347">
        <v>0</v>
      </c>
      <c r="LV11" s="344">
        <v>0</v>
      </c>
      <c r="LW11" s="348">
        <v>0</v>
      </c>
      <c r="LX11" s="403">
        <v>0</v>
      </c>
      <c r="LY11" s="344">
        <v>475244</v>
      </c>
      <c r="LZ11" s="344">
        <v>830879</v>
      </c>
      <c r="MA11" s="344">
        <v>1282094</v>
      </c>
      <c r="MB11" s="344">
        <v>1141321</v>
      </c>
      <c r="MC11" s="344">
        <v>1988754</v>
      </c>
      <c r="MD11" s="348">
        <v>5718292</v>
      </c>
      <c r="ME11" s="349">
        <v>5718292</v>
      </c>
      <c r="MF11" s="347">
        <v>0</v>
      </c>
      <c r="MG11" s="344">
        <v>0</v>
      </c>
      <c r="MH11" s="348">
        <v>0</v>
      </c>
      <c r="MI11" s="403">
        <v>0</v>
      </c>
      <c r="MJ11" s="344">
        <v>2355529</v>
      </c>
      <c r="MK11" s="344">
        <v>3454618</v>
      </c>
      <c r="ML11" s="344">
        <v>12184922</v>
      </c>
      <c r="MM11" s="344">
        <v>22023146</v>
      </c>
      <c r="MN11" s="344">
        <v>14343307</v>
      </c>
      <c r="MO11" s="348">
        <v>54361522</v>
      </c>
      <c r="MP11" s="353">
        <v>54361522</v>
      </c>
      <c r="MQ11" s="347">
        <v>0</v>
      </c>
      <c r="MR11" s="344">
        <v>0</v>
      </c>
      <c r="MS11" s="348">
        <v>0</v>
      </c>
      <c r="MT11" s="403">
        <v>0</v>
      </c>
      <c r="MU11" s="344">
        <v>338722</v>
      </c>
      <c r="MV11" s="344">
        <v>757277</v>
      </c>
      <c r="MW11" s="344">
        <v>7209865</v>
      </c>
      <c r="MX11" s="344">
        <v>10673761</v>
      </c>
      <c r="MY11" s="344">
        <v>9117712</v>
      </c>
      <c r="MZ11" s="348">
        <v>28097337</v>
      </c>
      <c r="NA11" s="353">
        <v>28097337</v>
      </c>
      <c r="NB11" s="347">
        <v>0</v>
      </c>
      <c r="NC11" s="344">
        <v>0</v>
      </c>
      <c r="ND11" s="348">
        <v>0</v>
      </c>
      <c r="NE11" s="403">
        <v>0</v>
      </c>
      <c r="NF11" s="344">
        <v>2016807</v>
      </c>
      <c r="NG11" s="344">
        <v>2697341</v>
      </c>
      <c r="NH11" s="344">
        <v>4882073</v>
      </c>
      <c r="NI11" s="344">
        <v>11078555</v>
      </c>
      <c r="NJ11" s="344">
        <v>4264099</v>
      </c>
      <c r="NK11" s="348">
        <v>24938875</v>
      </c>
      <c r="NL11" s="346">
        <v>24938875</v>
      </c>
      <c r="NM11" s="347">
        <v>0</v>
      </c>
      <c r="NN11" s="344">
        <v>0</v>
      </c>
      <c r="NO11" s="348">
        <v>0</v>
      </c>
      <c r="NP11" s="403">
        <v>0</v>
      </c>
      <c r="NQ11" s="344">
        <v>0</v>
      </c>
      <c r="NR11" s="344">
        <v>0</v>
      </c>
      <c r="NS11" s="344">
        <v>92984</v>
      </c>
      <c r="NT11" s="344">
        <v>270830</v>
      </c>
      <c r="NU11" s="344">
        <v>296282</v>
      </c>
      <c r="NV11" s="348">
        <v>660096</v>
      </c>
      <c r="NW11" s="349">
        <v>660096</v>
      </c>
      <c r="NX11" s="347">
        <v>0</v>
      </c>
      <c r="NY11" s="344">
        <v>0</v>
      </c>
      <c r="NZ11" s="348">
        <v>0</v>
      </c>
      <c r="OA11" s="403">
        <v>0</v>
      </c>
      <c r="OB11" s="344">
        <v>0</v>
      </c>
      <c r="OC11" s="344">
        <v>0</v>
      </c>
      <c r="OD11" s="344">
        <v>0</v>
      </c>
      <c r="OE11" s="344">
        <v>0</v>
      </c>
      <c r="OF11" s="344">
        <v>665214</v>
      </c>
      <c r="OG11" s="348">
        <v>665214</v>
      </c>
      <c r="OH11" s="349">
        <v>665214</v>
      </c>
      <c r="OI11" s="347">
        <v>3838222</v>
      </c>
      <c r="OJ11" s="344">
        <v>6611952</v>
      </c>
      <c r="OK11" s="345">
        <v>10450174</v>
      </c>
      <c r="OL11" s="350">
        <v>0</v>
      </c>
      <c r="OM11" s="344">
        <v>68803118</v>
      </c>
      <c r="ON11" s="344">
        <v>73346368</v>
      </c>
      <c r="OO11" s="344">
        <v>79209627</v>
      </c>
      <c r="OP11" s="344">
        <v>82831951</v>
      </c>
      <c r="OQ11" s="344">
        <v>66201823</v>
      </c>
      <c r="OR11" s="348">
        <v>370392887</v>
      </c>
      <c r="OS11" s="353">
        <v>380843061</v>
      </c>
    </row>
    <row r="12" spans="2:409" s="70" customFormat="1" ht="21" customHeight="1" x14ac:dyDescent="0.2">
      <c r="B12" s="409" t="s">
        <v>14</v>
      </c>
      <c r="C12" s="325">
        <v>1028796</v>
      </c>
      <c r="D12" s="326">
        <v>2495899</v>
      </c>
      <c r="E12" s="327">
        <v>3524695</v>
      </c>
      <c r="F12" s="328">
        <v>0</v>
      </c>
      <c r="G12" s="326">
        <v>13511271</v>
      </c>
      <c r="H12" s="326">
        <v>23588788</v>
      </c>
      <c r="I12" s="326">
        <v>20471822</v>
      </c>
      <c r="J12" s="326">
        <v>17264315</v>
      </c>
      <c r="K12" s="326">
        <v>12484932</v>
      </c>
      <c r="L12" s="330">
        <v>87321128</v>
      </c>
      <c r="M12" s="329">
        <v>90845823</v>
      </c>
      <c r="N12" s="325">
        <v>244997</v>
      </c>
      <c r="O12" s="326">
        <v>666710</v>
      </c>
      <c r="P12" s="327">
        <v>911707</v>
      </c>
      <c r="Q12" s="325">
        <v>0</v>
      </c>
      <c r="R12" s="326">
        <v>3271553</v>
      </c>
      <c r="S12" s="326">
        <v>8193280</v>
      </c>
      <c r="T12" s="326">
        <v>6365241</v>
      </c>
      <c r="U12" s="326">
        <v>5453466</v>
      </c>
      <c r="V12" s="326">
        <v>5798311</v>
      </c>
      <c r="W12" s="327">
        <v>29081851</v>
      </c>
      <c r="X12" s="329">
        <v>29993558</v>
      </c>
      <c r="Y12" s="325">
        <v>0</v>
      </c>
      <c r="Z12" s="326">
        <v>0</v>
      </c>
      <c r="AA12" s="327">
        <v>0</v>
      </c>
      <c r="AB12" s="325">
        <v>0</v>
      </c>
      <c r="AC12" s="326">
        <v>1512908</v>
      </c>
      <c r="AD12" s="326">
        <v>4224495</v>
      </c>
      <c r="AE12" s="326">
        <v>3335856</v>
      </c>
      <c r="AF12" s="326">
        <v>2707675</v>
      </c>
      <c r="AG12" s="326">
        <v>3010293</v>
      </c>
      <c r="AH12" s="327">
        <v>14791227</v>
      </c>
      <c r="AI12" s="329">
        <v>14791227</v>
      </c>
      <c r="AJ12" s="325">
        <v>0</v>
      </c>
      <c r="AK12" s="326">
        <v>0</v>
      </c>
      <c r="AL12" s="327">
        <v>0</v>
      </c>
      <c r="AM12" s="325">
        <v>0</v>
      </c>
      <c r="AN12" s="326">
        <v>22376</v>
      </c>
      <c r="AO12" s="326">
        <v>82904</v>
      </c>
      <c r="AP12" s="326">
        <v>134731</v>
      </c>
      <c r="AQ12" s="326">
        <v>677971</v>
      </c>
      <c r="AR12" s="326">
        <v>729269</v>
      </c>
      <c r="AS12" s="327">
        <v>1647251</v>
      </c>
      <c r="AT12" s="329">
        <v>1647251</v>
      </c>
      <c r="AU12" s="325">
        <v>163391</v>
      </c>
      <c r="AV12" s="326">
        <v>380056</v>
      </c>
      <c r="AW12" s="327">
        <v>543447</v>
      </c>
      <c r="AX12" s="325">
        <v>0</v>
      </c>
      <c r="AY12" s="326">
        <v>781361</v>
      </c>
      <c r="AZ12" s="326">
        <v>2588983</v>
      </c>
      <c r="BA12" s="326">
        <v>1607583</v>
      </c>
      <c r="BB12" s="326">
        <v>1156868</v>
      </c>
      <c r="BC12" s="326">
        <v>1284703</v>
      </c>
      <c r="BD12" s="327">
        <v>7419498</v>
      </c>
      <c r="BE12" s="329">
        <v>7962945</v>
      </c>
      <c r="BF12" s="325">
        <v>0</v>
      </c>
      <c r="BG12" s="326">
        <v>50859</v>
      </c>
      <c r="BH12" s="330">
        <v>50859</v>
      </c>
      <c r="BI12" s="331">
        <v>0</v>
      </c>
      <c r="BJ12" s="326">
        <v>65978</v>
      </c>
      <c r="BK12" s="326">
        <v>235383</v>
      </c>
      <c r="BL12" s="326">
        <v>106206</v>
      </c>
      <c r="BM12" s="326">
        <v>0</v>
      </c>
      <c r="BN12" s="326">
        <v>14560</v>
      </c>
      <c r="BO12" s="327">
        <v>422127</v>
      </c>
      <c r="BP12" s="329">
        <v>472986</v>
      </c>
      <c r="BQ12" s="325">
        <v>81606</v>
      </c>
      <c r="BR12" s="326">
        <v>235795</v>
      </c>
      <c r="BS12" s="327">
        <v>317401</v>
      </c>
      <c r="BT12" s="325">
        <v>0</v>
      </c>
      <c r="BU12" s="326">
        <v>888930</v>
      </c>
      <c r="BV12" s="326">
        <v>1061515</v>
      </c>
      <c r="BW12" s="326">
        <v>1180865</v>
      </c>
      <c r="BX12" s="326">
        <v>910952</v>
      </c>
      <c r="BY12" s="326">
        <v>759486</v>
      </c>
      <c r="BZ12" s="327">
        <v>4801748</v>
      </c>
      <c r="CA12" s="329">
        <v>5119149</v>
      </c>
      <c r="CB12" s="325">
        <v>111893</v>
      </c>
      <c r="CC12" s="326">
        <v>337225</v>
      </c>
      <c r="CD12" s="327">
        <v>449118</v>
      </c>
      <c r="CE12" s="325">
        <v>0</v>
      </c>
      <c r="CF12" s="326">
        <v>4199651</v>
      </c>
      <c r="CG12" s="326">
        <v>7042563</v>
      </c>
      <c r="CH12" s="326">
        <v>5479425</v>
      </c>
      <c r="CI12" s="326">
        <v>2339776</v>
      </c>
      <c r="CJ12" s="326">
        <v>1679565</v>
      </c>
      <c r="CK12" s="327">
        <v>20740980</v>
      </c>
      <c r="CL12" s="329">
        <v>21190098</v>
      </c>
      <c r="CM12" s="325">
        <v>0</v>
      </c>
      <c r="CN12" s="326">
        <v>0</v>
      </c>
      <c r="CO12" s="327">
        <v>0</v>
      </c>
      <c r="CP12" s="331">
        <v>0</v>
      </c>
      <c r="CQ12" s="326">
        <v>3949780</v>
      </c>
      <c r="CR12" s="326">
        <v>6016687</v>
      </c>
      <c r="CS12" s="326">
        <v>4779231</v>
      </c>
      <c r="CT12" s="326">
        <v>1972419</v>
      </c>
      <c r="CU12" s="326">
        <v>1246036</v>
      </c>
      <c r="CV12" s="327">
        <v>17964153</v>
      </c>
      <c r="CW12" s="329">
        <v>17964153</v>
      </c>
      <c r="CX12" s="325">
        <v>111893</v>
      </c>
      <c r="CY12" s="326">
        <v>337225</v>
      </c>
      <c r="CZ12" s="327">
        <v>449118</v>
      </c>
      <c r="DA12" s="325">
        <v>0</v>
      </c>
      <c r="DB12" s="326">
        <v>249871</v>
      </c>
      <c r="DC12" s="326">
        <v>1025876</v>
      </c>
      <c r="DD12" s="326">
        <v>700194</v>
      </c>
      <c r="DE12" s="326">
        <v>367357</v>
      </c>
      <c r="DF12" s="326">
        <v>433529</v>
      </c>
      <c r="DG12" s="327">
        <v>2776827</v>
      </c>
      <c r="DH12" s="329">
        <v>3225945</v>
      </c>
      <c r="DI12" s="325">
        <v>14095</v>
      </c>
      <c r="DJ12" s="326">
        <v>0</v>
      </c>
      <c r="DK12" s="330">
        <v>14095</v>
      </c>
      <c r="DL12" s="331">
        <v>0</v>
      </c>
      <c r="DM12" s="326">
        <v>286425</v>
      </c>
      <c r="DN12" s="326">
        <v>1089847</v>
      </c>
      <c r="DO12" s="326">
        <v>987967</v>
      </c>
      <c r="DP12" s="326">
        <v>2321120</v>
      </c>
      <c r="DQ12" s="326">
        <v>642280</v>
      </c>
      <c r="DR12" s="327">
        <v>5327639</v>
      </c>
      <c r="DS12" s="329">
        <v>5341734</v>
      </c>
      <c r="DT12" s="325">
        <v>14095</v>
      </c>
      <c r="DU12" s="326">
        <v>0</v>
      </c>
      <c r="DV12" s="327">
        <v>14095</v>
      </c>
      <c r="DW12" s="325">
        <v>0</v>
      </c>
      <c r="DX12" s="326">
        <v>286425</v>
      </c>
      <c r="DY12" s="326">
        <v>1089847</v>
      </c>
      <c r="DZ12" s="326">
        <v>987967</v>
      </c>
      <c r="EA12" s="326">
        <v>2321120</v>
      </c>
      <c r="EB12" s="326">
        <v>642280</v>
      </c>
      <c r="EC12" s="327">
        <v>5327639</v>
      </c>
      <c r="ED12" s="329">
        <v>5341734</v>
      </c>
      <c r="EE12" s="325">
        <v>0</v>
      </c>
      <c r="EF12" s="330">
        <v>0</v>
      </c>
      <c r="EG12" s="327">
        <v>0</v>
      </c>
      <c r="EH12" s="325">
        <v>0</v>
      </c>
      <c r="EI12" s="326">
        <v>0</v>
      </c>
      <c r="EJ12" s="326">
        <v>0</v>
      </c>
      <c r="EK12" s="326">
        <v>0</v>
      </c>
      <c r="EL12" s="326">
        <v>0</v>
      </c>
      <c r="EM12" s="326">
        <v>0</v>
      </c>
      <c r="EN12" s="330">
        <v>0</v>
      </c>
      <c r="EO12" s="329">
        <v>0</v>
      </c>
      <c r="EP12" s="325">
        <v>0</v>
      </c>
      <c r="EQ12" s="326">
        <v>0</v>
      </c>
      <c r="ER12" s="330">
        <v>0</v>
      </c>
      <c r="ES12" s="331">
        <v>0</v>
      </c>
      <c r="ET12" s="326">
        <v>0</v>
      </c>
      <c r="EU12" s="326">
        <v>0</v>
      </c>
      <c r="EV12" s="326">
        <v>0</v>
      </c>
      <c r="EW12" s="326">
        <v>0</v>
      </c>
      <c r="EX12" s="326">
        <v>0</v>
      </c>
      <c r="EY12" s="327">
        <v>0</v>
      </c>
      <c r="EZ12" s="329">
        <v>0</v>
      </c>
      <c r="FA12" s="325">
        <v>0</v>
      </c>
      <c r="FB12" s="326">
        <v>0</v>
      </c>
      <c r="FC12" s="330">
        <v>0</v>
      </c>
      <c r="FD12" s="403">
        <v>0</v>
      </c>
      <c r="FE12" s="326">
        <v>0</v>
      </c>
      <c r="FF12" s="326">
        <v>0</v>
      </c>
      <c r="FG12" s="326">
        <v>0</v>
      </c>
      <c r="FH12" s="326">
        <v>0</v>
      </c>
      <c r="FI12" s="326">
        <v>0</v>
      </c>
      <c r="FJ12" s="327">
        <v>0</v>
      </c>
      <c r="FK12" s="329">
        <v>0</v>
      </c>
      <c r="FL12" s="325">
        <v>350714</v>
      </c>
      <c r="FM12" s="326">
        <v>907851</v>
      </c>
      <c r="FN12" s="327">
        <v>1258565</v>
      </c>
      <c r="FO12" s="325">
        <v>0</v>
      </c>
      <c r="FP12" s="326">
        <v>614628</v>
      </c>
      <c r="FQ12" s="326">
        <v>2236570</v>
      </c>
      <c r="FR12" s="326">
        <v>1713432</v>
      </c>
      <c r="FS12" s="326">
        <v>1237250</v>
      </c>
      <c r="FT12" s="326">
        <v>1056587</v>
      </c>
      <c r="FU12" s="327">
        <v>6858467</v>
      </c>
      <c r="FV12" s="329">
        <v>8117032</v>
      </c>
      <c r="FW12" s="332">
        <v>210714</v>
      </c>
      <c r="FX12" s="326">
        <v>534961</v>
      </c>
      <c r="FY12" s="330">
        <v>745675</v>
      </c>
      <c r="FZ12" s="331">
        <v>0</v>
      </c>
      <c r="GA12" s="326">
        <v>581728</v>
      </c>
      <c r="GB12" s="326">
        <v>2219245</v>
      </c>
      <c r="GC12" s="326">
        <v>1482880</v>
      </c>
      <c r="GD12" s="326">
        <v>1010975</v>
      </c>
      <c r="GE12" s="326">
        <v>1020089</v>
      </c>
      <c r="GF12" s="327">
        <v>6314917</v>
      </c>
      <c r="GG12" s="333">
        <v>7060592</v>
      </c>
      <c r="GH12" s="332">
        <v>0</v>
      </c>
      <c r="GI12" s="326">
        <v>24640</v>
      </c>
      <c r="GJ12" s="330">
        <v>24640</v>
      </c>
      <c r="GK12" s="331">
        <v>0</v>
      </c>
      <c r="GL12" s="326">
        <v>32900</v>
      </c>
      <c r="GM12" s="326">
        <v>17325</v>
      </c>
      <c r="GN12" s="326">
        <v>90552</v>
      </c>
      <c r="GO12" s="326">
        <v>38675</v>
      </c>
      <c r="GP12" s="326">
        <v>36498</v>
      </c>
      <c r="GQ12" s="327">
        <v>215950</v>
      </c>
      <c r="GR12" s="329">
        <v>240590</v>
      </c>
      <c r="GS12" s="325">
        <v>140000</v>
      </c>
      <c r="GT12" s="326">
        <v>348250</v>
      </c>
      <c r="GU12" s="327">
        <v>488250</v>
      </c>
      <c r="GV12" s="325">
        <v>0</v>
      </c>
      <c r="GW12" s="326">
        <v>0</v>
      </c>
      <c r="GX12" s="326">
        <v>0</v>
      </c>
      <c r="GY12" s="326">
        <v>140000</v>
      </c>
      <c r="GZ12" s="326">
        <v>187600</v>
      </c>
      <c r="HA12" s="326">
        <v>0</v>
      </c>
      <c r="HB12" s="330">
        <v>327600</v>
      </c>
      <c r="HC12" s="329">
        <v>815850</v>
      </c>
      <c r="HD12" s="325">
        <v>307097</v>
      </c>
      <c r="HE12" s="326">
        <v>584113</v>
      </c>
      <c r="HF12" s="330">
        <v>891210</v>
      </c>
      <c r="HG12" s="331">
        <v>0</v>
      </c>
      <c r="HH12" s="326">
        <v>5139014</v>
      </c>
      <c r="HI12" s="326">
        <v>5026528</v>
      </c>
      <c r="HJ12" s="326">
        <v>5925757</v>
      </c>
      <c r="HK12" s="326">
        <v>5912703</v>
      </c>
      <c r="HL12" s="326">
        <v>3308189</v>
      </c>
      <c r="HM12" s="327">
        <v>25312191</v>
      </c>
      <c r="HN12" s="328">
        <v>26203401</v>
      </c>
      <c r="HO12" s="332">
        <v>0</v>
      </c>
      <c r="HP12" s="326">
        <v>0</v>
      </c>
      <c r="HQ12" s="327">
        <v>0</v>
      </c>
      <c r="HR12" s="325">
        <v>0</v>
      </c>
      <c r="HS12" s="326">
        <v>0</v>
      </c>
      <c r="HT12" s="326">
        <v>0</v>
      </c>
      <c r="HU12" s="326">
        <v>0</v>
      </c>
      <c r="HV12" s="326">
        <v>0</v>
      </c>
      <c r="HW12" s="326">
        <v>0</v>
      </c>
      <c r="HX12" s="330">
        <v>0</v>
      </c>
      <c r="HY12" s="329">
        <v>0</v>
      </c>
      <c r="HZ12" s="334">
        <v>66806</v>
      </c>
      <c r="IA12" s="335">
        <v>0</v>
      </c>
      <c r="IB12" s="336">
        <v>66806</v>
      </c>
      <c r="IC12" s="354">
        <v>0</v>
      </c>
      <c r="ID12" s="355">
        <v>1768707</v>
      </c>
      <c r="IE12" s="356">
        <v>4735005</v>
      </c>
      <c r="IF12" s="357">
        <v>5635681</v>
      </c>
      <c r="IG12" s="355">
        <v>3997112</v>
      </c>
      <c r="IH12" s="357">
        <v>2457191</v>
      </c>
      <c r="II12" s="358">
        <v>18593696</v>
      </c>
      <c r="IJ12" s="340">
        <v>18660502</v>
      </c>
      <c r="IK12" s="341">
        <v>0</v>
      </c>
      <c r="IL12" s="342">
        <v>0</v>
      </c>
      <c r="IM12" s="343">
        <v>0</v>
      </c>
      <c r="IN12" s="403">
        <v>0</v>
      </c>
      <c r="IO12" s="344">
        <v>0</v>
      </c>
      <c r="IP12" s="344">
        <v>409542</v>
      </c>
      <c r="IQ12" s="344">
        <v>0</v>
      </c>
      <c r="IR12" s="344">
        <v>0</v>
      </c>
      <c r="IS12" s="344">
        <v>231206</v>
      </c>
      <c r="IT12" s="345">
        <v>640748</v>
      </c>
      <c r="IU12" s="346">
        <v>640748</v>
      </c>
      <c r="IV12" s="347">
        <v>0</v>
      </c>
      <c r="IW12" s="344">
        <v>0</v>
      </c>
      <c r="IX12" s="348">
        <v>0</v>
      </c>
      <c r="IY12" s="403">
        <v>0</v>
      </c>
      <c r="IZ12" s="344">
        <v>0</v>
      </c>
      <c r="JA12" s="344">
        <v>0</v>
      </c>
      <c r="JB12" s="344">
        <v>0</v>
      </c>
      <c r="JC12" s="344">
        <v>0</v>
      </c>
      <c r="JD12" s="344">
        <v>0</v>
      </c>
      <c r="JE12" s="348">
        <v>0</v>
      </c>
      <c r="JF12" s="349">
        <v>0</v>
      </c>
      <c r="JG12" s="347">
        <v>0</v>
      </c>
      <c r="JH12" s="344">
        <v>0</v>
      </c>
      <c r="JI12" s="345">
        <v>0</v>
      </c>
      <c r="JJ12" s="350">
        <v>0</v>
      </c>
      <c r="JK12" s="344">
        <v>427804</v>
      </c>
      <c r="JL12" s="344">
        <v>2160378</v>
      </c>
      <c r="JM12" s="344">
        <v>1293168</v>
      </c>
      <c r="JN12" s="344">
        <v>603461</v>
      </c>
      <c r="JO12" s="344">
        <v>429612</v>
      </c>
      <c r="JP12" s="348">
        <v>4914423</v>
      </c>
      <c r="JQ12" s="346">
        <v>4914423</v>
      </c>
      <c r="JR12" s="347">
        <v>0</v>
      </c>
      <c r="JS12" s="344">
        <v>0</v>
      </c>
      <c r="JT12" s="345">
        <v>0</v>
      </c>
      <c r="JU12" s="350">
        <v>0</v>
      </c>
      <c r="JV12" s="344">
        <v>0</v>
      </c>
      <c r="JW12" s="344">
        <v>113153</v>
      </c>
      <c r="JX12" s="344">
        <v>0</v>
      </c>
      <c r="JY12" s="344">
        <v>36831</v>
      </c>
      <c r="JZ12" s="344">
        <v>0</v>
      </c>
      <c r="KA12" s="348">
        <v>149984</v>
      </c>
      <c r="KB12" s="346">
        <v>149984</v>
      </c>
      <c r="KC12" s="351">
        <v>66806</v>
      </c>
      <c r="KD12" s="352">
        <v>0</v>
      </c>
      <c r="KE12" s="348">
        <v>66806</v>
      </c>
      <c r="KF12" s="350">
        <v>0</v>
      </c>
      <c r="KG12" s="344">
        <v>516031</v>
      </c>
      <c r="KH12" s="344">
        <v>503794</v>
      </c>
      <c r="KI12" s="344">
        <v>437577</v>
      </c>
      <c r="KJ12" s="344">
        <v>195444</v>
      </c>
      <c r="KK12" s="344">
        <v>505818</v>
      </c>
      <c r="KL12" s="348">
        <v>2158664</v>
      </c>
      <c r="KM12" s="353">
        <v>2225470</v>
      </c>
      <c r="KN12" s="341">
        <v>0</v>
      </c>
      <c r="KO12" s="342">
        <v>0</v>
      </c>
      <c r="KP12" s="343">
        <v>0</v>
      </c>
      <c r="KQ12" s="403">
        <v>0</v>
      </c>
      <c r="KR12" s="344">
        <v>824872</v>
      </c>
      <c r="KS12" s="344">
        <v>1202462</v>
      </c>
      <c r="KT12" s="344">
        <v>3440413</v>
      </c>
      <c r="KU12" s="344">
        <v>1941448</v>
      </c>
      <c r="KV12" s="344">
        <v>1290555</v>
      </c>
      <c r="KW12" s="348">
        <v>8699750</v>
      </c>
      <c r="KX12" s="346">
        <v>8699750</v>
      </c>
      <c r="KY12" s="347">
        <v>0</v>
      </c>
      <c r="KZ12" s="344">
        <v>0</v>
      </c>
      <c r="LA12" s="348">
        <v>0</v>
      </c>
      <c r="LB12" s="403">
        <v>0</v>
      </c>
      <c r="LC12" s="344">
        <v>0</v>
      </c>
      <c r="LD12" s="344">
        <v>0</v>
      </c>
      <c r="LE12" s="344">
        <v>0</v>
      </c>
      <c r="LF12" s="344">
        <v>0</v>
      </c>
      <c r="LG12" s="344">
        <v>0</v>
      </c>
      <c r="LH12" s="348">
        <v>0</v>
      </c>
      <c r="LI12" s="349">
        <v>0</v>
      </c>
      <c r="LJ12" s="347">
        <v>0</v>
      </c>
      <c r="LK12" s="344">
        <v>0</v>
      </c>
      <c r="LL12" s="348">
        <v>0</v>
      </c>
      <c r="LM12" s="403">
        <v>0</v>
      </c>
      <c r="LN12" s="344">
        <v>0</v>
      </c>
      <c r="LO12" s="344">
        <v>0</v>
      </c>
      <c r="LP12" s="344">
        <v>0</v>
      </c>
      <c r="LQ12" s="344">
        <v>684247</v>
      </c>
      <c r="LR12" s="344">
        <v>0</v>
      </c>
      <c r="LS12" s="348">
        <v>684247</v>
      </c>
      <c r="LT12" s="346">
        <v>684247</v>
      </c>
      <c r="LU12" s="347">
        <v>0</v>
      </c>
      <c r="LV12" s="344">
        <v>0</v>
      </c>
      <c r="LW12" s="348">
        <v>0</v>
      </c>
      <c r="LX12" s="403">
        <v>0</v>
      </c>
      <c r="LY12" s="344">
        <v>0</v>
      </c>
      <c r="LZ12" s="344">
        <v>345676</v>
      </c>
      <c r="MA12" s="344">
        <v>464523</v>
      </c>
      <c r="MB12" s="344">
        <v>535681</v>
      </c>
      <c r="MC12" s="344">
        <v>0</v>
      </c>
      <c r="MD12" s="348">
        <v>1345880</v>
      </c>
      <c r="ME12" s="349">
        <v>1345880</v>
      </c>
      <c r="MF12" s="347">
        <v>0</v>
      </c>
      <c r="MG12" s="344">
        <v>0</v>
      </c>
      <c r="MH12" s="348">
        <v>0</v>
      </c>
      <c r="MI12" s="403">
        <v>0</v>
      </c>
      <c r="MJ12" s="344">
        <v>223139</v>
      </c>
      <c r="MK12" s="344">
        <v>1924477</v>
      </c>
      <c r="ML12" s="344">
        <v>7100425</v>
      </c>
      <c r="MM12" s="344">
        <v>13720257</v>
      </c>
      <c r="MN12" s="344">
        <v>7553384</v>
      </c>
      <c r="MO12" s="348">
        <v>30521682</v>
      </c>
      <c r="MP12" s="353">
        <v>30521682</v>
      </c>
      <c r="MQ12" s="347">
        <v>0</v>
      </c>
      <c r="MR12" s="344">
        <v>0</v>
      </c>
      <c r="MS12" s="348">
        <v>0</v>
      </c>
      <c r="MT12" s="403">
        <v>0</v>
      </c>
      <c r="MU12" s="344">
        <v>0</v>
      </c>
      <c r="MV12" s="344">
        <v>0</v>
      </c>
      <c r="MW12" s="344">
        <v>4932446</v>
      </c>
      <c r="MX12" s="344">
        <v>9224089</v>
      </c>
      <c r="MY12" s="344">
        <v>4720907</v>
      </c>
      <c r="MZ12" s="348">
        <v>18877442</v>
      </c>
      <c r="NA12" s="353">
        <v>18877442</v>
      </c>
      <c r="NB12" s="347">
        <v>0</v>
      </c>
      <c r="NC12" s="344">
        <v>0</v>
      </c>
      <c r="ND12" s="348">
        <v>0</v>
      </c>
      <c r="NE12" s="403">
        <v>0</v>
      </c>
      <c r="NF12" s="344">
        <v>223139</v>
      </c>
      <c r="NG12" s="344">
        <v>1924477</v>
      </c>
      <c r="NH12" s="344">
        <v>1884761</v>
      </c>
      <c r="NI12" s="344">
        <v>4242432</v>
      </c>
      <c r="NJ12" s="344">
        <v>1574237</v>
      </c>
      <c r="NK12" s="348">
        <v>9849046</v>
      </c>
      <c r="NL12" s="346">
        <v>9849046</v>
      </c>
      <c r="NM12" s="347">
        <v>0</v>
      </c>
      <c r="NN12" s="344">
        <v>0</v>
      </c>
      <c r="NO12" s="348">
        <v>0</v>
      </c>
      <c r="NP12" s="403">
        <v>0</v>
      </c>
      <c r="NQ12" s="344">
        <v>0</v>
      </c>
      <c r="NR12" s="344">
        <v>0</v>
      </c>
      <c r="NS12" s="344">
        <v>0</v>
      </c>
      <c r="NT12" s="344">
        <v>253736</v>
      </c>
      <c r="NU12" s="344">
        <v>272262</v>
      </c>
      <c r="NV12" s="348">
        <v>525998</v>
      </c>
      <c r="NW12" s="349">
        <v>525998</v>
      </c>
      <c r="NX12" s="347">
        <v>0</v>
      </c>
      <c r="NY12" s="344">
        <v>0</v>
      </c>
      <c r="NZ12" s="348">
        <v>0</v>
      </c>
      <c r="OA12" s="403">
        <v>0</v>
      </c>
      <c r="OB12" s="344">
        <v>0</v>
      </c>
      <c r="OC12" s="344">
        <v>0</v>
      </c>
      <c r="OD12" s="344">
        <v>283218</v>
      </c>
      <c r="OE12" s="344">
        <v>0</v>
      </c>
      <c r="OF12" s="344">
        <v>985978</v>
      </c>
      <c r="OG12" s="348">
        <v>1269196</v>
      </c>
      <c r="OH12" s="349">
        <v>1269196</v>
      </c>
      <c r="OI12" s="347">
        <v>1095602</v>
      </c>
      <c r="OJ12" s="344">
        <v>2495899</v>
      </c>
      <c r="OK12" s="345">
        <v>3591501</v>
      </c>
      <c r="OL12" s="350">
        <v>0</v>
      </c>
      <c r="OM12" s="344">
        <v>15503117</v>
      </c>
      <c r="ON12" s="344">
        <v>30248270</v>
      </c>
      <c r="OO12" s="344">
        <v>33207928</v>
      </c>
      <c r="OP12" s="344">
        <v>34981684</v>
      </c>
      <c r="OQ12" s="344">
        <v>22495507</v>
      </c>
      <c r="OR12" s="348">
        <v>136436506</v>
      </c>
      <c r="OS12" s="353">
        <v>140028007</v>
      </c>
    </row>
    <row r="13" spans="2:409" s="70" customFormat="1" ht="21" customHeight="1" x14ac:dyDescent="0.2">
      <c r="B13" s="409" t="s">
        <v>7</v>
      </c>
      <c r="C13" s="325">
        <v>883460</v>
      </c>
      <c r="D13" s="326">
        <v>965963</v>
      </c>
      <c r="E13" s="327">
        <v>1849423</v>
      </c>
      <c r="F13" s="328">
        <v>0</v>
      </c>
      <c r="G13" s="326">
        <v>13453855</v>
      </c>
      <c r="H13" s="326">
        <v>11537565</v>
      </c>
      <c r="I13" s="326">
        <v>7806716</v>
      </c>
      <c r="J13" s="326">
        <v>9827072</v>
      </c>
      <c r="K13" s="326">
        <v>6826018</v>
      </c>
      <c r="L13" s="328">
        <v>49451226</v>
      </c>
      <c r="M13" s="329">
        <v>51300649</v>
      </c>
      <c r="N13" s="325">
        <v>193245</v>
      </c>
      <c r="O13" s="326">
        <v>188264</v>
      </c>
      <c r="P13" s="327">
        <v>381509</v>
      </c>
      <c r="Q13" s="325">
        <v>0</v>
      </c>
      <c r="R13" s="326">
        <v>3359244</v>
      </c>
      <c r="S13" s="326">
        <v>3127291</v>
      </c>
      <c r="T13" s="326">
        <v>2307773</v>
      </c>
      <c r="U13" s="326">
        <v>4784658</v>
      </c>
      <c r="V13" s="326">
        <v>1937899</v>
      </c>
      <c r="W13" s="327">
        <v>15516865</v>
      </c>
      <c r="X13" s="329">
        <v>15898374</v>
      </c>
      <c r="Y13" s="325">
        <v>0</v>
      </c>
      <c r="Z13" s="326">
        <v>0</v>
      </c>
      <c r="AA13" s="327">
        <v>0</v>
      </c>
      <c r="AB13" s="325">
        <v>0</v>
      </c>
      <c r="AC13" s="326">
        <v>1379479</v>
      </c>
      <c r="AD13" s="326">
        <v>1410257</v>
      </c>
      <c r="AE13" s="326">
        <v>1125573</v>
      </c>
      <c r="AF13" s="326">
        <v>2713649</v>
      </c>
      <c r="AG13" s="326">
        <v>556672</v>
      </c>
      <c r="AH13" s="327">
        <v>7185630</v>
      </c>
      <c r="AI13" s="329">
        <v>7185630</v>
      </c>
      <c r="AJ13" s="325">
        <v>0</v>
      </c>
      <c r="AK13" s="326">
        <v>0</v>
      </c>
      <c r="AL13" s="327">
        <v>0</v>
      </c>
      <c r="AM13" s="325">
        <v>0</v>
      </c>
      <c r="AN13" s="326">
        <v>40917</v>
      </c>
      <c r="AO13" s="326">
        <v>0</v>
      </c>
      <c r="AP13" s="326">
        <v>0</v>
      </c>
      <c r="AQ13" s="326">
        <v>530513</v>
      </c>
      <c r="AR13" s="326">
        <v>474338</v>
      </c>
      <c r="AS13" s="327">
        <v>1045768</v>
      </c>
      <c r="AT13" s="329">
        <v>1045768</v>
      </c>
      <c r="AU13" s="325">
        <v>0</v>
      </c>
      <c r="AV13" s="326">
        <v>118516</v>
      </c>
      <c r="AW13" s="327">
        <v>118516</v>
      </c>
      <c r="AX13" s="325">
        <v>0</v>
      </c>
      <c r="AY13" s="326">
        <v>1140307</v>
      </c>
      <c r="AZ13" s="326">
        <v>964205</v>
      </c>
      <c r="BA13" s="326">
        <v>619327</v>
      </c>
      <c r="BB13" s="326">
        <v>861748</v>
      </c>
      <c r="BC13" s="326">
        <v>518798</v>
      </c>
      <c r="BD13" s="327">
        <v>4104385</v>
      </c>
      <c r="BE13" s="329">
        <v>4222901</v>
      </c>
      <c r="BF13" s="325">
        <v>18196</v>
      </c>
      <c r="BG13" s="326">
        <v>0</v>
      </c>
      <c r="BH13" s="330">
        <v>18196</v>
      </c>
      <c r="BI13" s="331">
        <v>0</v>
      </c>
      <c r="BJ13" s="326">
        <v>54070</v>
      </c>
      <c r="BK13" s="326">
        <v>137742</v>
      </c>
      <c r="BL13" s="326">
        <v>112612</v>
      </c>
      <c r="BM13" s="326">
        <v>171100</v>
      </c>
      <c r="BN13" s="326">
        <v>25610</v>
      </c>
      <c r="BO13" s="327">
        <v>501134</v>
      </c>
      <c r="BP13" s="329">
        <v>519330</v>
      </c>
      <c r="BQ13" s="325">
        <v>175049</v>
      </c>
      <c r="BR13" s="326">
        <v>69748</v>
      </c>
      <c r="BS13" s="327">
        <v>244797</v>
      </c>
      <c r="BT13" s="325">
        <v>0</v>
      </c>
      <c r="BU13" s="326">
        <v>744471</v>
      </c>
      <c r="BV13" s="326">
        <v>615087</v>
      </c>
      <c r="BW13" s="326">
        <v>450261</v>
      </c>
      <c r="BX13" s="326">
        <v>507648</v>
      </c>
      <c r="BY13" s="326">
        <v>362481</v>
      </c>
      <c r="BZ13" s="327">
        <v>2679948</v>
      </c>
      <c r="CA13" s="329">
        <v>2924745</v>
      </c>
      <c r="CB13" s="325">
        <v>37182</v>
      </c>
      <c r="CC13" s="326">
        <v>101054</v>
      </c>
      <c r="CD13" s="327">
        <v>138236</v>
      </c>
      <c r="CE13" s="325">
        <v>0</v>
      </c>
      <c r="CF13" s="326">
        <v>3838703</v>
      </c>
      <c r="CG13" s="326">
        <v>2628795</v>
      </c>
      <c r="CH13" s="326">
        <v>1529475</v>
      </c>
      <c r="CI13" s="326">
        <v>1076837</v>
      </c>
      <c r="CJ13" s="326">
        <v>306251</v>
      </c>
      <c r="CK13" s="327">
        <v>9380061</v>
      </c>
      <c r="CL13" s="329">
        <v>9518297</v>
      </c>
      <c r="CM13" s="325">
        <v>0</v>
      </c>
      <c r="CN13" s="326">
        <v>0</v>
      </c>
      <c r="CO13" s="327">
        <v>0</v>
      </c>
      <c r="CP13" s="331">
        <v>0</v>
      </c>
      <c r="CQ13" s="326">
        <v>3078282</v>
      </c>
      <c r="CR13" s="326">
        <v>1839506</v>
      </c>
      <c r="CS13" s="326">
        <v>1036044</v>
      </c>
      <c r="CT13" s="326">
        <v>749581</v>
      </c>
      <c r="CU13" s="326">
        <v>229825</v>
      </c>
      <c r="CV13" s="327">
        <v>6933238</v>
      </c>
      <c r="CW13" s="329">
        <v>6933238</v>
      </c>
      <c r="CX13" s="325">
        <v>37182</v>
      </c>
      <c r="CY13" s="326">
        <v>101054</v>
      </c>
      <c r="CZ13" s="327">
        <v>138236</v>
      </c>
      <c r="DA13" s="325">
        <v>0</v>
      </c>
      <c r="DB13" s="326">
        <v>760421</v>
      </c>
      <c r="DC13" s="326">
        <v>789289</v>
      </c>
      <c r="DD13" s="326">
        <v>493431</v>
      </c>
      <c r="DE13" s="326">
        <v>327256</v>
      </c>
      <c r="DF13" s="326">
        <v>76426</v>
      </c>
      <c r="DG13" s="327">
        <v>2446823</v>
      </c>
      <c r="DH13" s="329">
        <v>2585059</v>
      </c>
      <c r="DI13" s="325">
        <v>0</v>
      </c>
      <c r="DJ13" s="326">
        <v>0</v>
      </c>
      <c r="DK13" s="330">
        <v>0</v>
      </c>
      <c r="DL13" s="331">
        <v>0</v>
      </c>
      <c r="DM13" s="326">
        <v>430875</v>
      </c>
      <c r="DN13" s="326">
        <v>611875</v>
      </c>
      <c r="DO13" s="326">
        <v>570352</v>
      </c>
      <c r="DP13" s="326">
        <v>507697</v>
      </c>
      <c r="DQ13" s="326">
        <v>171935</v>
      </c>
      <c r="DR13" s="327">
        <v>2292734</v>
      </c>
      <c r="DS13" s="329">
        <v>2292734</v>
      </c>
      <c r="DT13" s="325">
        <v>0</v>
      </c>
      <c r="DU13" s="326">
        <v>0</v>
      </c>
      <c r="DV13" s="327">
        <v>0</v>
      </c>
      <c r="DW13" s="325">
        <v>0</v>
      </c>
      <c r="DX13" s="326">
        <v>430875</v>
      </c>
      <c r="DY13" s="326">
        <v>571519</v>
      </c>
      <c r="DZ13" s="326">
        <v>570352</v>
      </c>
      <c r="EA13" s="326">
        <v>507697</v>
      </c>
      <c r="EB13" s="326">
        <v>171935</v>
      </c>
      <c r="EC13" s="327">
        <v>2252378</v>
      </c>
      <c r="ED13" s="329">
        <v>2252378</v>
      </c>
      <c r="EE13" s="325">
        <v>0</v>
      </c>
      <c r="EF13" s="330">
        <v>0</v>
      </c>
      <c r="EG13" s="327">
        <v>0</v>
      </c>
      <c r="EH13" s="325">
        <v>0</v>
      </c>
      <c r="EI13" s="326">
        <v>0</v>
      </c>
      <c r="EJ13" s="326">
        <v>40356</v>
      </c>
      <c r="EK13" s="326">
        <v>0</v>
      </c>
      <c r="EL13" s="326">
        <v>0</v>
      </c>
      <c r="EM13" s="326">
        <v>0</v>
      </c>
      <c r="EN13" s="330">
        <v>40356</v>
      </c>
      <c r="EO13" s="329">
        <v>40356</v>
      </c>
      <c r="EP13" s="325">
        <v>0</v>
      </c>
      <c r="EQ13" s="326">
        <v>0</v>
      </c>
      <c r="ER13" s="330">
        <v>0</v>
      </c>
      <c r="ES13" s="331">
        <v>0</v>
      </c>
      <c r="ET13" s="326">
        <v>0</v>
      </c>
      <c r="EU13" s="326">
        <v>0</v>
      </c>
      <c r="EV13" s="326">
        <v>0</v>
      </c>
      <c r="EW13" s="326">
        <v>0</v>
      </c>
      <c r="EX13" s="326">
        <v>0</v>
      </c>
      <c r="EY13" s="327">
        <v>0</v>
      </c>
      <c r="EZ13" s="329">
        <v>0</v>
      </c>
      <c r="FA13" s="325">
        <v>0</v>
      </c>
      <c r="FB13" s="326">
        <v>0</v>
      </c>
      <c r="FC13" s="330">
        <v>0</v>
      </c>
      <c r="FD13" s="403">
        <v>0</v>
      </c>
      <c r="FE13" s="326">
        <v>0</v>
      </c>
      <c r="FF13" s="326">
        <v>0</v>
      </c>
      <c r="FG13" s="326">
        <v>0</v>
      </c>
      <c r="FH13" s="326">
        <v>0</v>
      </c>
      <c r="FI13" s="326">
        <v>0</v>
      </c>
      <c r="FJ13" s="327">
        <v>0</v>
      </c>
      <c r="FK13" s="329">
        <v>0</v>
      </c>
      <c r="FL13" s="325">
        <v>-15185</v>
      </c>
      <c r="FM13" s="326">
        <v>273896</v>
      </c>
      <c r="FN13" s="327">
        <v>258711</v>
      </c>
      <c r="FO13" s="325">
        <v>0</v>
      </c>
      <c r="FP13" s="326">
        <v>735914</v>
      </c>
      <c r="FQ13" s="326">
        <v>884688</v>
      </c>
      <c r="FR13" s="326">
        <v>604289</v>
      </c>
      <c r="FS13" s="326">
        <v>838502</v>
      </c>
      <c r="FT13" s="326">
        <v>350658</v>
      </c>
      <c r="FU13" s="327">
        <v>3414051</v>
      </c>
      <c r="FV13" s="329">
        <v>3672762</v>
      </c>
      <c r="FW13" s="332">
        <v>-27890</v>
      </c>
      <c r="FX13" s="326">
        <v>95536</v>
      </c>
      <c r="FY13" s="330">
        <v>67646</v>
      </c>
      <c r="FZ13" s="331">
        <v>0</v>
      </c>
      <c r="GA13" s="326">
        <v>511091</v>
      </c>
      <c r="GB13" s="326">
        <v>852208</v>
      </c>
      <c r="GC13" s="326">
        <v>536053</v>
      </c>
      <c r="GD13" s="326">
        <v>771554</v>
      </c>
      <c r="GE13" s="326">
        <v>332486</v>
      </c>
      <c r="GF13" s="327">
        <v>3003392</v>
      </c>
      <c r="GG13" s="333">
        <v>3071038</v>
      </c>
      <c r="GH13" s="332">
        <v>12705</v>
      </c>
      <c r="GI13" s="326">
        <v>38360</v>
      </c>
      <c r="GJ13" s="330">
        <v>51065</v>
      </c>
      <c r="GK13" s="331">
        <v>0</v>
      </c>
      <c r="GL13" s="326">
        <v>114223</v>
      </c>
      <c r="GM13" s="326">
        <v>32480</v>
      </c>
      <c r="GN13" s="326">
        <v>28336</v>
      </c>
      <c r="GO13" s="326">
        <v>48048</v>
      </c>
      <c r="GP13" s="326">
        <v>18172</v>
      </c>
      <c r="GQ13" s="327">
        <v>241259</v>
      </c>
      <c r="GR13" s="329">
        <v>292324</v>
      </c>
      <c r="GS13" s="325">
        <v>0</v>
      </c>
      <c r="GT13" s="326">
        <v>140000</v>
      </c>
      <c r="GU13" s="327">
        <v>140000</v>
      </c>
      <c r="GV13" s="325">
        <v>0</v>
      </c>
      <c r="GW13" s="326">
        <v>110600</v>
      </c>
      <c r="GX13" s="326">
        <v>0</v>
      </c>
      <c r="GY13" s="326">
        <v>39900</v>
      </c>
      <c r="GZ13" s="326">
        <v>18900</v>
      </c>
      <c r="HA13" s="326">
        <v>0</v>
      </c>
      <c r="HB13" s="330">
        <v>169400</v>
      </c>
      <c r="HC13" s="329">
        <v>309400</v>
      </c>
      <c r="HD13" s="325">
        <v>668218</v>
      </c>
      <c r="HE13" s="326">
        <v>402749</v>
      </c>
      <c r="HF13" s="330">
        <v>1070967</v>
      </c>
      <c r="HG13" s="331">
        <v>0</v>
      </c>
      <c r="HH13" s="326">
        <v>5089119</v>
      </c>
      <c r="HI13" s="326">
        <v>4284916</v>
      </c>
      <c r="HJ13" s="326">
        <v>2794827</v>
      </c>
      <c r="HK13" s="326">
        <v>2619378</v>
      </c>
      <c r="HL13" s="326">
        <v>4059275</v>
      </c>
      <c r="HM13" s="327">
        <v>18847515</v>
      </c>
      <c r="HN13" s="328">
        <v>19918482</v>
      </c>
      <c r="HO13" s="332">
        <v>0</v>
      </c>
      <c r="HP13" s="326">
        <v>0</v>
      </c>
      <c r="HQ13" s="327">
        <v>0</v>
      </c>
      <c r="HR13" s="325">
        <v>0</v>
      </c>
      <c r="HS13" s="326">
        <v>0</v>
      </c>
      <c r="HT13" s="326">
        <v>0</v>
      </c>
      <c r="HU13" s="326">
        <v>0</v>
      </c>
      <c r="HV13" s="326">
        <v>0</v>
      </c>
      <c r="HW13" s="326">
        <v>0</v>
      </c>
      <c r="HX13" s="330">
        <v>0</v>
      </c>
      <c r="HY13" s="329">
        <v>0</v>
      </c>
      <c r="HZ13" s="334">
        <v>0</v>
      </c>
      <c r="IA13" s="335">
        <v>0</v>
      </c>
      <c r="IB13" s="336">
        <v>0</v>
      </c>
      <c r="IC13" s="337">
        <v>0</v>
      </c>
      <c r="ID13" s="335">
        <v>1622874</v>
      </c>
      <c r="IE13" s="338">
        <v>1650470</v>
      </c>
      <c r="IF13" s="336">
        <v>2312858</v>
      </c>
      <c r="IG13" s="335">
        <v>1851900</v>
      </c>
      <c r="IH13" s="336">
        <v>1225712</v>
      </c>
      <c r="II13" s="339">
        <v>8663814</v>
      </c>
      <c r="IJ13" s="340">
        <v>8663814</v>
      </c>
      <c r="IK13" s="341">
        <v>0</v>
      </c>
      <c r="IL13" s="342">
        <v>0</v>
      </c>
      <c r="IM13" s="343">
        <v>0</v>
      </c>
      <c r="IN13" s="403">
        <v>0</v>
      </c>
      <c r="IO13" s="344">
        <v>0</v>
      </c>
      <c r="IP13" s="344">
        <v>116342</v>
      </c>
      <c r="IQ13" s="344">
        <v>0</v>
      </c>
      <c r="IR13" s="344">
        <v>0</v>
      </c>
      <c r="IS13" s="344">
        <v>138684</v>
      </c>
      <c r="IT13" s="345">
        <v>255026</v>
      </c>
      <c r="IU13" s="346">
        <v>255026</v>
      </c>
      <c r="IV13" s="347">
        <v>0</v>
      </c>
      <c r="IW13" s="344">
        <v>0</v>
      </c>
      <c r="IX13" s="348">
        <v>0</v>
      </c>
      <c r="IY13" s="403">
        <v>0</v>
      </c>
      <c r="IZ13" s="344">
        <v>0</v>
      </c>
      <c r="JA13" s="344">
        <v>0</v>
      </c>
      <c r="JB13" s="344">
        <v>0</v>
      </c>
      <c r="JC13" s="344">
        <v>0</v>
      </c>
      <c r="JD13" s="344">
        <v>0</v>
      </c>
      <c r="JE13" s="348">
        <v>0</v>
      </c>
      <c r="JF13" s="349">
        <v>0</v>
      </c>
      <c r="JG13" s="347">
        <v>0</v>
      </c>
      <c r="JH13" s="344">
        <v>0</v>
      </c>
      <c r="JI13" s="345">
        <v>0</v>
      </c>
      <c r="JJ13" s="350">
        <v>0</v>
      </c>
      <c r="JK13" s="344">
        <v>1233479</v>
      </c>
      <c r="JL13" s="344">
        <v>797192</v>
      </c>
      <c r="JM13" s="344">
        <v>613075</v>
      </c>
      <c r="JN13" s="344">
        <v>283518</v>
      </c>
      <c r="JO13" s="344">
        <v>135114</v>
      </c>
      <c r="JP13" s="348">
        <v>3062378</v>
      </c>
      <c r="JQ13" s="346">
        <v>3062378</v>
      </c>
      <c r="JR13" s="347">
        <v>0</v>
      </c>
      <c r="JS13" s="344">
        <v>0</v>
      </c>
      <c r="JT13" s="345">
        <v>0</v>
      </c>
      <c r="JU13" s="350">
        <v>0</v>
      </c>
      <c r="JV13" s="344">
        <v>167061</v>
      </c>
      <c r="JW13" s="344">
        <v>305573</v>
      </c>
      <c r="JX13" s="344">
        <v>609805</v>
      </c>
      <c r="JY13" s="344">
        <v>260357</v>
      </c>
      <c r="JZ13" s="344">
        <v>0</v>
      </c>
      <c r="KA13" s="348">
        <v>1342796</v>
      </c>
      <c r="KB13" s="346">
        <v>1342796</v>
      </c>
      <c r="KC13" s="351">
        <v>0</v>
      </c>
      <c r="KD13" s="352">
        <v>0</v>
      </c>
      <c r="KE13" s="348">
        <v>0</v>
      </c>
      <c r="KF13" s="350">
        <v>0</v>
      </c>
      <c r="KG13" s="344">
        <v>95746</v>
      </c>
      <c r="KH13" s="344">
        <v>0</v>
      </c>
      <c r="KI13" s="344">
        <v>184144</v>
      </c>
      <c r="KJ13" s="344">
        <v>283951</v>
      </c>
      <c r="KK13" s="344">
        <v>224090</v>
      </c>
      <c r="KL13" s="348">
        <v>787931</v>
      </c>
      <c r="KM13" s="353">
        <v>787931</v>
      </c>
      <c r="KN13" s="341">
        <v>0</v>
      </c>
      <c r="KO13" s="342">
        <v>0</v>
      </c>
      <c r="KP13" s="343">
        <v>0</v>
      </c>
      <c r="KQ13" s="403">
        <v>0</v>
      </c>
      <c r="KR13" s="344">
        <v>208133</v>
      </c>
      <c r="KS13" s="344">
        <v>431363</v>
      </c>
      <c r="KT13" s="344">
        <v>905834</v>
      </c>
      <c r="KU13" s="344">
        <v>1024074</v>
      </c>
      <c r="KV13" s="344">
        <v>459321</v>
      </c>
      <c r="KW13" s="348">
        <v>3028725</v>
      </c>
      <c r="KX13" s="346">
        <v>3028725</v>
      </c>
      <c r="KY13" s="347">
        <v>0</v>
      </c>
      <c r="KZ13" s="344">
        <v>0</v>
      </c>
      <c r="LA13" s="348">
        <v>0</v>
      </c>
      <c r="LB13" s="403">
        <v>0</v>
      </c>
      <c r="LC13" s="344">
        <v>0</v>
      </c>
      <c r="LD13" s="344">
        <v>0</v>
      </c>
      <c r="LE13" s="344">
        <v>0</v>
      </c>
      <c r="LF13" s="344">
        <v>0</v>
      </c>
      <c r="LG13" s="344">
        <v>0</v>
      </c>
      <c r="LH13" s="348">
        <v>0</v>
      </c>
      <c r="LI13" s="349">
        <v>0</v>
      </c>
      <c r="LJ13" s="347">
        <v>0</v>
      </c>
      <c r="LK13" s="344">
        <v>0</v>
      </c>
      <c r="LL13" s="348">
        <v>0</v>
      </c>
      <c r="LM13" s="403">
        <v>0</v>
      </c>
      <c r="LN13" s="344">
        <v>0</v>
      </c>
      <c r="LO13" s="344">
        <v>0</v>
      </c>
      <c r="LP13" s="344">
        <v>0</v>
      </c>
      <c r="LQ13" s="344">
        <v>0</v>
      </c>
      <c r="LR13" s="344">
        <v>0</v>
      </c>
      <c r="LS13" s="348">
        <v>0</v>
      </c>
      <c r="LT13" s="346">
        <v>0</v>
      </c>
      <c r="LU13" s="347">
        <v>0</v>
      </c>
      <c r="LV13" s="344">
        <v>0</v>
      </c>
      <c r="LW13" s="348">
        <v>0</v>
      </c>
      <c r="LX13" s="403">
        <v>0</v>
      </c>
      <c r="LY13" s="344">
        <v>-81545</v>
      </c>
      <c r="LZ13" s="344">
        <v>0</v>
      </c>
      <c r="MA13" s="344">
        <v>0</v>
      </c>
      <c r="MB13" s="344">
        <v>0</v>
      </c>
      <c r="MC13" s="344">
        <v>268503</v>
      </c>
      <c r="MD13" s="348">
        <v>186958</v>
      </c>
      <c r="ME13" s="349">
        <v>186958</v>
      </c>
      <c r="MF13" s="347">
        <v>0</v>
      </c>
      <c r="MG13" s="344">
        <v>0</v>
      </c>
      <c r="MH13" s="348">
        <v>0</v>
      </c>
      <c r="MI13" s="403">
        <v>0</v>
      </c>
      <c r="MJ13" s="344">
        <v>434880</v>
      </c>
      <c r="MK13" s="344">
        <v>953454</v>
      </c>
      <c r="ML13" s="344">
        <v>2881472</v>
      </c>
      <c r="MM13" s="344">
        <v>4844224</v>
      </c>
      <c r="MN13" s="344">
        <v>2712688</v>
      </c>
      <c r="MO13" s="348">
        <v>11826718</v>
      </c>
      <c r="MP13" s="353">
        <v>11826718</v>
      </c>
      <c r="MQ13" s="347">
        <v>0</v>
      </c>
      <c r="MR13" s="344">
        <v>0</v>
      </c>
      <c r="MS13" s="348">
        <v>0</v>
      </c>
      <c r="MT13" s="403">
        <v>0</v>
      </c>
      <c r="MU13" s="344">
        <v>0</v>
      </c>
      <c r="MV13" s="344">
        <v>209610</v>
      </c>
      <c r="MW13" s="344">
        <v>1744167</v>
      </c>
      <c r="MX13" s="344">
        <v>3653435</v>
      </c>
      <c r="MY13" s="344">
        <v>2415617</v>
      </c>
      <c r="MZ13" s="348">
        <v>8022829</v>
      </c>
      <c r="NA13" s="353">
        <v>8022829</v>
      </c>
      <c r="NB13" s="347">
        <v>0</v>
      </c>
      <c r="NC13" s="344">
        <v>0</v>
      </c>
      <c r="ND13" s="348">
        <v>0</v>
      </c>
      <c r="NE13" s="403">
        <v>0</v>
      </c>
      <c r="NF13" s="344">
        <v>434880</v>
      </c>
      <c r="NG13" s="344">
        <v>743844</v>
      </c>
      <c r="NH13" s="344">
        <v>1137305</v>
      </c>
      <c r="NI13" s="344">
        <v>1190789</v>
      </c>
      <c r="NJ13" s="344">
        <v>297071</v>
      </c>
      <c r="NK13" s="348">
        <v>3803889</v>
      </c>
      <c r="NL13" s="346">
        <v>3803889</v>
      </c>
      <c r="NM13" s="347">
        <v>0</v>
      </c>
      <c r="NN13" s="344">
        <v>0</v>
      </c>
      <c r="NO13" s="348">
        <v>0</v>
      </c>
      <c r="NP13" s="403">
        <v>0</v>
      </c>
      <c r="NQ13" s="344">
        <v>0</v>
      </c>
      <c r="NR13" s="344">
        <v>0</v>
      </c>
      <c r="NS13" s="344">
        <v>0</v>
      </c>
      <c r="NT13" s="344">
        <v>0</v>
      </c>
      <c r="NU13" s="344">
        <v>0</v>
      </c>
      <c r="NV13" s="348">
        <v>0</v>
      </c>
      <c r="NW13" s="349">
        <v>0</v>
      </c>
      <c r="NX13" s="347">
        <v>0</v>
      </c>
      <c r="NY13" s="344">
        <v>0</v>
      </c>
      <c r="NZ13" s="348">
        <v>0</v>
      </c>
      <c r="OA13" s="403">
        <v>0</v>
      </c>
      <c r="OB13" s="344">
        <v>0</v>
      </c>
      <c r="OC13" s="344">
        <v>0</v>
      </c>
      <c r="OD13" s="344">
        <v>0</v>
      </c>
      <c r="OE13" s="344">
        <v>0</v>
      </c>
      <c r="OF13" s="344">
        <v>0</v>
      </c>
      <c r="OG13" s="348">
        <v>0</v>
      </c>
      <c r="OH13" s="349">
        <v>0</v>
      </c>
      <c r="OI13" s="347">
        <v>883460</v>
      </c>
      <c r="OJ13" s="344">
        <v>965963</v>
      </c>
      <c r="OK13" s="345">
        <v>1849423</v>
      </c>
      <c r="OL13" s="350">
        <v>0</v>
      </c>
      <c r="OM13" s="344">
        <v>15511609</v>
      </c>
      <c r="ON13" s="344">
        <v>14141489</v>
      </c>
      <c r="OO13" s="344">
        <v>13001046</v>
      </c>
      <c r="OP13" s="344">
        <v>16523196</v>
      </c>
      <c r="OQ13" s="344">
        <v>10764418</v>
      </c>
      <c r="OR13" s="348">
        <v>69941758</v>
      </c>
      <c r="OS13" s="353">
        <v>71791181</v>
      </c>
    </row>
    <row r="14" spans="2:409" s="70" customFormat="1" ht="21" customHeight="1" x14ac:dyDescent="0.2">
      <c r="B14" s="409" t="s">
        <v>8</v>
      </c>
      <c r="C14" s="325">
        <v>578611</v>
      </c>
      <c r="D14" s="326">
        <v>586448</v>
      </c>
      <c r="E14" s="327">
        <v>1165059</v>
      </c>
      <c r="F14" s="328">
        <v>0</v>
      </c>
      <c r="G14" s="326">
        <v>6318280</v>
      </c>
      <c r="H14" s="326">
        <v>6501283</v>
      </c>
      <c r="I14" s="326">
        <v>5893138</v>
      </c>
      <c r="J14" s="326">
        <v>6542350</v>
      </c>
      <c r="K14" s="326">
        <v>5252563</v>
      </c>
      <c r="L14" s="328">
        <v>30507614</v>
      </c>
      <c r="M14" s="329">
        <v>31672673</v>
      </c>
      <c r="N14" s="325">
        <v>114184</v>
      </c>
      <c r="O14" s="326">
        <v>207144</v>
      </c>
      <c r="P14" s="327">
        <v>321328</v>
      </c>
      <c r="Q14" s="325">
        <v>0</v>
      </c>
      <c r="R14" s="326">
        <v>2048361</v>
      </c>
      <c r="S14" s="326">
        <v>1875249</v>
      </c>
      <c r="T14" s="326">
        <v>1616578</v>
      </c>
      <c r="U14" s="326">
        <v>2935007</v>
      </c>
      <c r="V14" s="326">
        <v>3077175</v>
      </c>
      <c r="W14" s="327">
        <v>11552370</v>
      </c>
      <c r="X14" s="329">
        <v>11873698</v>
      </c>
      <c r="Y14" s="325">
        <v>0</v>
      </c>
      <c r="Z14" s="326">
        <v>0</v>
      </c>
      <c r="AA14" s="327">
        <v>0</v>
      </c>
      <c r="AB14" s="325">
        <v>0</v>
      </c>
      <c r="AC14" s="326">
        <v>801247</v>
      </c>
      <c r="AD14" s="326">
        <v>767492</v>
      </c>
      <c r="AE14" s="326">
        <v>977567</v>
      </c>
      <c r="AF14" s="326">
        <v>1758835</v>
      </c>
      <c r="AG14" s="326">
        <v>2044817</v>
      </c>
      <c r="AH14" s="327">
        <v>6349958</v>
      </c>
      <c r="AI14" s="329">
        <v>6349958</v>
      </c>
      <c r="AJ14" s="325">
        <v>0</v>
      </c>
      <c r="AK14" s="326">
        <v>0</v>
      </c>
      <c r="AL14" s="327">
        <v>0</v>
      </c>
      <c r="AM14" s="325">
        <v>0</v>
      </c>
      <c r="AN14" s="326">
        <v>0</v>
      </c>
      <c r="AO14" s="326">
        <v>0</v>
      </c>
      <c r="AP14" s="326">
        <v>0</v>
      </c>
      <c r="AQ14" s="326">
        <v>97459</v>
      </c>
      <c r="AR14" s="326">
        <v>159647</v>
      </c>
      <c r="AS14" s="327">
        <v>257106</v>
      </c>
      <c r="AT14" s="329">
        <v>257106</v>
      </c>
      <c r="AU14" s="325">
        <v>59556</v>
      </c>
      <c r="AV14" s="326">
        <v>110480</v>
      </c>
      <c r="AW14" s="327">
        <v>170036</v>
      </c>
      <c r="AX14" s="325">
        <v>0</v>
      </c>
      <c r="AY14" s="326">
        <v>784387</v>
      </c>
      <c r="AZ14" s="326">
        <v>648741</v>
      </c>
      <c r="BA14" s="326">
        <v>427677</v>
      </c>
      <c r="BB14" s="326">
        <v>737935</v>
      </c>
      <c r="BC14" s="326">
        <v>450798</v>
      </c>
      <c r="BD14" s="327">
        <v>3049538</v>
      </c>
      <c r="BE14" s="329">
        <v>3219574</v>
      </c>
      <c r="BF14" s="325">
        <v>0</v>
      </c>
      <c r="BG14" s="326">
        <v>74348</v>
      </c>
      <c r="BH14" s="330">
        <v>74348</v>
      </c>
      <c r="BI14" s="331">
        <v>0</v>
      </c>
      <c r="BJ14" s="326">
        <v>122471</v>
      </c>
      <c r="BK14" s="326">
        <v>165009</v>
      </c>
      <c r="BL14" s="326">
        <v>45637</v>
      </c>
      <c r="BM14" s="326">
        <v>47681</v>
      </c>
      <c r="BN14" s="326">
        <v>163312</v>
      </c>
      <c r="BO14" s="327">
        <v>544110</v>
      </c>
      <c r="BP14" s="329">
        <v>618458</v>
      </c>
      <c r="BQ14" s="325">
        <v>54628</v>
      </c>
      <c r="BR14" s="326">
        <v>22316</v>
      </c>
      <c r="BS14" s="327">
        <v>76944</v>
      </c>
      <c r="BT14" s="325">
        <v>0</v>
      </c>
      <c r="BU14" s="326">
        <v>340256</v>
      </c>
      <c r="BV14" s="326">
        <v>294007</v>
      </c>
      <c r="BW14" s="326">
        <v>165697</v>
      </c>
      <c r="BX14" s="326">
        <v>293097</v>
      </c>
      <c r="BY14" s="326">
        <v>258601</v>
      </c>
      <c r="BZ14" s="327">
        <v>1351658</v>
      </c>
      <c r="CA14" s="329">
        <v>1428602</v>
      </c>
      <c r="CB14" s="325">
        <v>71751</v>
      </c>
      <c r="CC14" s="326">
        <v>137623</v>
      </c>
      <c r="CD14" s="327">
        <v>209374</v>
      </c>
      <c r="CE14" s="325">
        <v>0</v>
      </c>
      <c r="CF14" s="326">
        <v>1673341</v>
      </c>
      <c r="CG14" s="326">
        <v>1776986</v>
      </c>
      <c r="CH14" s="326">
        <v>1677039</v>
      </c>
      <c r="CI14" s="326">
        <v>1044513</v>
      </c>
      <c r="CJ14" s="326">
        <v>625941</v>
      </c>
      <c r="CK14" s="327">
        <v>6797820</v>
      </c>
      <c r="CL14" s="329">
        <v>7007194</v>
      </c>
      <c r="CM14" s="325">
        <v>0</v>
      </c>
      <c r="CN14" s="326">
        <v>0</v>
      </c>
      <c r="CO14" s="327">
        <v>0</v>
      </c>
      <c r="CP14" s="331">
        <v>0</v>
      </c>
      <c r="CQ14" s="326">
        <v>1163867</v>
      </c>
      <c r="CR14" s="326">
        <v>1525614</v>
      </c>
      <c r="CS14" s="326">
        <v>1011690</v>
      </c>
      <c r="CT14" s="326">
        <v>705649</v>
      </c>
      <c r="CU14" s="326">
        <v>461183</v>
      </c>
      <c r="CV14" s="327">
        <v>4868003</v>
      </c>
      <c r="CW14" s="329">
        <v>4868003</v>
      </c>
      <c r="CX14" s="325">
        <v>71751</v>
      </c>
      <c r="CY14" s="326">
        <v>137623</v>
      </c>
      <c r="CZ14" s="327">
        <v>209374</v>
      </c>
      <c r="DA14" s="325">
        <v>0</v>
      </c>
      <c r="DB14" s="326">
        <v>509474</v>
      </c>
      <c r="DC14" s="326">
        <v>251372</v>
      </c>
      <c r="DD14" s="326">
        <v>665349</v>
      </c>
      <c r="DE14" s="326">
        <v>338864</v>
      </c>
      <c r="DF14" s="326">
        <v>164758</v>
      </c>
      <c r="DG14" s="327">
        <v>1929817</v>
      </c>
      <c r="DH14" s="329">
        <v>2139191</v>
      </c>
      <c r="DI14" s="325">
        <v>0</v>
      </c>
      <c r="DJ14" s="326">
        <v>0</v>
      </c>
      <c r="DK14" s="330">
        <v>0</v>
      </c>
      <c r="DL14" s="331">
        <v>0</v>
      </c>
      <c r="DM14" s="326">
        <v>168111</v>
      </c>
      <c r="DN14" s="326">
        <v>552658</v>
      </c>
      <c r="DO14" s="326">
        <v>974233</v>
      </c>
      <c r="DP14" s="326">
        <v>-69743</v>
      </c>
      <c r="DQ14" s="326">
        <v>579318</v>
      </c>
      <c r="DR14" s="327">
        <v>2204577</v>
      </c>
      <c r="DS14" s="329">
        <v>2204577</v>
      </c>
      <c r="DT14" s="325">
        <v>0</v>
      </c>
      <c r="DU14" s="326">
        <v>0</v>
      </c>
      <c r="DV14" s="327">
        <v>0</v>
      </c>
      <c r="DW14" s="325">
        <v>0</v>
      </c>
      <c r="DX14" s="326">
        <v>168111</v>
      </c>
      <c r="DY14" s="326">
        <v>457132</v>
      </c>
      <c r="DZ14" s="326">
        <v>974233</v>
      </c>
      <c r="EA14" s="326">
        <v>-111145</v>
      </c>
      <c r="EB14" s="326">
        <v>579318</v>
      </c>
      <c r="EC14" s="327">
        <v>2067649</v>
      </c>
      <c r="ED14" s="329">
        <v>2067649</v>
      </c>
      <c r="EE14" s="325">
        <v>0</v>
      </c>
      <c r="EF14" s="330">
        <v>0</v>
      </c>
      <c r="EG14" s="327">
        <v>0</v>
      </c>
      <c r="EH14" s="325">
        <v>0</v>
      </c>
      <c r="EI14" s="326">
        <v>0</v>
      </c>
      <c r="EJ14" s="326">
        <v>95526</v>
      </c>
      <c r="EK14" s="326">
        <v>0</v>
      </c>
      <c r="EL14" s="326">
        <v>41402</v>
      </c>
      <c r="EM14" s="326">
        <v>0</v>
      </c>
      <c r="EN14" s="330">
        <v>136928</v>
      </c>
      <c r="EO14" s="329">
        <v>136928</v>
      </c>
      <c r="EP14" s="325">
        <v>0</v>
      </c>
      <c r="EQ14" s="326">
        <v>0</v>
      </c>
      <c r="ER14" s="330">
        <v>0</v>
      </c>
      <c r="ES14" s="331">
        <v>0</v>
      </c>
      <c r="ET14" s="326">
        <v>0</v>
      </c>
      <c r="EU14" s="326">
        <v>0</v>
      </c>
      <c r="EV14" s="326">
        <v>0</v>
      </c>
      <c r="EW14" s="326">
        <v>0</v>
      </c>
      <c r="EX14" s="326">
        <v>0</v>
      </c>
      <c r="EY14" s="327">
        <v>0</v>
      </c>
      <c r="EZ14" s="329">
        <v>0</v>
      </c>
      <c r="FA14" s="325">
        <v>0</v>
      </c>
      <c r="FB14" s="326">
        <v>0</v>
      </c>
      <c r="FC14" s="330">
        <v>0</v>
      </c>
      <c r="FD14" s="403">
        <v>0</v>
      </c>
      <c r="FE14" s="326">
        <v>0</v>
      </c>
      <c r="FF14" s="326">
        <v>0</v>
      </c>
      <c r="FG14" s="326">
        <v>0</v>
      </c>
      <c r="FH14" s="326">
        <v>0</v>
      </c>
      <c r="FI14" s="326">
        <v>0</v>
      </c>
      <c r="FJ14" s="327">
        <v>0</v>
      </c>
      <c r="FK14" s="329">
        <v>0</v>
      </c>
      <c r="FL14" s="325">
        <v>118748</v>
      </c>
      <c r="FM14" s="326">
        <v>72856</v>
      </c>
      <c r="FN14" s="327">
        <v>191604</v>
      </c>
      <c r="FO14" s="325">
        <v>0</v>
      </c>
      <c r="FP14" s="326">
        <v>314566</v>
      </c>
      <c r="FQ14" s="326">
        <v>577290</v>
      </c>
      <c r="FR14" s="326">
        <v>435575</v>
      </c>
      <c r="FS14" s="326">
        <v>556171</v>
      </c>
      <c r="FT14" s="326">
        <v>345695</v>
      </c>
      <c r="FU14" s="327">
        <v>2229297</v>
      </c>
      <c r="FV14" s="329">
        <v>2420901</v>
      </c>
      <c r="FW14" s="332">
        <v>118748</v>
      </c>
      <c r="FX14" s="326">
        <v>72856</v>
      </c>
      <c r="FY14" s="330">
        <v>191604</v>
      </c>
      <c r="FZ14" s="331">
        <v>0</v>
      </c>
      <c r="GA14" s="326">
        <v>314566</v>
      </c>
      <c r="GB14" s="326">
        <v>577290</v>
      </c>
      <c r="GC14" s="326">
        <v>435575</v>
      </c>
      <c r="GD14" s="326">
        <v>556171</v>
      </c>
      <c r="GE14" s="326">
        <v>345695</v>
      </c>
      <c r="GF14" s="327">
        <v>2229297</v>
      </c>
      <c r="GG14" s="333">
        <v>2420901</v>
      </c>
      <c r="GH14" s="332">
        <v>0</v>
      </c>
      <c r="GI14" s="326">
        <v>0</v>
      </c>
      <c r="GJ14" s="330">
        <v>0</v>
      </c>
      <c r="GK14" s="331">
        <v>0</v>
      </c>
      <c r="GL14" s="326">
        <v>0</v>
      </c>
      <c r="GM14" s="326">
        <v>0</v>
      </c>
      <c r="GN14" s="326">
        <v>0</v>
      </c>
      <c r="GO14" s="326">
        <v>0</v>
      </c>
      <c r="GP14" s="326">
        <v>0</v>
      </c>
      <c r="GQ14" s="327">
        <v>0</v>
      </c>
      <c r="GR14" s="329">
        <v>0</v>
      </c>
      <c r="GS14" s="325">
        <v>0</v>
      </c>
      <c r="GT14" s="326">
        <v>0</v>
      </c>
      <c r="GU14" s="327">
        <v>0</v>
      </c>
      <c r="GV14" s="325">
        <v>0</v>
      </c>
      <c r="GW14" s="326">
        <v>0</v>
      </c>
      <c r="GX14" s="326">
        <v>0</v>
      </c>
      <c r="GY14" s="326">
        <v>0</v>
      </c>
      <c r="GZ14" s="326">
        <v>0</v>
      </c>
      <c r="HA14" s="326">
        <v>0</v>
      </c>
      <c r="HB14" s="330">
        <v>0</v>
      </c>
      <c r="HC14" s="329">
        <v>0</v>
      </c>
      <c r="HD14" s="325">
        <v>273928</v>
      </c>
      <c r="HE14" s="326">
        <v>168825</v>
      </c>
      <c r="HF14" s="330">
        <v>442753</v>
      </c>
      <c r="HG14" s="331">
        <v>0</v>
      </c>
      <c r="HH14" s="326">
        <v>2113901</v>
      </c>
      <c r="HI14" s="326">
        <v>1719100</v>
      </c>
      <c r="HJ14" s="326">
        <v>1189713</v>
      </c>
      <c r="HK14" s="326">
        <v>2076402</v>
      </c>
      <c r="HL14" s="326">
        <v>624434</v>
      </c>
      <c r="HM14" s="327">
        <v>7723550</v>
      </c>
      <c r="HN14" s="328">
        <v>8166303</v>
      </c>
      <c r="HO14" s="332">
        <v>0</v>
      </c>
      <c r="HP14" s="326">
        <v>0</v>
      </c>
      <c r="HQ14" s="327">
        <v>0</v>
      </c>
      <c r="HR14" s="325">
        <v>0</v>
      </c>
      <c r="HS14" s="326">
        <v>0</v>
      </c>
      <c r="HT14" s="326">
        <v>0</v>
      </c>
      <c r="HU14" s="326">
        <v>0</v>
      </c>
      <c r="HV14" s="326">
        <v>0</v>
      </c>
      <c r="HW14" s="326">
        <v>0</v>
      </c>
      <c r="HX14" s="330">
        <v>0</v>
      </c>
      <c r="HY14" s="329">
        <v>0</v>
      </c>
      <c r="HZ14" s="334">
        <v>0</v>
      </c>
      <c r="IA14" s="335">
        <v>0</v>
      </c>
      <c r="IB14" s="336">
        <v>0</v>
      </c>
      <c r="IC14" s="354">
        <v>0</v>
      </c>
      <c r="ID14" s="355">
        <v>1311278</v>
      </c>
      <c r="IE14" s="356">
        <v>1728522</v>
      </c>
      <c r="IF14" s="357">
        <v>1402368</v>
      </c>
      <c r="IG14" s="355">
        <v>1761342</v>
      </c>
      <c r="IH14" s="357">
        <v>300594</v>
      </c>
      <c r="II14" s="358">
        <v>6504104</v>
      </c>
      <c r="IJ14" s="340">
        <v>6504104</v>
      </c>
      <c r="IK14" s="341">
        <v>0</v>
      </c>
      <c r="IL14" s="342">
        <v>0</v>
      </c>
      <c r="IM14" s="343">
        <v>0</v>
      </c>
      <c r="IN14" s="403">
        <v>0</v>
      </c>
      <c r="IO14" s="344">
        <v>0</v>
      </c>
      <c r="IP14" s="344">
        <v>0</v>
      </c>
      <c r="IQ14" s="344">
        <v>0</v>
      </c>
      <c r="IR14" s="344">
        <v>0</v>
      </c>
      <c r="IS14" s="344">
        <v>0</v>
      </c>
      <c r="IT14" s="345">
        <v>0</v>
      </c>
      <c r="IU14" s="346">
        <v>0</v>
      </c>
      <c r="IV14" s="347">
        <v>0</v>
      </c>
      <c r="IW14" s="344">
        <v>0</v>
      </c>
      <c r="IX14" s="348">
        <v>0</v>
      </c>
      <c r="IY14" s="403">
        <v>0</v>
      </c>
      <c r="IZ14" s="344">
        <v>0</v>
      </c>
      <c r="JA14" s="344">
        <v>0</v>
      </c>
      <c r="JB14" s="344">
        <v>0</v>
      </c>
      <c r="JC14" s="344">
        <v>0</v>
      </c>
      <c r="JD14" s="344">
        <v>0</v>
      </c>
      <c r="JE14" s="348">
        <v>0</v>
      </c>
      <c r="JF14" s="349">
        <v>0</v>
      </c>
      <c r="JG14" s="347">
        <v>0</v>
      </c>
      <c r="JH14" s="344">
        <v>0</v>
      </c>
      <c r="JI14" s="345">
        <v>0</v>
      </c>
      <c r="JJ14" s="350">
        <v>0</v>
      </c>
      <c r="JK14" s="344">
        <v>1154430</v>
      </c>
      <c r="JL14" s="344">
        <v>883102</v>
      </c>
      <c r="JM14" s="344">
        <v>339482</v>
      </c>
      <c r="JN14" s="344">
        <v>206808</v>
      </c>
      <c r="JO14" s="344">
        <v>94926</v>
      </c>
      <c r="JP14" s="348">
        <v>2678748</v>
      </c>
      <c r="JQ14" s="346">
        <v>2678748</v>
      </c>
      <c r="JR14" s="347">
        <v>0</v>
      </c>
      <c r="JS14" s="344">
        <v>0</v>
      </c>
      <c r="JT14" s="345">
        <v>0</v>
      </c>
      <c r="JU14" s="350">
        <v>0</v>
      </c>
      <c r="JV14" s="344">
        <v>0</v>
      </c>
      <c r="JW14" s="344">
        <v>0</v>
      </c>
      <c r="JX14" s="344">
        <v>0</v>
      </c>
      <c r="JY14" s="344">
        <v>0</v>
      </c>
      <c r="JZ14" s="344">
        <v>0</v>
      </c>
      <c r="KA14" s="348">
        <v>0</v>
      </c>
      <c r="KB14" s="346">
        <v>0</v>
      </c>
      <c r="KC14" s="351">
        <v>0</v>
      </c>
      <c r="KD14" s="352">
        <v>0</v>
      </c>
      <c r="KE14" s="348">
        <v>0</v>
      </c>
      <c r="KF14" s="350">
        <v>0</v>
      </c>
      <c r="KG14" s="344">
        <v>124894</v>
      </c>
      <c r="KH14" s="344">
        <v>0</v>
      </c>
      <c r="KI14" s="344">
        <v>613307</v>
      </c>
      <c r="KJ14" s="344">
        <v>409968</v>
      </c>
      <c r="KK14" s="344">
        <v>0</v>
      </c>
      <c r="KL14" s="348">
        <v>1148169</v>
      </c>
      <c r="KM14" s="353">
        <v>1148169</v>
      </c>
      <c r="KN14" s="341">
        <v>0</v>
      </c>
      <c r="KO14" s="342">
        <v>0</v>
      </c>
      <c r="KP14" s="343">
        <v>0</v>
      </c>
      <c r="KQ14" s="403">
        <v>0</v>
      </c>
      <c r="KR14" s="344">
        <v>0</v>
      </c>
      <c r="KS14" s="344">
        <v>845420</v>
      </c>
      <c r="KT14" s="344">
        <v>449579</v>
      </c>
      <c r="KU14" s="344">
        <v>457361</v>
      </c>
      <c r="KV14" s="344">
        <v>0</v>
      </c>
      <c r="KW14" s="348">
        <v>1752360</v>
      </c>
      <c r="KX14" s="346">
        <v>1752360</v>
      </c>
      <c r="KY14" s="347">
        <v>0</v>
      </c>
      <c r="KZ14" s="344">
        <v>0</v>
      </c>
      <c r="LA14" s="348">
        <v>0</v>
      </c>
      <c r="LB14" s="403">
        <v>0</v>
      </c>
      <c r="LC14" s="344">
        <v>0</v>
      </c>
      <c r="LD14" s="344">
        <v>0</v>
      </c>
      <c r="LE14" s="344">
        <v>0</v>
      </c>
      <c r="LF14" s="344">
        <v>192347</v>
      </c>
      <c r="LG14" s="344">
        <v>205668</v>
      </c>
      <c r="LH14" s="348">
        <v>398015</v>
      </c>
      <c r="LI14" s="349">
        <v>398015</v>
      </c>
      <c r="LJ14" s="347">
        <v>0</v>
      </c>
      <c r="LK14" s="344">
        <v>0</v>
      </c>
      <c r="LL14" s="348">
        <v>0</v>
      </c>
      <c r="LM14" s="403">
        <v>0</v>
      </c>
      <c r="LN14" s="344">
        <v>0</v>
      </c>
      <c r="LO14" s="344">
        <v>0</v>
      </c>
      <c r="LP14" s="344">
        <v>0</v>
      </c>
      <c r="LQ14" s="344">
        <v>494858</v>
      </c>
      <c r="LR14" s="344">
        <v>0</v>
      </c>
      <c r="LS14" s="348">
        <v>494858</v>
      </c>
      <c r="LT14" s="346">
        <v>494858</v>
      </c>
      <c r="LU14" s="347">
        <v>0</v>
      </c>
      <c r="LV14" s="344">
        <v>0</v>
      </c>
      <c r="LW14" s="348">
        <v>0</v>
      </c>
      <c r="LX14" s="403">
        <v>0</v>
      </c>
      <c r="LY14" s="344">
        <v>31954</v>
      </c>
      <c r="LZ14" s="344">
        <v>0</v>
      </c>
      <c r="MA14" s="344">
        <v>0</v>
      </c>
      <c r="MB14" s="344">
        <v>0</v>
      </c>
      <c r="MC14" s="344">
        <v>0</v>
      </c>
      <c r="MD14" s="348">
        <v>31954</v>
      </c>
      <c r="ME14" s="349">
        <v>31954</v>
      </c>
      <c r="MF14" s="347">
        <v>0</v>
      </c>
      <c r="MG14" s="344">
        <v>0</v>
      </c>
      <c r="MH14" s="348">
        <v>0</v>
      </c>
      <c r="MI14" s="403">
        <v>0</v>
      </c>
      <c r="MJ14" s="344">
        <v>879253</v>
      </c>
      <c r="MK14" s="344">
        <v>1130950</v>
      </c>
      <c r="ML14" s="344">
        <v>2769097</v>
      </c>
      <c r="MM14" s="344">
        <v>2965609</v>
      </c>
      <c r="MN14" s="344">
        <v>1655067</v>
      </c>
      <c r="MO14" s="348">
        <v>9399976</v>
      </c>
      <c r="MP14" s="353">
        <v>9399976</v>
      </c>
      <c r="MQ14" s="347">
        <v>0</v>
      </c>
      <c r="MR14" s="344">
        <v>0</v>
      </c>
      <c r="MS14" s="348">
        <v>0</v>
      </c>
      <c r="MT14" s="403">
        <v>0</v>
      </c>
      <c r="MU14" s="344">
        <v>0</v>
      </c>
      <c r="MV14" s="344">
        <v>208660</v>
      </c>
      <c r="MW14" s="344">
        <v>1150531</v>
      </c>
      <c r="MX14" s="344">
        <v>1509738</v>
      </c>
      <c r="MY14" s="344">
        <v>1342236</v>
      </c>
      <c r="MZ14" s="348">
        <v>4211165</v>
      </c>
      <c r="NA14" s="353">
        <v>4211165</v>
      </c>
      <c r="NB14" s="347">
        <v>0</v>
      </c>
      <c r="NC14" s="344">
        <v>0</v>
      </c>
      <c r="ND14" s="348">
        <v>0</v>
      </c>
      <c r="NE14" s="403">
        <v>0</v>
      </c>
      <c r="NF14" s="344">
        <v>879253</v>
      </c>
      <c r="NG14" s="344">
        <v>685567</v>
      </c>
      <c r="NH14" s="344">
        <v>1618566</v>
      </c>
      <c r="NI14" s="344">
        <v>1455871</v>
      </c>
      <c r="NJ14" s="344">
        <v>312831</v>
      </c>
      <c r="NK14" s="348">
        <v>4952088</v>
      </c>
      <c r="NL14" s="346">
        <v>4952088</v>
      </c>
      <c r="NM14" s="347">
        <v>0</v>
      </c>
      <c r="NN14" s="344">
        <v>0</v>
      </c>
      <c r="NO14" s="348">
        <v>0</v>
      </c>
      <c r="NP14" s="403">
        <v>0</v>
      </c>
      <c r="NQ14" s="344">
        <v>0</v>
      </c>
      <c r="NR14" s="344">
        <v>0</v>
      </c>
      <c r="NS14" s="344">
        <v>0</v>
      </c>
      <c r="NT14" s="344">
        <v>0</v>
      </c>
      <c r="NU14" s="344">
        <v>0</v>
      </c>
      <c r="NV14" s="348">
        <v>0</v>
      </c>
      <c r="NW14" s="349">
        <v>0</v>
      </c>
      <c r="NX14" s="347">
        <v>0</v>
      </c>
      <c r="NY14" s="344">
        <v>0</v>
      </c>
      <c r="NZ14" s="348">
        <v>0</v>
      </c>
      <c r="OA14" s="403">
        <v>0</v>
      </c>
      <c r="OB14" s="344">
        <v>0</v>
      </c>
      <c r="OC14" s="344">
        <v>236723</v>
      </c>
      <c r="OD14" s="344">
        <v>0</v>
      </c>
      <c r="OE14" s="344">
        <v>0</v>
      </c>
      <c r="OF14" s="344">
        <v>0</v>
      </c>
      <c r="OG14" s="348">
        <v>236723</v>
      </c>
      <c r="OH14" s="349">
        <v>236723</v>
      </c>
      <c r="OI14" s="347">
        <v>578611</v>
      </c>
      <c r="OJ14" s="344">
        <v>586448</v>
      </c>
      <c r="OK14" s="345">
        <v>1165059</v>
      </c>
      <c r="OL14" s="350">
        <v>0</v>
      </c>
      <c r="OM14" s="344">
        <v>8508811</v>
      </c>
      <c r="ON14" s="344">
        <v>9360755</v>
      </c>
      <c r="OO14" s="344">
        <v>10064603</v>
      </c>
      <c r="OP14" s="344">
        <v>11269301</v>
      </c>
      <c r="OQ14" s="344">
        <v>7208224</v>
      </c>
      <c r="OR14" s="348">
        <v>46411694</v>
      </c>
      <c r="OS14" s="353">
        <v>47576753</v>
      </c>
    </row>
    <row r="15" spans="2:409" s="70" customFormat="1" ht="21" customHeight="1" x14ac:dyDescent="0.2">
      <c r="B15" s="409" t="s">
        <v>9</v>
      </c>
      <c r="C15" s="325">
        <v>1457141</v>
      </c>
      <c r="D15" s="326">
        <v>1579591</v>
      </c>
      <c r="E15" s="327">
        <v>3036732</v>
      </c>
      <c r="F15" s="331">
        <v>0</v>
      </c>
      <c r="G15" s="326">
        <v>12522768</v>
      </c>
      <c r="H15" s="326">
        <v>12920078</v>
      </c>
      <c r="I15" s="326">
        <v>13795942</v>
      </c>
      <c r="J15" s="326">
        <v>13812518</v>
      </c>
      <c r="K15" s="326">
        <v>9070319</v>
      </c>
      <c r="L15" s="328">
        <v>62121625</v>
      </c>
      <c r="M15" s="329">
        <v>65158357</v>
      </c>
      <c r="N15" s="325">
        <v>510109</v>
      </c>
      <c r="O15" s="326">
        <v>451800</v>
      </c>
      <c r="P15" s="327">
        <v>961909</v>
      </c>
      <c r="Q15" s="325">
        <v>0</v>
      </c>
      <c r="R15" s="326">
        <v>3963313</v>
      </c>
      <c r="S15" s="326">
        <v>4469211</v>
      </c>
      <c r="T15" s="326">
        <v>4870356</v>
      </c>
      <c r="U15" s="326">
        <v>6352845</v>
      </c>
      <c r="V15" s="326">
        <v>4911850</v>
      </c>
      <c r="W15" s="327">
        <v>24567575</v>
      </c>
      <c r="X15" s="329">
        <v>25529484</v>
      </c>
      <c r="Y15" s="325">
        <v>0</v>
      </c>
      <c r="Z15" s="326">
        <v>0</v>
      </c>
      <c r="AA15" s="327">
        <v>0</v>
      </c>
      <c r="AB15" s="325">
        <v>0</v>
      </c>
      <c r="AC15" s="326">
        <v>1880407</v>
      </c>
      <c r="AD15" s="326">
        <v>1403531</v>
      </c>
      <c r="AE15" s="326">
        <v>2849539</v>
      </c>
      <c r="AF15" s="326">
        <v>4041411</v>
      </c>
      <c r="AG15" s="326">
        <v>2808067</v>
      </c>
      <c r="AH15" s="327">
        <v>12982955</v>
      </c>
      <c r="AI15" s="329">
        <v>12982955</v>
      </c>
      <c r="AJ15" s="325">
        <v>0</v>
      </c>
      <c r="AK15" s="326">
        <v>0</v>
      </c>
      <c r="AL15" s="327">
        <v>0</v>
      </c>
      <c r="AM15" s="325">
        <v>0</v>
      </c>
      <c r="AN15" s="326">
        <v>42256</v>
      </c>
      <c r="AO15" s="326">
        <v>43941</v>
      </c>
      <c r="AP15" s="326">
        <v>169657</v>
      </c>
      <c r="AQ15" s="326">
        <v>493004</v>
      </c>
      <c r="AR15" s="326">
        <v>460823</v>
      </c>
      <c r="AS15" s="327">
        <v>1209681</v>
      </c>
      <c r="AT15" s="329">
        <v>1209681</v>
      </c>
      <c r="AU15" s="325">
        <v>291116</v>
      </c>
      <c r="AV15" s="326">
        <v>335040</v>
      </c>
      <c r="AW15" s="327">
        <v>626156</v>
      </c>
      <c r="AX15" s="325">
        <v>0</v>
      </c>
      <c r="AY15" s="326">
        <v>1376110</v>
      </c>
      <c r="AZ15" s="326">
        <v>1874700</v>
      </c>
      <c r="BA15" s="326">
        <v>860863</v>
      </c>
      <c r="BB15" s="326">
        <v>882826</v>
      </c>
      <c r="BC15" s="326">
        <v>1081797</v>
      </c>
      <c r="BD15" s="327">
        <v>6076296</v>
      </c>
      <c r="BE15" s="329">
        <v>6702452</v>
      </c>
      <c r="BF15" s="325">
        <v>18982</v>
      </c>
      <c r="BG15" s="326">
        <v>25683</v>
      </c>
      <c r="BH15" s="330">
        <v>44665</v>
      </c>
      <c r="BI15" s="331">
        <v>0</v>
      </c>
      <c r="BJ15" s="326">
        <v>61679</v>
      </c>
      <c r="BK15" s="326">
        <v>277870</v>
      </c>
      <c r="BL15" s="326">
        <v>157255</v>
      </c>
      <c r="BM15" s="326">
        <v>115001</v>
      </c>
      <c r="BN15" s="326">
        <v>97301</v>
      </c>
      <c r="BO15" s="327">
        <v>709106</v>
      </c>
      <c r="BP15" s="329">
        <v>753771</v>
      </c>
      <c r="BQ15" s="325">
        <v>200011</v>
      </c>
      <c r="BR15" s="326">
        <v>91077</v>
      </c>
      <c r="BS15" s="327">
        <v>291088</v>
      </c>
      <c r="BT15" s="325">
        <v>0</v>
      </c>
      <c r="BU15" s="326">
        <v>602861</v>
      </c>
      <c r="BV15" s="326">
        <v>869169</v>
      </c>
      <c r="BW15" s="326">
        <v>833042</v>
      </c>
      <c r="BX15" s="326">
        <v>820603</v>
      </c>
      <c r="BY15" s="326">
        <v>463862</v>
      </c>
      <c r="BZ15" s="327">
        <v>3589537</v>
      </c>
      <c r="CA15" s="329">
        <v>3880625</v>
      </c>
      <c r="CB15" s="325">
        <v>132356</v>
      </c>
      <c r="CC15" s="326">
        <v>307786</v>
      </c>
      <c r="CD15" s="327">
        <v>440142</v>
      </c>
      <c r="CE15" s="325">
        <v>0</v>
      </c>
      <c r="CF15" s="326">
        <v>3051066</v>
      </c>
      <c r="CG15" s="326">
        <v>2236890</v>
      </c>
      <c r="CH15" s="326">
        <v>2284588</v>
      </c>
      <c r="CI15" s="326">
        <v>1497248</v>
      </c>
      <c r="CJ15" s="326">
        <v>486322</v>
      </c>
      <c r="CK15" s="327">
        <v>9556114</v>
      </c>
      <c r="CL15" s="329">
        <v>9996256</v>
      </c>
      <c r="CM15" s="325">
        <v>0</v>
      </c>
      <c r="CN15" s="326">
        <v>0</v>
      </c>
      <c r="CO15" s="327">
        <v>0</v>
      </c>
      <c r="CP15" s="331">
        <v>0</v>
      </c>
      <c r="CQ15" s="326">
        <v>2476473</v>
      </c>
      <c r="CR15" s="326">
        <v>1449305</v>
      </c>
      <c r="CS15" s="326">
        <v>1594613</v>
      </c>
      <c r="CT15" s="326">
        <v>708204</v>
      </c>
      <c r="CU15" s="326">
        <v>344722</v>
      </c>
      <c r="CV15" s="327">
        <v>6573317</v>
      </c>
      <c r="CW15" s="329">
        <v>6573317</v>
      </c>
      <c r="CX15" s="325">
        <v>132356</v>
      </c>
      <c r="CY15" s="326">
        <v>307786</v>
      </c>
      <c r="CZ15" s="327">
        <v>440142</v>
      </c>
      <c r="DA15" s="325">
        <v>0</v>
      </c>
      <c r="DB15" s="326">
        <v>574593</v>
      </c>
      <c r="DC15" s="326">
        <v>787585</v>
      </c>
      <c r="DD15" s="326">
        <v>689975</v>
      </c>
      <c r="DE15" s="326">
        <v>789044</v>
      </c>
      <c r="DF15" s="326">
        <v>141600</v>
      </c>
      <c r="DG15" s="327">
        <v>2982797</v>
      </c>
      <c r="DH15" s="329">
        <v>3422939</v>
      </c>
      <c r="DI15" s="325">
        <v>0</v>
      </c>
      <c r="DJ15" s="326">
        <v>0</v>
      </c>
      <c r="DK15" s="330">
        <v>0</v>
      </c>
      <c r="DL15" s="331">
        <v>0</v>
      </c>
      <c r="DM15" s="326">
        <v>825296</v>
      </c>
      <c r="DN15" s="326">
        <v>441824</v>
      </c>
      <c r="DO15" s="326">
        <v>1233135</v>
      </c>
      <c r="DP15" s="326">
        <v>628430</v>
      </c>
      <c r="DQ15" s="326">
        <v>500495</v>
      </c>
      <c r="DR15" s="327">
        <v>3629180</v>
      </c>
      <c r="DS15" s="329">
        <v>3629180</v>
      </c>
      <c r="DT15" s="325">
        <v>0</v>
      </c>
      <c r="DU15" s="326">
        <v>0</v>
      </c>
      <c r="DV15" s="327">
        <v>0</v>
      </c>
      <c r="DW15" s="325">
        <v>0</v>
      </c>
      <c r="DX15" s="326">
        <v>739439</v>
      </c>
      <c r="DY15" s="326">
        <v>419853</v>
      </c>
      <c r="DZ15" s="326">
        <v>895098</v>
      </c>
      <c r="EA15" s="326">
        <v>517823</v>
      </c>
      <c r="EB15" s="326">
        <v>500495</v>
      </c>
      <c r="EC15" s="327">
        <v>3072708</v>
      </c>
      <c r="ED15" s="329">
        <v>3072708</v>
      </c>
      <c r="EE15" s="325">
        <v>0</v>
      </c>
      <c r="EF15" s="330">
        <v>0</v>
      </c>
      <c r="EG15" s="327">
        <v>0</v>
      </c>
      <c r="EH15" s="325">
        <v>0</v>
      </c>
      <c r="EI15" s="326">
        <v>85857</v>
      </c>
      <c r="EJ15" s="326">
        <v>21971</v>
      </c>
      <c r="EK15" s="326">
        <v>338037</v>
      </c>
      <c r="EL15" s="326">
        <v>110607</v>
      </c>
      <c r="EM15" s="326">
        <v>0</v>
      </c>
      <c r="EN15" s="330">
        <v>556472</v>
      </c>
      <c r="EO15" s="329">
        <v>556472</v>
      </c>
      <c r="EP15" s="325">
        <v>0</v>
      </c>
      <c r="EQ15" s="326">
        <v>0</v>
      </c>
      <c r="ER15" s="330">
        <v>0</v>
      </c>
      <c r="ES15" s="331">
        <v>0</v>
      </c>
      <c r="ET15" s="326">
        <v>0</v>
      </c>
      <c r="EU15" s="326">
        <v>0</v>
      </c>
      <c r="EV15" s="326">
        <v>0</v>
      </c>
      <c r="EW15" s="326">
        <v>0</v>
      </c>
      <c r="EX15" s="326">
        <v>0</v>
      </c>
      <c r="EY15" s="327">
        <v>0</v>
      </c>
      <c r="EZ15" s="329">
        <v>0</v>
      </c>
      <c r="FA15" s="325">
        <v>0</v>
      </c>
      <c r="FB15" s="326">
        <v>0</v>
      </c>
      <c r="FC15" s="330">
        <v>0</v>
      </c>
      <c r="FD15" s="403">
        <v>0</v>
      </c>
      <c r="FE15" s="326">
        <v>0</v>
      </c>
      <c r="FF15" s="326">
        <v>0</v>
      </c>
      <c r="FG15" s="326">
        <v>0</v>
      </c>
      <c r="FH15" s="326">
        <v>0</v>
      </c>
      <c r="FI15" s="326">
        <v>0</v>
      </c>
      <c r="FJ15" s="327">
        <v>0</v>
      </c>
      <c r="FK15" s="329">
        <v>0</v>
      </c>
      <c r="FL15" s="325">
        <v>106988</v>
      </c>
      <c r="FM15" s="326">
        <v>161938</v>
      </c>
      <c r="FN15" s="327">
        <v>268926</v>
      </c>
      <c r="FO15" s="325">
        <v>0</v>
      </c>
      <c r="FP15" s="326">
        <v>1038177</v>
      </c>
      <c r="FQ15" s="326">
        <v>1241353</v>
      </c>
      <c r="FR15" s="326">
        <v>1003241</v>
      </c>
      <c r="FS15" s="326">
        <v>1121386</v>
      </c>
      <c r="FT15" s="326">
        <v>768229</v>
      </c>
      <c r="FU15" s="327">
        <v>5172386</v>
      </c>
      <c r="FV15" s="329">
        <v>5441312</v>
      </c>
      <c r="FW15" s="332">
        <v>106988</v>
      </c>
      <c r="FX15" s="326">
        <v>161938</v>
      </c>
      <c r="FY15" s="330">
        <v>268926</v>
      </c>
      <c r="FZ15" s="331">
        <v>0</v>
      </c>
      <c r="GA15" s="326">
        <v>731171</v>
      </c>
      <c r="GB15" s="326">
        <v>1204043</v>
      </c>
      <c r="GC15" s="326">
        <v>807241</v>
      </c>
      <c r="GD15" s="326">
        <v>1010366</v>
      </c>
      <c r="GE15" s="326">
        <v>628229</v>
      </c>
      <c r="GF15" s="327">
        <v>4381050</v>
      </c>
      <c r="GG15" s="333">
        <v>4649976</v>
      </c>
      <c r="GH15" s="332">
        <v>0</v>
      </c>
      <c r="GI15" s="326">
        <v>0</v>
      </c>
      <c r="GJ15" s="330">
        <v>0</v>
      </c>
      <c r="GK15" s="331">
        <v>0</v>
      </c>
      <c r="GL15" s="326">
        <v>12936</v>
      </c>
      <c r="GM15" s="326">
        <v>25410</v>
      </c>
      <c r="GN15" s="326">
        <v>56000</v>
      </c>
      <c r="GO15" s="326">
        <v>76020</v>
      </c>
      <c r="GP15" s="326">
        <v>0</v>
      </c>
      <c r="GQ15" s="327">
        <v>170366</v>
      </c>
      <c r="GR15" s="329">
        <v>170366</v>
      </c>
      <c r="GS15" s="325">
        <v>0</v>
      </c>
      <c r="GT15" s="326">
        <v>0</v>
      </c>
      <c r="GU15" s="327">
        <v>0</v>
      </c>
      <c r="GV15" s="325">
        <v>0</v>
      </c>
      <c r="GW15" s="326">
        <v>294070</v>
      </c>
      <c r="GX15" s="326">
        <v>11900</v>
      </c>
      <c r="GY15" s="326">
        <v>140000</v>
      </c>
      <c r="GZ15" s="326">
        <v>35000</v>
      </c>
      <c r="HA15" s="326">
        <v>140000</v>
      </c>
      <c r="HB15" s="330">
        <v>620970</v>
      </c>
      <c r="HC15" s="329">
        <v>620970</v>
      </c>
      <c r="HD15" s="325">
        <v>707688</v>
      </c>
      <c r="HE15" s="326">
        <v>658067</v>
      </c>
      <c r="HF15" s="330">
        <v>1365755</v>
      </c>
      <c r="HG15" s="331">
        <v>0</v>
      </c>
      <c r="HH15" s="326">
        <v>3644916</v>
      </c>
      <c r="HI15" s="326">
        <v>4530800</v>
      </c>
      <c r="HJ15" s="326">
        <v>4404622</v>
      </c>
      <c r="HK15" s="326">
        <v>4212609</v>
      </c>
      <c r="HL15" s="326">
        <v>2403423</v>
      </c>
      <c r="HM15" s="327">
        <v>19196370</v>
      </c>
      <c r="HN15" s="328">
        <v>20562125</v>
      </c>
      <c r="HO15" s="332">
        <v>0</v>
      </c>
      <c r="HP15" s="326">
        <v>0</v>
      </c>
      <c r="HQ15" s="327">
        <v>0</v>
      </c>
      <c r="HR15" s="325">
        <v>0</v>
      </c>
      <c r="HS15" s="326">
        <v>0</v>
      </c>
      <c r="HT15" s="326">
        <v>0</v>
      </c>
      <c r="HU15" s="326">
        <v>0</v>
      </c>
      <c r="HV15" s="326">
        <v>0</v>
      </c>
      <c r="HW15" s="326">
        <v>0</v>
      </c>
      <c r="HX15" s="330">
        <v>0</v>
      </c>
      <c r="HY15" s="329">
        <v>0</v>
      </c>
      <c r="HZ15" s="359">
        <v>45940</v>
      </c>
      <c r="IA15" s="360">
        <v>68145</v>
      </c>
      <c r="IB15" s="361">
        <v>114085</v>
      </c>
      <c r="IC15" s="337">
        <v>0</v>
      </c>
      <c r="ID15" s="335">
        <v>1530346</v>
      </c>
      <c r="IE15" s="338">
        <v>1596411</v>
      </c>
      <c r="IF15" s="336">
        <v>3719665</v>
      </c>
      <c r="IG15" s="335">
        <v>1519110</v>
      </c>
      <c r="IH15" s="336">
        <v>1797292</v>
      </c>
      <c r="II15" s="339">
        <v>10162824</v>
      </c>
      <c r="IJ15" s="362">
        <v>10276909</v>
      </c>
      <c r="IK15" s="341">
        <v>0</v>
      </c>
      <c r="IL15" s="342">
        <v>0</v>
      </c>
      <c r="IM15" s="343">
        <v>0</v>
      </c>
      <c r="IN15" s="403">
        <v>0</v>
      </c>
      <c r="IO15" s="344">
        <v>0</v>
      </c>
      <c r="IP15" s="344">
        <v>111793</v>
      </c>
      <c r="IQ15" s="344">
        <v>0</v>
      </c>
      <c r="IR15" s="344">
        <v>202285</v>
      </c>
      <c r="IS15" s="344">
        <v>260066</v>
      </c>
      <c r="IT15" s="345">
        <v>574144</v>
      </c>
      <c r="IU15" s="346">
        <v>574144</v>
      </c>
      <c r="IV15" s="347">
        <v>0</v>
      </c>
      <c r="IW15" s="344">
        <v>0</v>
      </c>
      <c r="IX15" s="348">
        <v>0</v>
      </c>
      <c r="IY15" s="403">
        <v>0</v>
      </c>
      <c r="IZ15" s="344">
        <v>0</v>
      </c>
      <c r="JA15" s="344">
        <v>0</v>
      </c>
      <c r="JB15" s="344">
        <v>0</v>
      </c>
      <c r="JC15" s="344">
        <v>0</v>
      </c>
      <c r="JD15" s="344">
        <v>0</v>
      </c>
      <c r="JE15" s="348">
        <v>0</v>
      </c>
      <c r="JF15" s="349">
        <v>0</v>
      </c>
      <c r="JG15" s="347">
        <v>0</v>
      </c>
      <c r="JH15" s="344">
        <v>0</v>
      </c>
      <c r="JI15" s="345">
        <v>0</v>
      </c>
      <c r="JJ15" s="350">
        <v>0</v>
      </c>
      <c r="JK15" s="344">
        <v>1206176</v>
      </c>
      <c r="JL15" s="344">
        <v>819867</v>
      </c>
      <c r="JM15" s="344">
        <v>1804466</v>
      </c>
      <c r="JN15" s="344">
        <v>379367</v>
      </c>
      <c r="JO15" s="344">
        <v>251565</v>
      </c>
      <c r="JP15" s="348">
        <v>4461441</v>
      </c>
      <c r="JQ15" s="346">
        <v>4461441</v>
      </c>
      <c r="JR15" s="347">
        <v>0</v>
      </c>
      <c r="JS15" s="344">
        <v>0</v>
      </c>
      <c r="JT15" s="345">
        <v>0</v>
      </c>
      <c r="JU15" s="350">
        <v>0</v>
      </c>
      <c r="JV15" s="344">
        <v>0</v>
      </c>
      <c r="JW15" s="344">
        <v>59677</v>
      </c>
      <c r="JX15" s="344">
        <v>0</v>
      </c>
      <c r="JY15" s="344">
        <v>0</v>
      </c>
      <c r="JZ15" s="344">
        <v>0</v>
      </c>
      <c r="KA15" s="348">
        <v>59677</v>
      </c>
      <c r="KB15" s="346">
        <v>59677</v>
      </c>
      <c r="KC15" s="351">
        <v>45940</v>
      </c>
      <c r="KD15" s="352">
        <v>68145</v>
      </c>
      <c r="KE15" s="348">
        <v>114085</v>
      </c>
      <c r="KF15" s="350">
        <v>0</v>
      </c>
      <c r="KG15" s="344">
        <v>324170</v>
      </c>
      <c r="KH15" s="344">
        <v>0</v>
      </c>
      <c r="KI15" s="344">
        <v>380337</v>
      </c>
      <c r="KJ15" s="344">
        <v>0</v>
      </c>
      <c r="KK15" s="344">
        <v>499776</v>
      </c>
      <c r="KL15" s="348">
        <v>1204283</v>
      </c>
      <c r="KM15" s="353">
        <v>1318368</v>
      </c>
      <c r="KN15" s="341">
        <v>0</v>
      </c>
      <c r="KO15" s="342">
        <v>0</v>
      </c>
      <c r="KP15" s="343">
        <v>0</v>
      </c>
      <c r="KQ15" s="403">
        <v>0</v>
      </c>
      <c r="KR15" s="344">
        <v>0</v>
      </c>
      <c r="KS15" s="344">
        <v>444984</v>
      </c>
      <c r="KT15" s="344">
        <v>1356785</v>
      </c>
      <c r="KU15" s="344">
        <v>937458</v>
      </c>
      <c r="KV15" s="344">
        <v>0</v>
      </c>
      <c r="KW15" s="348">
        <v>2739227</v>
      </c>
      <c r="KX15" s="346">
        <v>2739227</v>
      </c>
      <c r="KY15" s="347">
        <v>0</v>
      </c>
      <c r="KZ15" s="344">
        <v>0</v>
      </c>
      <c r="LA15" s="348">
        <v>0</v>
      </c>
      <c r="LB15" s="403">
        <v>0</v>
      </c>
      <c r="LC15" s="344">
        <v>0</v>
      </c>
      <c r="LD15" s="344">
        <v>160090</v>
      </c>
      <c r="LE15" s="344">
        <v>178077</v>
      </c>
      <c r="LF15" s="344">
        <v>0</v>
      </c>
      <c r="LG15" s="344">
        <v>212520</v>
      </c>
      <c r="LH15" s="348">
        <v>550687</v>
      </c>
      <c r="LI15" s="349">
        <v>550687</v>
      </c>
      <c r="LJ15" s="347">
        <v>0</v>
      </c>
      <c r="LK15" s="344">
        <v>0</v>
      </c>
      <c r="LL15" s="348">
        <v>0</v>
      </c>
      <c r="LM15" s="403">
        <v>0</v>
      </c>
      <c r="LN15" s="344">
        <v>0</v>
      </c>
      <c r="LO15" s="344">
        <v>0</v>
      </c>
      <c r="LP15" s="344">
        <v>0</v>
      </c>
      <c r="LQ15" s="344">
        <v>0</v>
      </c>
      <c r="LR15" s="344">
        <v>0</v>
      </c>
      <c r="LS15" s="348">
        <v>0</v>
      </c>
      <c r="LT15" s="346">
        <v>0</v>
      </c>
      <c r="LU15" s="347">
        <v>0</v>
      </c>
      <c r="LV15" s="344">
        <v>0</v>
      </c>
      <c r="LW15" s="348">
        <v>0</v>
      </c>
      <c r="LX15" s="403">
        <v>0</v>
      </c>
      <c r="LY15" s="344">
        <v>0</v>
      </c>
      <c r="LZ15" s="344">
        <v>0</v>
      </c>
      <c r="MA15" s="344">
        <v>0</v>
      </c>
      <c r="MB15" s="344">
        <v>0</v>
      </c>
      <c r="MC15" s="344">
        <v>573365</v>
      </c>
      <c r="MD15" s="348">
        <v>573365</v>
      </c>
      <c r="ME15" s="349">
        <v>573365</v>
      </c>
      <c r="MF15" s="347">
        <v>0</v>
      </c>
      <c r="MG15" s="344">
        <v>0</v>
      </c>
      <c r="MH15" s="348">
        <v>0</v>
      </c>
      <c r="MI15" s="403">
        <v>0</v>
      </c>
      <c r="MJ15" s="344">
        <v>407836</v>
      </c>
      <c r="MK15" s="344">
        <v>952440</v>
      </c>
      <c r="ML15" s="344">
        <v>2989984</v>
      </c>
      <c r="MM15" s="344">
        <v>6671535</v>
      </c>
      <c r="MN15" s="344">
        <v>4333139</v>
      </c>
      <c r="MO15" s="348">
        <v>15354934</v>
      </c>
      <c r="MP15" s="353">
        <v>15354934</v>
      </c>
      <c r="MQ15" s="347">
        <v>0</v>
      </c>
      <c r="MR15" s="344">
        <v>0</v>
      </c>
      <c r="MS15" s="348">
        <v>0</v>
      </c>
      <c r="MT15" s="403">
        <v>0</v>
      </c>
      <c r="MU15" s="344">
        <v>197373</v>
      </c>
      <c r="MV15" s="344">
        <v>0</v>
      </c>
      <c r="MW15" s="344">
        <v>870211</v>
      </c>
      <c r="MX15" s="344">
        <v>4430199</v>
      </c>
      <c r="MY15" s="344">
        <v>2685346</v>
      </c>
      <c r="MZ15" s="348">
        <v>8183129</v>
      </c>
      <c r="NA15" s="353">
        <v>8183129</v>
      </c>
      <c r="NB15" s="347">
        <v>0</v>
      </c>
      <c r="NC15" s="344">
        <v>0</v>
      </c>
      <c r="ND15" s="348">
        <v>0</v>
      </c>
      <c r="NE15" s="403">
        <v>0</v>
      </c>
      <c r="NF15" s="344">
        <v>210463</v>
      </c>
      <c r="NG15" s="344">
        <v>952440</v>
      </c>
      <c r="NH15" s="344">
        <v>2119773</v>
      </c>
      <c r="NI15" s="344">
        <v>2241336</v>
      </c>
      <c r="NJ15" s="344">
        <v>1647793</v>
      </c>
      <c r="NK15" s="348">
        <v>7171805</v>
      </c>
      <c r="NL15" s="346">
        <v>7171805</v>
      </c>
      <c r="NM15" s="347">
        <v>0</v>
      </c>
      <c r="NN15" s="344">
        <v>0</v>
      </c>
      <c r="NO15" s="348">
        <v>0</v>
      </c>
      <c r="NP15" s="403">
        <v>0</v>
      </c>
      <c r="NQ15" s="344">
        <v>0</v>
      </c>
      <c r="NR15" s="344">
        <v>0</v>
      </c>
      <c r="NS15" s="344">
        <v>0</v>
      </c>
      <c r="NT15" s="344">
        <v>0</v>
      </c>
      <c r="NU15" s="344">
        <v>0</v>
      </c>
      <c r="NV15" s="348">
        <v>0</v>
      </c>
      <c r="NW15" s="349">
        <v>0</v>
      </c>
      <c r="NX15" s="347">
        <v>0</v>
      </c>
      <c r="NY15" s="344">
        <v>0</v>
      </c>
      <c r="NZ15" s="348">
        <v>0</v>
      </c>
      <c r="OA15" s="403">
        <v>0</v>
      </c>
      <c r="OB15" s="344">
        <v>0</v>
      </c>
      <c r="OC15" s="344">
        <v>0</v>
      </c>
      <c r="OD15" s="344">
        <v>0</v>
      </c>
      <c r="OE15" s="344">
        <v>0</v>
      </c>
      <c r="OF15" s="344">
        <v>0</v>
      </c>
      <c r="OG15" s="348">
        <v>0</v>
      </c>
      <c r="OH15" s="349">
        <v>0</v>
      </c>
      <c r="OI15" s="347">
        <v>1503081</v>
      </c>
      <c r="OJ15" s="344">
        <v>1647736</v>
      </c>
      <c r="OK15" s="345">
        <v>3150817</v>
      </c>
      <c r="OL15" s="350">
        <v>0</v>
      </c>
      <c r="OM15" s="344">
        <v>14460950</v>
      </c>
      <c r="ON15" s="344">
        <v>15468929</v>
      </c>
      <c r="OO15" s="344">
        <v>20505591</v>
      </c>
      <c r="OP15" s="344">
        <v>22003163</v>
      </c>
      <c r="OQ15" s="344">
        <v>15200750</v>
      </c>
      <c r="OR15" s="348">
        <v>87639383</v>
      </c>
      <c r="OS15" s="353">
        <v>90790200</v>
      </c>
    </row>
    <row r="16" spans="2:409" s="70" customFormat="1" ht="21" customHeight="1" x14ac:dyDescent="0.2">
      <c r="B16" s="409" t="s">
        <v>10</v>
      </c>
      <c r="C16" s="325">
        <v>1375579</v>
      </c>
      <c r="D16" s="326">
        <v>2638365</v>
      </c>
      <c r="E16" s="327">
        <v>4013944</v>
      </c>
      <c r="F16" s="363">
        <v>0</v>
      </c>
      <c r="G16" s="326">
        <v>18526486</v>
      </c>
      <c r="H16" s="326">
        <v>16711234</v>
      </c>
      <c r="I16" s="326">
        <v>15866179</v>
      </c>
      <c r="J16" s="326">
        <v>16324144</v>
      </c>
      <c r="K16" s="326">
        <v>12120506</v>
      </c>
      <c r="L16" s="328">
        <v>79548549</v>
      </c>
      <c r="M16" s="329">
        <v>83562493</v>
      </c>
      <c r="N16" s="325">
        <v>469116</v>
      </c>
      <c r="O16" s="326">
        <v>700389</v>
      </c>
      <c r="P16" s="327">
        <v>1169505</v>
      </c>
      <c r="Q16" s="325">
        <v>0</v>
      </c>
      <c r="R16" s="326">
        <v>6057366</v>
      </c>
      <c r="S16" s="326">
        <v>6012946</v>
      </c>
      <c r="T16" s="326">
        <v>6148834</v>
      </c>
      <c r="U16" s="326">
        <v>5951091</v>
      </c>
      <c r="V16" s="326">
        <v>4639095</v>
      </c>
      <c r="W16" s="327">
        <v>28809332</v>
      </c>
      <c r="X16" s="329">
        <v>29978837</v>
      </c>
      <c r="Y16" s="325">
        <v>0</v>
      </c>
      <c r="Z16" s="326">
        <v>0</v>
      </c>
      <c r="AA16" s="327">
        <v>0</v>
      </c>
      <c r="AB16" s="325">
        <v>0</v>
      </c>
      <c r="AC16" s="326">
        <v>2795219</v>
      </c>
      <c r="AD16" s="326">
        <v>2698274</v>
      </c>
      <c r="AE16" s="326">
        <v>4028900</v>
      </c>
      <c r="AF16" s="326">
        <v>3453886</v>
      </c>
      <c r="AG16" s="326">
        <v>2708660</v>
      </c>
      <c r="AH16" s="327">
        <v>15684939</v>
      </c>
      <c r="AI16" s="329">
        <v>15684939</v>
      </c>
      <c r="AJ16" s="325">
        <v>0</v>
      </c>
      <c r="AK16" s="326">
        <v>0</v>
      </c>
      <c r="AL16" s="327">
        <v>0</v>
      </c>
      <c r="AM16" s="325">
        <v>0</v>
      </c>
      <c r="AN16" s="326">
        <v>41452</v>
      </c>
      <c r="AO16" s="326">
        <v>124365</v>
      </c>
      <c r="AP16" s="326">
        <v>167253</v>
      </c>
      <c r="AQ16" s="326">
        <v>478524</v>
      </c>
      <c r="AR16" s="326">
        <v>297901</v>
      </c>
      <c r="AS16" s="327">
        <v>1109495</v>
      </c>
      <c r="AT16" s="329">
        <v>1109495</v>
      </c>
      <c r="AU16" s="325">
        <v>298070</v>
      </c>
      <c r="AV16" s="326">
        <v>484167</v>
      </c>
      <c r="AW16" s="327">
        <v>782237</v>
      </c>
      <c r="AX16" s="325">
        <v>0</v>
      </c>
      <c r="AY16" s="326">
        <v>1955575</v>
      </c>
      <c r="AZ16" s="326">
        <v>1975403</v>
      </c>
      <c r="BA16" s="326">
        <v>829140</v>
      </c>
      <c r="BB16" s="326">
        <v>1005958</v>
      </c>
      <c r="BC16" s="326">
        <v>658365</v>
      </c>
      <c r="BD16" s="327">
        <v>6424441</v>
      </c>
      <c r="BE16" s="329">
        <v>7206678</v>
      </c>
      <c r="BF16" s="325">
        <v>18684</v>
      </c>
      <c r="BG16" s="326">
        <v>27579</v>
      </c>
      <c r="BH16" s="330">
        <v>46263</v>
      </c>
      <c r="BI16" s="331">
        <v>0</v>
      </c>
      <c r="BJ16" s="326">
        <v>125625</v>
      </c>
      <c r="BK16" s="326">
        <v>187304</v>
      </c>
      <c r="BL16" s="326">
        <v>55516</v>
      </c>
      <c r="BM16" s="326">
        <v>32884</v>
      </c>
      <c r="BN16" s="326">
        <v>18326</v>
      </c>
      <c r="BO16" s="327">
        <v>419655</v>
      </c>
      <c r="BP16" s="329">
        <v>465918</v>
      </c>
      <c r="BQ16" s="325">
        <v>152362</v>
      </c>
      <c r="BR16" s="326">
        <v>188643</v>
      </c>
      <c r="BS16" s="327">
        <v>341005</v>
      </c>
      <c r="BT16" s="325">
        <v>0</v>
      </c>
      <c r="BU16" s="326">
        <v>1139495</v>
      </c>
      <c r="BV16" s="326">
        <v>1027600</v>
      </c>
      <c r="BW16" s="326">
        <v>1068025</v>
      </c>
      <c r="BX16" s="326">
        <v>979839</v>
      </c>
      <c r="BY16" s="326">
        <v>955843</v>
      </c>
      <c r="BZ16" s="327">
        <v>5170802</v>
      </c>
      <c r="CA16" s="329">
        <v>5511807</v>
      </c>
      <c r="CB16" s="325">
        <v>71867</v>
      </c>
      <c r="CC16" s="326">
        <v>201794</v>
      </c>
      <c r="CD16" s="327">
        <v>273661</v>
      </c>
      <c r="CE16" s="325">
        <v>0</v>
      </c>
      <c r="CF16" s="326">
        <v>5478550</v>
      </c>
      <c r="CG16" s="326">
        <v>3990219</v>
      </c>
      <c r="CH16" s="326">
        <v>3237623</v>
      </c>
      <c r="CI16" s="326">
        <v>1322423</v>
      </c>
      <c r="CJ16" s="326">
        <v>524669</v>
      </c>
      <c r="CK16" s="327">
        <v>14553484</v>
      </c>
      <c r="CL16" s="329">
        <v>14827145</v>
      </c>
      <c r="CM16" s="325">
        <v>0</v>
      </c>
      <c r="CN16" s="326">
        <v>0</v>
      </c>
      <c r="CO16" s="327">
        <v>0</v>
      </c>
      <c r="CP16" s="331">
        <v>0</v>
      </c>
      <c r="CQ16" s="326">
        <v>4629309</v>
      </c>
      <c r="CR16" s="326">
        <v>3048556</v>
      </c>
      <c r="CS16" s="326">
        <v>2732020</v>
      </c>
      <c r="CT16" s="326">
        <v>1205793</v>
      </c>
      <c r="CU16" s="326">
        <v>450169</v>
      </c>
      <c r="CV16" s="327">
        <v>12065847</v>
      </c>
      <c r="CW16" s="329">
        <v>12065847</v>
      </c>
      <c r="CX16" s="325">
        <v>71867</v>
      </c>
      <c r="CY16" s="326">
        <v>201794</v>
      </c>
      <c r="CZ16" s="327">
        <v>273661</v>
      </c>
      <c r="DA16" s="325">
        <v>0</v>
      </c>
      <c r="DB16" s="326">
        <v>849241</v>
      </c>
      <c r="DC16" s="326">
        <v>941663</v>
      </c>
      <c r="DD16" s="326">
        <v>505603</v>
      </c>
      <c r="DE16" s="326">
        <v>116630</v>
      </c>
      <c r="DF16" s="326">
        <v>74500</v>
      </c>
      <c r="DG16" s="327">
        <v>2487637</v>
      </c>
      <c r="DH16" s="329">
        <v>2761298</v>
      </c>
      <c r="DI16" s="325">
        <v>0</v>
      </c>
      <c r="DJ16" s="326">
        <v>87633</v>
      </c>
      <c r="DK16" s="330">
        <v>87633</v>
      </c>
      <c r="DL16" s="331">
        <v>0</v>
      </c>
      <c r="DM16" s="326">
        <v>813041</v>
      </c>
      <c r="DN16" s="326">
        <v>546108</v>
      </c>
      <c r="DO16" s="326">
        <v>1336241</v>
      </c>
      <c r="DP16" s="326">
        <v>1051948</v>
      </c>
      <c r="DQ16" s="326">
        <v>47196</v>
      </c>
      <c r="DR16" s="327">
        <v>3794534</v>
      </c>
      <c r="DS16" s="329">
        <v>3882167</v>
      </c>
      <c r="DT16" s="325">
        <v>0</v>
      </c>
      <c r="DU16" s="326">
        <v>87633</v>
      </c>
      <c r="DV16" s="327">
        <v>87633</v>
      </c>
      <c r="DW16" s="325">
        <v>0</v>
      </c>
      <c r="DX16" s="326">
        <v>785664</v>
      </c>
      <c r="DY16" s="326">
        <v>403612</v>
      </c>
      <c r="DZ16" s="326">
        <v>1239642</v>
      </c>
      <c r="EA16" s="326">
        <v>1051948</v>
      </c>
      <c r="EB16" s="326">
        <v>47196</v>
      </c>
      <c r="EC16" s="327">
        <v>3528062</v>
      </c>
      <c r="ED16" s="329">
        <v>3615695</v>
      </c>
      <c r="EE16" s="325">
        <v>0</v>
      </c>
      <c r="EF16" s="330">
        <v>0</v>
      </c>
      <c r="EG16" s="327">
        <v>0</v>
      </c>
      <c r="EH16" s="325">
        <v>0</v>
      </c>
      <c r="EI16" s="326">
        <v>27377</v>
      </c>
      <c r="EJ16" s="326">
        <v>142496</v>
      </c>
      <c r="EK16" s="326">
        <v>96599</v>
      </c>
      <c r="EL16" s="326">
        <v>0</v>
      </c>
      <c r="EM16" s="326">
        <v>0</v>
      </c>
      <c r="EN16" s="330">
        <v>266472</v>
      </c>
      <c r="EO16" s="329">
        <v>266472</v>
      </c>
      <c r="EP16" s="325">
        <v>0</v>
      </c>
      <c r="EQ16" s="326">
        <v>0</v>
      </c>
      <c r="ER16" s="330">
        <v>0</v>
      </c>
      <c r="ES16" s="331">
        <v>0</v>
      </c>
      <c r="ET16" s="326">
        <v>0</v>
      </c>
      <c r="EU16" s="326">
        <v>0</v>
      </c>
      <c r="EV16" s="326">
        <v>0</v>
      </c>
      <c r="EW16" s="326">
        <v>0</v>
      </c>
      <c r="EX16" s="326">
        <v>0</v>
      </c>
      <c r="EY16" s="327">
        <v>0</v>
      </c>
      <c r="EZ16" s="329">
        <v>0</v>
      </c>
      <c r="FA16" s="325">
        <v>0</v>
      </c>
      <c r="FB16" s="326">
        <v>0</v>
      </c>
      <c r="FC16" s="330">
        <v>0</v>
      </c>
      <c r="FD16" s="403">
        <v>0</v>
      </c>
      <c r="FE16" s="326">
        <v>0</v>
      </c>
      <c r="FF16" s="326">
        <v>0</v>
      </c>
      <c r="FG16" s="326">
        <v>0</v>
      </c>
      <c r="FH16" s="326">
        <v>0</v>
      </c>
      <c r="FI16" s="326">
        <v>0</v>
      </c>
      <c r="FJ16" s="327">
        <v>0</v>
      </c>
      <c r="FK16" s="329">
        <v>0</v>
      </c>
      <c r="FL16" s="325">
        <v>285768</v>
      </c>
      <c r="FM16" s="326">
        <v>879283</v>
      </c>
      <c r="FN16" s="327">
        <v>1165051</v>
      </c>
      <c r="FO16" s="325">
        <v>0</v>
      </c>
      <c r="FP16" s="326">
        <v>1485725</v>
      </c>
      <c r="FQ16" s="326">
        <v>1556296</v>
      </c>
      <c r="FR16" s="326">
        <v>1050525</v>
      </c>
      <c r="FS16" s="326">
        <v>727090</v>
      </c>
      <c r="FT16" s="326">
        <v>505477</v>
      </c>
      <c r="FU16" s="327">
        <v>5325113</v>
      </c>
      <c r="FV16" s="329">
        <v>6490164</v>
      </c>
      <c r="FW16" s="332">
        <v>196168</v>
      </c>
      <c r="FX16" s="326">
        <v>578235</v>
      </c>
      <c r="FY16" s="330">
        <v>774403</v>
      </c>
      <c r="FZ16" s="331">
        <v>0</v>
      </c>
      <c r="GA16" s="326">
        <v>744639</v>
      </c>
      <c r="GB16" s="326">
        <v>1372602</v>
      </c>
      <c r="GC16" s="326">
        <v>945301</v>
      </c>
      <c r="GD16" s="326">
        <v>657090</v>
      </c>
      <c r="GE16" s="326">
        <v>505477</v>
      </c>
      <c r="GF16" s="327">
        <v>4225109</v>
      </c>
      <c r="GG16" s="333">
        <v>4999512</v>
      </c>
      <c r="GH16" s="332">
        <v>0</v>
      </c>
      <c r="GI16" s="326">
        <v>0</v>
      </c>
      <c r="GJ16" s="330">
        <v>0</v>
      </c>
      <c r="GK16" s="331">
        <v>0</v>
      </c>
      <c r="GL16" s="326">
        <v>181226</v>
      </c>
      <c r="GM16" s="326">
        <v>19404</v>
      </c>
      <c r="GN16" s="326">
        <v>105224</v>
      </c>
      <c r="GO16" s="326">
        <v>70000</v>
      </c>
      <c r="GP16" s="326">
        <v>0</v>
      </c>
      <c r="GQ16" s="327">
        <v>375854</v>
      </c>
      <c r="GR16" s="329">
        <v>375854</v>
      </c>
      <c r="GS16" s="325">
        <v>89600</v>
      </c>
      <c r="GT16" s="326">
        <v>301048</v>
      </c>
      <c r="GU16" s="327">
        <v>390648</v>
      </c>
      <c r="GV16" s="325">
        <v>0</v>
      </c>
      <c r="GW16" s="326">
        <v>559860</v>
      </c>
      <c r="GX16" s="326">
        <v>164290</v>
      </c>
      <c r="GY16" s="326">
        <v>0</v>
      </c>
      <c r="GZ16" s="326">
        <v>0</v>
      </c>
      <c r="HA16" s="326">
        <v>0</v>
      </c>
      <c r="HB16" s="330">
        <v>724150</v>
      </c>
      <c r="HC16" s="329">
        <v>1114798</v>
      </c>
      <c r="HD16" s="325">
        <v>548828</v>
      </c>
      <c r="HE16" s="326">
        <v>769266</v>
      </c>
      <c r="HF16" s="330">
        <v>1318094</v>
      </c>
      <c r="HG16" s="331">
        <v>0</v>
      </c>
      <c r="HH16" s="326">
        <v>4691804</v>
      </c>
      <c r="HI16" s="326">
        <v>4605665</v>
      </c>
      <c r="HJ16" s="326">
        <v>4092956</v>
      </c>
      <c r="HK16" s="326">
        <v>7271592</v>
      </c>
      <c r="HL16" s="326">
        <v>6404069</v>
      </c>
      <c r="HM16" s="327">
        <v>27066086</v>
      </c>
      <c r="HN16" s="328">
        <v>28384180</v>
      </c>
      <c r="HO16" s="332">
        <v>0</v>
      </c>
      <c r="HP16" s="326">
        <v>0</v>
      </c>
      <c r="HQ16" s="327">
        <v>0</v>
      </c>
      <c r="HR16" s="325">
        <v>0</v>
      </c>
      <c r="HS16" s="326">
        <v>0</v>
      </c>
      <c r="HT16" s="326">
        <v>0</v>
      </c>
      <c r="HU16" s="326">
        <v>0</v>
      </c>
      <c r="HV16" s="326">
        <v>0</v>
      </c>
      <c r="HW16" s="326">
        <v>0</v>
      </c>
      <c r="HX16" s="330">
        <v>0</v>
      </c>
      <c r="HY16" s="329">
        <v>0</v>
      </c>
      <c r="HZ16" s="357">
        <v>40399</v>
      </c>
      <c r="IA16" s="355">
        <v>70030</v>
      </c>
      <c r="IB16" s="357">
        <v>110429</v>
      </c>
      <c r="IC16" s="354">
        <v>0</v>
      </c>
      <c r="ID16" s="355">
        <v>2548114</v>
      </c>
      <c r="IE16" s="356">
        <v>2996829</v>
      </c>
      <c r="IF16" s="357">
        <v>3020497</v>
      </c>
      <c r="IG16" s="355">
        <v>3750442</v>
      </c>
      <c r="IH16" s="357">
        <v>3677295</v>
      </c>
      <c r="II16" s="358">
        <v>15993177</v>
      </c>
      <c r="IJ16" s="357">
        <v>16103606</v>
      </c>
      <c r="IK16" s="341">
        <v>0</v>
      </c>
      <c r="IL16" s="342">
        <v>0</v>
      </c>
      <c r="IM16" s="343">
        <v>0</v>
      </c>
      <c r="IN16" s="403">
        <v>0</v>
      </c>
      <c r="IO16" s="344">
        <v>61128</v>
      </c>
      <c r="IP16" s="344">
        <v>206210</v>
      </c>
      <c r="IQ16" s="344">
        <v>169712</v>
      </c>
      <c r="IR16" s="344">
        <v>118220</v>
      </c>
      <c r="IS16" s="344">
        <v>221629</v>
      </c>
      <c r="IT16" s="345">
        <v>776899</v>
      </c>
      <c r="IU16" s="346">
        <v>776899</v>
      </c>
      <c r="IV16" s="347">
        <v>0</v>
      </c>
      <c r="IW16" s="344">
        <v>0</v>
      </c>
      <c r="IX16" s="348">
        <v>0</v>
      </c>
      <c r="IY16" s="403">
        <v>0</v>
      </c>
      <c r="IZ16" s="344">
        <v>0</v>
      </c>
      <c r="JA16" s="344">
        <v>0</v>
      </c>
      <c r="JB16" s="344">
        <v>0</v>
      </c>
      <c r="JC16" s="344">
        <v>9355</v>
      </c>
      <c r="JD16" s="344">
        <v>0</v>
      </c>
      <c r="JE16" s="348">
        <v>9355</v>
      </c>
      <c r="JF16" s="349">
        <v>9355</v>
      </c>
      <c r="JG16" s="347">
        <v>0</v>
      </c>
      <c r="JH16" s="344">
        <v>0</v>
      </c>
      <c r="JI16" s="345">
        <v>0</v>
      </c>
      <c r="JJ16" s="350">
        <v>0</v>
      </c>
      <c r="JK16" s="344">
        <v>1068215</v>
      </c>
      <c r="JL16" s="344">
        <v>661529</v>
      </c>
      <c r="JM16" s="344">
        <v>221711</v>
      </c>
      <c r="JN16" s="344">
        <v>359022</v>
      </c>
      <c r="JO16" s="344">
        <v>0</v>
      </c>
      <c r="JP16" s="348">
        <v>2310477</v>
      </c>
      <c r="JQ16" s="346">
        <v>2310477</v>
      </c>
      <c r="JR16" s="347">
        <v>0</v>
      </c>
      <c r="JS16" s="344">
        <v>0</v>
      </c>
      <c r="JT16" s="345">
        <v>0</v>
      </c>
      <c r="JU16" s="350">
        <v>0</v>
      </c>
      <c r="JV16" s="344">
        <v>97498</v>
      </c>
      <c r="JW16" s="344">
        <v>0</v>
      </c>
      <c r="JX16" s="344">
        <v>152985</v>
      </c>
      <c r="JY16" s="344">
        <v>295173</v>
      </c>
      <c r="JZ16" s="344">
        <v>0</v>
      </c>
      <c r="KA16" s="348">
        <v>545656</v>
      </c>
      <c r="KB16" s="346">
        <v>545656</v>
      </c>
      <c r="KC16" s="351">
        <v>40399</v>
      </c>
      <c r="KD16" s="352">
        <v>70030</v>
      </c>
      <c r="KE16" s="348">
        <v>110429</v>
      </c>
      <c r="KF16" s="350">
        <v>0</v>
      </c>
      <c r="KG16" s="344">
        <v>340092</v>
      </c>
      <c r="KH16" s="344">
        <v>288576</v>
      </c>
      <c r="KI16" s="344">
        <v>468495</v>
      </c>
      <c r="KJ16" s="344">
        <v>432474</v>
      </c>
      <c r="KK16" s="344">
        <v>235612</v>
      </c>
      <c r="KL16" s="348">
        <v>1765249</v>
      </c>
      <c r="KM16" s="353">
        <v>1875678</v>
      </c>
      <c r="KN16" s="341">
        <v>0</v>
      </c>
      <c r="KO16" s="342">
        <v>0</v>
      </c>
      <c r="KP16" s="343">
        <v>0</v>
      </c>
      <c r="KQ16" s="403">
        <v>0</v>
      </c>
      <c r="KR16" s="344">
        <v>841989</v>
      </c>
      <c r="KS16" s="344">
        <v>1343764</v>
      </c>
      <c r="KT16" s="344">
        <v>911158</v>
      </c>
      <c r="KU16" s="344">
        <v>1155323</v>
      </c>
      <c r="KV16" s="344">
        <v>1645814</v>
      </c>
      <c r="KW16" s="348">
        <v>5898048</v>
      </c>
      <c r="KX16" s="346">
        <v>5898048</v>
      </c>
      <c r="KY16" s="347">
        <v>0</v>
      </c>
      <c r="KZ16" s="344">
        <v>0</v>
      </c>
      <c r="LA16" s="348">
        <v>0</v>
      </c>
      <c r="LB16" s="403">
        <v>0</v>
      </c>
      <c r="LC16" s="344">
        <v>139192</v>
      </c>
      <c r="LD16" s="344">
        <v>327699</v>
      </c>
      <c r="LE16" s="344">
        <v>867913</v>
      </c>
      <c r="LF16" s="344">
        <v>387276</v>
      </c>
      <c r="LG16" s="344">
        <v>701135</v>
      </c>
      <c r="LH16" s="348">
        <v>2423215</v>
      </c>
      <c r="LI16" s="349">
        <v>2423215</v>
      </c>
      <c r="LJ16" s="347">
        <v>0</v>
      </c>
      <c r="LK16" s="344">
        <v>0</v>
      </c>
      <c r="LL16" s="348">
        <v>0</v>
      </c>
      <c r="LM16" s="403">
        <v>0</v>
      </c>
      <c r="LN16" s="344">
        <v>0</v>
      </c>
      <c r="LO16" s="344">
        <v>0</v>
      </c>
      <c r="LP16" s="344">
        <v>0</v>
      </c>
      <c r="LQ16" s="344">
        <v>472529</v>
      </c>
      <c r="LR16" s="344">
        <v>0</v>
      </c>
      <c r="LS16" s="348">
        <v>472529</v>
      </c>
      <c r="LT16" s="346">
        <v>472529</v>
      </c>
      <c r="LU16" s="347">
        <v>0</v>
      </c>
      <c r="LV16" s="344">
        <v>0</v>
      </c>
      <c r="LW16" s="348">
        <v>0</v>
      </c>
      <c r="LX16" s="403">
        <v>0</v>
      </c>
      <c r="LY16" s="344">
        <v>0</v>
      </c>
      <c r="LZ16" s="344">
        <v>169051</v>
      </c>
      <c r="MA16" s="344">
        <v>228523</v>
      </c>
      <c r="MB16" s="344">
        <v>521070</v>
      </c>
      <c r="MC16" s="344">
        <v>873105</v>
      </c>
      <c r="MD16" s="348">
        <v>1791749</v>
      </c>
      <c r="ME16" s="349">
        <v>1791749</v>
      </c>
      <c r="MF16" s="347">
        <v>0</v>
      </c>
      <c r="MG16" s="344">
        <v>0</v>
      </c>
      <c r="MH16" s="348">
        <v>0</v>
      </c>
      <c r="MI16" s="403">
        <v>0</v>
      </c>
      <c r="MJ16" s="344">
        <v>297404</v>
      </c>
      <c r="MK16" s="344">
        <v>1108359</v>
      </c>
      <c r="ML16" s="344">
        <v>5041059</v>
      </c>
      <c r="MM16" s="344">
        <v>6635871</v>
      </c>
      <c r="MN16" s="344">
        <v>4867901</v>
      </c>
      <c r="MO16" s="348">
        <v>17950594</v>
      </c>
      <c r="MP16" s="353">
        <v>17950594</v>
      </c>
      <c r="MQ16" s="347">
        <v>0</v>
      </c>
      <c r="MR16" s="344">
        <v>0</v>
      </c>
      <c r="MS16" s="348">
        <v>0</v>
      </c>
      <c r="MT16" s="403">
        <v>0</v>
      </c>
      <c r="MU16" s="344">
        <v>0</v>
      </c>
      <c r="MV16" s="344">
        <v>185755</v>
      </c>
      <c r="MW16" s="344">
        <v>3237966</v>
      </c>
      <c r="MX16" s="344">
        <v>3785651</v>
      </c>
      <c r="MY16" s="344">
        <v>4035327</v>
      </c>
      <c r="MZ16" s="348">
        <v>11244699</v>
      </c>
      <c r="NA16" s="353">
        <v>11244699</v>
      </c>
      <c r="NB16" s="347">
        <v>0</v>
      </c>
      <c r="NC16" s="344">
        <v>0</v>
      </c>
      <c r="ND16" s="348">
        <v>0</v>
      </c>
      <c r="NE16" s="403">
        <v>0</v>
      </c>
      <c r="NF16" s="344">
        <v>297404</v>
      </c>
      <c r="NG16" s="344">
        <v>922604</v>
      </c>
      <c r="NH16" s="344">
        <v>1564668</v>
      </c>
      <c r="NI16" s="344">
        <v>2850220</v>
      </c>
      <c r="NJ16" s="344">
        <v>516192</v>
      </c>
      <c r="NK16" s="348">
        <v>6151088</v>
      </c>
      <c r="NL16" s="346">
        <v>6151088</v>
      </c>
      <c r="NM16" s="347">
        <v>0</v>
      </c>
      <c r="NN16" s="344">
        <v>0</v>
      </c>
      <c r="NO16" s="348">
        <v>0</v>
      </c>
      <c r="NP16" s="403">
        <v>0</v>
      </c>
      <c r="NQ16" s="344">
        <v>0</v>
      </c>
      <c r="NR16" s="344">
        <v>0</v>
      </c>
      <c r="NS16" s="344">
        <v>0</v>
      </c>
      <c r="NT16" s="344">
        <v>0</v>
      </c>
      <c r="NU16" s="344">
        <v>0</v>
      </c>
      <c r="NV16" s="348">
        <v>0</v>
      </c>
      <c r="NW16" s="349">
        <v>0</v>
      </c>
      <c r="NX16" s="347">
        <v>0</v>
      </c>
      <c r="NY16" s="344">
        <v>0</v>
      </c>
      <c r="NZ16" s="348">
        <v>0</v>
      </c>
      <c r="OA16" s="403">
        <v>0</v>
      </c>
      <c r="OB16" s="344">
        <v>0</v>
      </c>
      <c r="OC16" s="344">
        <v>0</v>
      </c>
      <c r="OD16" s="344">
        <v>238425</v>
      </c>
      <c r="OE16" s="344">
        <v>0</v>
      </c>
      <c r="OF16" s="344">
        <v>316382</v>
      </c>
      <c r="OG16" s="348">
        <v>554807</v>
      </c>
      <c r="OH16" s="349">
        <v>554807</v>
      </c>
      <c r="OI16" s="347">
        <v>1415978</v>
      </c>
      <c r="OJ16" s="344">
        <v>2708395</v>
      </c>
      <c r="OK16" s="345">
        <v>4124373</v>
      </c>
      <c r="OL16" s="350">
        <v>0</v>
      </c>
      <c r="OM16" s="344">
        <v>21372004</v>
      </c>
      <c r="ON16" s="344">
        <v>20816422</v>
      </c>
      <c r="OO16" s="344">
        <v>23927735</v>
      </c>
      <c r="OP16" s="344">
        <v>26710457</v>
      </c>
      <c r="OQ16" s="344">
        <v>20665702</v>
      </c>
      <c r="OR16" s="348">
        <v>113492320</v>
      </c>
      <c r="OS16" s="353">
        <v>117616693</v>
      </c>
    </row>
    <row r="17" spans="2:409" s="70" customFormat="1" ht="21" customHeight="1" x14ac:dyDescent="0.2">
      <c r="B17" s="409" t="s">
        <v>11</v>
      </c>
      <c r="C17" s="325">
        <v>292759</v>
      </c>
      <c r="D17" s="326">
        <v>694673</v>
      </c>
      <c r="E17" s="364">
        <v>987432</v>
      </c>
      <c r="F17" s="331">
        <v>0</v>
      </c>
      <c r="G17" s="326">
        <v>5731731</v>
      </c>
      <c r="H17" s="326">
        <v>3882260</v>
      </c>
      <c r="I17" s="326">
        <v>4093652</v>
      </c>
      <c r="J17" s="326">
        <v>7062292</v>
      </c>
      <c r="K17" s="326">
        <v>3609575</v>
      </c>
      <c r="L17" s="328">
        <v>24379510</v>
      </c>
      <c r="M17" s="329">
        <v>25366942</v>
      </c>
      <c r="N17" s="325">
        <v>65918</v>
      </c>
      <c r="O17" s="326">
        <v>210776</v>
      </c>
      <c r="P17" s="327">
        <v>276694</v>
      </c>
      <c r="Q17" s="325">
        <v>0</v>
      </c>
      <c r="R17" s="326">
        <v>1606533</v>
      </c>
      <c r="S17" s="326">
        <v>1072188</v>
      </c>
      <c r="T17" s="326">
        <v>1132470</v>
      </c>
      <c r="U17" s="326">
        <v>2690931</v>
      </c>
      <c r="V17" s="326">
        <v>1110144</v>
      </c>
      <c r="W17" s="327">
        <v>7612266</v>
      </c>
      <c r="X17" s="329">
        <v>7888960</v>
      </c>
      <c r="Y17" s="325">
        <v>0</v>
      </c>
      <c r="Z17" s="326">
        <v>0</v>
      </c>
      <c r="AA17" s="327">
        <v>0</v>
      </c>
      <c r="AB17" s="325">
        <v>0</v>
      </c>
      <c r="AC17" s="326">
        <v>384375</v>
      </c>
      <c r="AD17" s="326">
        <v>218879</v>
      </c>
      <c r="AE17" s="326">
        <v>594675</v>
      </c>
      <c r="AF17" s="326">
        <v>1334775</v>
      </c>
      <c r="AG17" s="326">
        <v>505270</v>
      </c>
      <c r="AH17" s="327">
        <v>3037974</v>
      </c>
      <c r="AI17" s="329">
        <v>3037974</v>
      </c>
      <c r="AJ17" s="325">
        <v>0</v>
      </c>
      <c r="AK17" s="326">
        <v>0</v>
      </c>
      <c r="AL17" s="327">
        <v>0</v>
      </c>
      <c r="AM17" s="325">
        <v>0</v>
      </c>
      <c r="AN17" s="326">
        <v>0</v>
      </c>
      <c r="AO17" s="326">
        <v>0</v>
      </c>
      <c r="AP17" s="326">
        <v>0</v>
      </c>
      <c r="AQ17" s="326">
        <v>198010</v>
      </c>
      <c r="AR17" s="326">
        <v>108379</v>
      </c>
      <c r="AS17" s="327">
        <v>306389</v>
      </c>
      <c r="AT17" s="329">
        <v>306389</v>
      </c>
      <c r="AU17" s="325">
        <v>44323</v>
      </c>
      <c r="AV17" s="326">
        <v>184876</v>
      </c>
      <c r="AW17" s="327">
        <v>229199</v>
      </c>
      <c r="AX17" s="325">
        <v>0</v>
      </c>
      <c r="AY17" s="326">
        <v>949962</v>
      </c>
      <c r="AZ17" s="326">
        <v>505871</v>
      </c>
      <c r="BA17" s="326">
        <v>393693</v>
      </c>
      <c r="BB17" s="326">
        <v>865763</v>
      </c>
      <c r="BC17" s="326">
        <v>277276</v>
      </c>
      <c r="BD17" s="327">
        <v>2992565</v>
      </c>
      <c r="BE17" s="329">
        <v>3221764</v>
      </c>
      <c r="BF17" s="325">
        <v>0</v>
      </c>
      <c r="BG17" s="326">
        <v>0</v>
      </c>
      <c r="BH17" s="330">
        <v>0</v>
      </c>
      <c r="BI17" s="331">
        <v>0</v>
      </c>
      <c r="BJ17" s="326">
        <v>113058</v>
      </c>
      <c r="BK17" s="326">
        <v>82747</v>
      </c>
      <c r="BL17" s="326">
        <v>0</v>
      </c>
      <c r="BM17" s="326">
        <v>26768</v>
      </c>
      <c r="BN17" s="326">
        <v>61943</v>
      </c>
      <c r="BO17" s="327">
        <v>284516</v>
      </c>
      <c r="BP17" s="329">
        <v>284516</v>
      </c>
      <c r="BQ17" s="325">
        <v>21595</v>
      </c>
      <c r="BR17" s="326">
        <v>25900</v>
      </c>
      <c r="BS17" s="327">
        <v>47495</v>
      </c>
      <c r="BT17" s="325">
        <v>0</v>
      </c>
      <c r="BU17" s="326">
        <v>159138</v>
      </c>
      <c r="BV17" s="326">
        <v>264691</v>
      </c>
      <c r="BW17" s="326">
        <v>144102</v>
      </c>
      <c r="BX17" s="326">
        <v>265615</v>
      </c>
      <c r="BY17" s="326">
        <v>157276</v>
      </c>
      <c r="BZ17" s="327">
        <v>990822</v>
      </c>
      <c r="CA17" s="329">
        <v>1038317</v>
      </c>
      <c r="CB17" s="325">
        <v>0</v>
      </c>
      <c r="CC17" s="326">
        <v>164643</v>
      </c>
      <c r="CD17" s="327">
        <v>164643</v>
      </c>
      <c r="CE17" s="325">
        <v>0</v>
      </c>
      <c r="CF17" s="326">
        <v>1065185</v>
      </c>
      <c r="CG17" s="326">
        <v>843514</v>
      </c>
      <c r="CH17" s="326">
        <v>1380142</v>
      </c>
      <c r="CI17" s="326">
        <v>885151</v>
      </c>
      <c r="CJ17" s="326">
        <v>297202</v>
      </c>
      <c r="CK17" s="327">
        <v>4471194</v>
      </c>
      <c r="CL17" s="329">
        <v>4635837</v>
      </c>
      <c r="CM17" s="325">
        <v>0</v>
      </c>
      <c r="CN17" s="326">
        <v>0</v>
      </c>
      <c r="CO17" s="327">
        <v>0</v>
      </c>
      <c r="CP17" s="331">
        <v>0</v>
      </c>
      <c r="CQ17" s="326">
        <v>637677</v>
      </c>
      <c r="CR17" s="326">
        <v>587510</v>
      </c>
      <c r="CS17" s="326">
        <v>639561</v>
      </c>
      <c r="CT17" s="326">
        <v>809522</v>
      </c>
      <c r="CU17" s="326">
        <v>285889</v>
      </c>
      <c r="CV17" s="327">
        <v>2960159</v>
      </c>
      <c r="CW17" s="329">
        <v>2960159</v>
      </c>
      <c r="CX17" s="325">
        <v>0</v>
      </c>
      <c r="CY17" s="326">
        <v>164643</v>
      </c>
      <c r="CZ17" s="327">
        <v>164643</v>
      </c>
      <c r="DA17" s="325">
        <v>0</v>
      </c>
      <c r="DB17" s="326">
        <v>427508</v>
      </c>
      <c r="DC17" s="326">
        <v>256004</v>
      </c>
      <c r="DD17" s="326">
        <v>740581</v>
      </c>
      <c r="DE17" s="326">
        <v>75629</v>
      </c>
      <c r="DF17" s="326">
        <v>11313</v>
      </c>
      <c r="DG17" s="327">
        <v>1511035</v>
      </c>
      <c r="DH17" s="329">
        <v>1675678</v>
      </c>
      <c r="DI17" s="325">
        <v>0</v>
      </c>
      <c r="DJ17" s="326">
        <v>0</v>
      </c>
      <c r="DK17" s="330">
        <v>0</v>
      </c>
      <c r="DL17" s="331">
        <v>0</v>
      </c>
      <c r="DM17" s="326">
        <v>88344</v>
      </c>
      <c r="DN17" s="326">
        <v>65460</v>
      </c>
      <c r="DO17" s="326">
        <v>178675</v>
      </c>
      <c r="DP17" s="326">
        <v>99106</v>
      </c>
      <c r="DQ17" s="326">
        <v>434568</v>
      </c>
      <c r="DR17" s="327">
        <v>866153</v>
      </c>
      <c r="DS17" s="329">
        <v>866153</v>
      </c>
      <c r="DT17" s="325">
        <v>0</v>
      </c>
      <c r="DU17" s="326">
        <v>0</v>
      </c>
      <c r="DV17" s="327">
        <v>0</v>
      </c>
      <c r="DW17" s="325">
        <v>0</v>
      </c>
      <c r="DX17" s="326">
        <v>88344</v>
      </c>
      <c r="DY17" s="326">
        <v>65460</v>
      </c>
      <c r="DZ17" s="326">
        <v>22708</v>
      </c>
      <c r="EA17" s="326">
        <v>58163</v>
      </c>
      <c r="EB17" s="326">
        <v>316827</v>
      </c>
      <c r="EC17" s="327">
        <v>551502</v>
      </c>
      <c r="ED17" s="329">
        <v>551502</v>
      </c>
      <c r="EE17" s="325">
        <v>0</v>
      </c>
      <c r="EF17" s="330">
        <v>0</v>
      </c>
      <c r="EG17" s="327">
        <v>0</v>
      </c>
      <c r="EH17" s="325">
        <v>0</v>
      </c>
      <c r="EI17" s="326">
        <v>0</v>
      </c>
      <c r="EJ17" s="326">
        <v>0</v>
      </c>
      <c r="EK17" s="326">
        <v>155967</v>
      </c>
      <c r="EL17" s="326">
        <v>40943</v>
      </c>
      <c r="EM17" s="326">
        <v>117741</v>
      </c>
      <c r="EN17" s="330">
        <v>314651</v>
      </c>
      <c r="EO17" s="329">
        <v>314651</v>
      </c>
      <c r="EP17" s="325">
        <v>0</v>
      </c>
      <c r="EQ17" s="326">
        <v>0</v>
      </c>
      <c r="ER17" s="330">
        <v>0</v>
      </c>
      <c r="ES17" s="331">
        <v>0</v>
      </c>
      <c r="ET17" s="326">
        <v>0</v>
      </c>
      <c r="EU17" s="326">
        <v>0</v>
      </c>
      <c r="EV17" s="326">
        <v>0</v>
      </c>
      <c r="EW17" s="326">
        <v>0</v>
      </c>
      <c r="EX17" s="326">
        <v>0</v>
      </c>
      <c r="EY17" s="327">
        <v>0</v>
      </c>
      <c r="EZ17" s="329">
        <v>0</v>
      </c>
      <c r="FA17" s="325">
        <v>0</v>
      </c>
      <c r="FB17" s="326">
        <v>0</v>
      </c>
      <c r="FC17" s="330">
        <v>0</v>
      </c>
      <c r="FD17" s="403">
        <v>0</v>
      </c>
      <c r="FE17" s="326">
        <v>0</v>
      </c>
      <c r="FF17" s="326">
        <v>0</v>
      </c>
      <c r="FG17" s="326">
        <v>0</v>
      </c>
      <c r="FH17" s="326">
        <v>0</v>
      </c>
      <c r="FI17" s="326">
        <v>0</v>
      </c>
      <c r="FJ17" s="327">
        <v>0</v>
      </c>
      <c r="FK17" s="329">
        <v>0</v>
      </c>
      <c r="FL17" s="325">
        <v>83118</v>
      </c>
      <c r="FM17" s="326">
        <v>136388</v>
      </c>
      <c r="FN17" s="327">
        <v>219506</v>
      </c>
      <c r="FO17" s="325">
        <v>0</v>
      </c>
      <c r="FP17" s="326">
        <v>292192</v>
      </c>
      <c r="FQ17" s="326">
        <v>261388</v>
      </c>
      <c r="FR17" s="326">
        <v>403494</v>
      </c>
      <c r="FS17" s="326">
        <v>621348</v>
      </c>
      <c r="FT17" s="326">
        <v>222712</v>
      </c>
      <c r="FU17" s="327">
        <v>1801134</v>
      </c>
      <c r="FV17" s="329">
        <v>2020640</v>
      </c>
      <c r="FW17" s="332">
        <v>83118</v>
      </c>
      <c r="FX17" s="326">
        <v>108360</v>
      </c>
      <c r="FY17" s="330">
        <v>191478</v>
      </c>
      <c r="FZ17" s="331">
        <v>0</v>
      </c>
      <c r="GA17" s="326">
        <v>292192</v>
      </c>
      <c r="GB17" s="326">
        <v>174432</v>
      </c>
      <c r="GC17" s="326">
        <v>403494</v>
      </c>
      <c r="GD17" s="326">
        <v>538748</v>
      </c>
      <c r="GE17" s="326">
        <v>222712</v>
      </c>
      <c r="GF17" s="327">
        <v>1631578</v>
      </c>
      <c r="GG17" s="333">
        <v>1823056</v>
      </c>
      <c r="GH17" s="332">
        <v>0</v>
      </c>
      <c r="GI17" s="326">
        <v>0</v>
      </c>
      <c r="GJ17" s="330">
        <v>0</v>
      </c>
      <c r="GK17" s="331">
        <v>0</v>
      </c>
      <c r="GL17" s="326">
        <v>0</v>
      </c>
      <c r="GM17" s="326">
        <v>33756</v>
      </c>
      <c r="GN17" s="326">
        <v>0</v>
      </c>
      <c r="GO17" s="326">
        <v>82600</v>
      </c>
      <c r="GP17" s="326">
        <v>0</v>
      </c>
      <c r="GQ17" s="327">
        <v>116356</v>
      </c>
      <c r="GR17" s="329">
        <v>116356</v>
      </c>
      <c r="GS17" s="325">
        <v>0</v>
      </c>
      <c r="GT17" s="326">
        <v>28028</v>
      </c>
      <c r="GU17" s="327">
        <v>28028</v>
      </c>
      <c r="GV17" s="325">
        <v>0</v>
      </c>
      <c r="GW17" s="326">
        <v>0</v>
      </c>
      <c r="GX17" s="326">
        <v>53200</v>
      </c>
      <c r="GY17" s="326">
        <v>0</v>
      </c>
      <c r="GZ17" s="326">
        <v>0</v>
      </c>
      <c r="HA17" s="326">
        <v>0</v>
      </c>
      <c r="HB17" s="330">
        <v>53200</v>
      </c>
      <c r="HC17" s="329">
        <v>81228</v>
      </c>
      <c r="HD17" s="325">
        <v>143723</v>
      </c>
      <c r="HE17" s="326">
        <v>182866</v>
      </c>
      <c r="HF17" s="330">
        <v>326589</v>
      </c>
      <c r="HG17" s="331">
        <v>0</v>
      </c>
      <c r="HH17" s="326">
        <v>2679477</v>
      </c>
      <c r="HI17" s="326">
        <v>1639710</v>
      </c>
      <c r="HJ17" s="326">
        <v>998871</v>
      </c>
      <c r="HK17" s="326">
        <v>2765756</v>
      </c>
      <c r="HL17" s="326">
        <v>1544949</v>
      </c>
      <c r="HM17" s="327">
        <v>9628763</v>
      </c>
      <c r="HN17" s="328">
        <v>9955352</v>
      </c>
      <c r="HO17" s="332">
        <v>0</v>
      </c>
      <c r="HP17" s="326">
        <v>0</v>
      </c>
      <c r="HQ17" s="327">
        <v>0</v>
      </c>
      <c r="HR17" s="325">
        <v>0</v>
      </c>
      <c r="HS17" s="326">
        <v>0</v>
      </c>
      <c r="HT17" s="326">
        <v>0</v>
      </c>
      <c r="HU17" s="326">
        <v>0</v>
      </c>
      <c r="HV17" s="326">
        <v>0</v>
      </c>
      <c r="HW17" s="326">
        <v>0</v>
      </c>
      <c r="HX17" s="330">
        <v>0</v>
      </c>
      <c r="HY17" s="329">
        <v>0</v>
      </c>
      <c r="HZ17" s="334">
        <v>0</v>
      </c>
      <c r="IA17" s="335">
        <v>61362</v>
      </c>
      <c r="IB17" s="336">
        <v>61362</v>
      </c>
      <c r="IC17" s="337">
        <v>0</v>
      </c>
      <c r="ID17" s="335">
        <v>1915066</v>
      </c>
      <c r="IE17" s="338">
        <v>1437638</v>
      </c>
      <c r="IF17" s="336">
        <v>828734</v>
      </c>
      <c r="IG17" s="335">
        <v>1026099</v>
      </c>
      <c r="IH17" s="336">
        <v>492990</v>
      </c>
      <c r="II17" s="339">
        <v>5700527</v>
      </c>
      <c r="IJ17" s="340">
        <v>5761889</v>
      </c>
      <c r="IK17" s="341">
        <v>0</v>
      </c>
      <c r="IL17" s="342">
        <v>0</v>
      </c>
      <c r="IM17" s="343">
        <v>0</v>
      </c>
      <c r="IN17" s="403">
        <v>0</v>
      </c>
      <c r="IO17" s="344">
        <v>68271</v>
      </c>
      <c r="IP17" s="344">
        <v>110554</v>
      </c>
      <c r="IQ17" s="344">
        <v>0</v>
      </c>
      <c r="IR17" s="344">
        <v>0</v>
      </c>
      <c r="IS17" s="344">
        <v>252832</v>
      </c>
      <c r="IT17" s="345">
        <v>431657</v>
      </c>
      <c r="IU17" s="346">
        <v>431657</v>
      </c>
      <c r="IV17" s="347">
        <v>0</v>
      </c>
      <c r="IW17" s="344">
        <v>0</v>
      </c>
      <c r="IX17" s="348">
        <v>0</v>
      </c>
      <c r="IY17" s="403">
        <v>0</v>
      </c>
      <c r="IZ17" s="344">
        <v>14732</v>
      </c>
      <c r="JA17" s="344">
        <v>0</v>
      </c>
      <c r="JB17" s="344">
        <v>0</v>
      </c>
      <c r="JC17" s="344">
        <v>14732</v>
      </c>
      <c r="JD17" s="344">
        <v>0</v>
      </c>
      <c r="JE17" s="348">
        <v>29464</v>
      </c>
      <c r="JF17" s="349">
        <v>29464</v>
      </c>
      <c r="JG17" s="347">
        <v>0</v>
      </c>
      <c r="JH17" s="344">
        <v>0</v>
      </c>
      <c r="JI17" s="345">
        <v>0</v>
      </c>
      <c r="JJ17" s="350">
        <v>0</v>
      </c>
      <c r="JK17" s="344">
        <v>1242111</v>
      </c>
      <c r="JL17" s="344">
        <v>385736</v>
      </c>
      <c r="JM17" s="344">
        <v>149567</v>
      </c>
      <c r="JN17" s="344">
        <v>326451</v>
      </c>
      <c r="JO17" s="344">
        <v>240158</v>
      </c>
      <c r="JP17" s="348">
        <v>2344023</v>
      </c>
      <c r="JQ17" s="346">
        <v>2344023</v>
      </c>
      <c r="JR17" s="347">
        <v>0</v>
      </c>
      <c r="JS17" s="344">
        <v>0</v>
      </c>
      <c r="JT17" s="345">
        <v>0</v>
      </c>
      <c r="JU17" s="350">
        <v>0</v>
      </c>
      <c r="JV17" s="344">
        <v>145010</v>
      </c>
      <c r="JW17" s="344">
        <v>0</v>
      </c>
      <c r="JX17" s="344">
        <v>0</v>
      </c>
      <c r="JY17" s="344">
        <v>0</v>
      </c>
      <c r="JZ17" s="344">
        <v>0</v>
      </c>
      <c r="KA17" s="348">
        <v>145010</v>
      </c>
      <c r="KB17" s="346">
        <v>145010</v>
      </c>
      <c r="KC17" s="351">
        <v>0</v>
      </c>
      <c r="KD17" s="352">
        <v>61362</v>
      </c>
      <c r="KE17" s="348">
        <v>61362</v>
      </c>
      <c r="KF17" s="350">
        <v>0</v>
      </c>
      <c r="KG17" s="344">
        <v>234870</v>
      </c>
      <c r="KH17" s="344">
        <v>277836</v>
      </c>
      <c r="KI17" s="344">
        <v>0</v>
      </c>
      <c r="KJ17" s="344">
        <v>456126</v>
      </c>
      <c r="KK17" s="344">
        <v>0</v>
      </c>
      <c r="KL17" s="348">
        <v>968832</v>
      </c>
      <c r="KM17" s="353">
        <v>1030194</v>
      </c>
      <c r="KN17" s="341">
        <v>0</v>
      </c>
      <c r="KO17" s="342">
        <v>0</v>
      </c>
      <c r="KP17" s="343">
        <v>0</v>
      </c>
      <c r="KQ17" s="403">
        <v>0</v>
      </c>
      <c r="KR17" s="344">
        <v>210072</v>
      </c>
      <c r="KS17" s="344">
        <v>663512</v>
      </c>
      <c r="KT17" s="344">
        <v>679167</v>
      </c>
      <c r="KU17" s="344">
        <v>228790</v>
      </c>
      <c r="KV17" s="344">
        <v>0</v>
      </c>
      <c r="KW17" s="348">
        <v>1781541</v>
      </c>
      <c r="KX17" s="346">
        <v>1781541</v>
      </c>
      <c r="KY17" s="347">
        <v>0</v>
      </c>
      <c r="KZ17" s="344">
        <v>0</v>
      </c>
      <c r="LA17" s="348">
        <v>0</v>
      </c>
      <c r="LB17" s="403">
        <v>0</v>
      </c>
      <c r="LC17" s="344">
        <v>0</v>
      </c>
      <c r="LD17" s="344">
        <v>0</v>
      </c>
      <c r="LE17" s="344">
        <v>0</v>
      </c>
      <c r="LF17" s="344">
        <v>0</v>
      </c>
      <c r="LG17" s="344">
        <v>0</v>
      </c>
      <c r="LH17" s="348">
        <v>0</v>
      </c>
      <c r="LI17" s="349">
        <v>0</v>
      </c>
      <c r="LJ17" s="347">
        <v>0</v>
      </c>
      <c r="LK17" s="344">
        <v>0</v>
      </c>
      <c r="LL17" s="348">
        <v>0</v>
      </c>
      <c r="LM17" s="403">
        <v>0</v>
      </c>
      <c r="LN17" s="344">
        <v>0</v>
      </c>
      <c r="LO17" s="344">
        <v>0</v>
      </c>
      <c r="LP17" s="344">
        <v>0</v>
      </c>
      <c r="LQ17" s="344">
        <v>0</v>
      </c>
      <c r="LR17" s="344">
        <v>0</v>
      </c>
      <c r="LS17" s="348">
        <v>0</v>
      </c>
      <c r="LT17" s="346">
        <v>0</v>
      </c>
      <c r="LU17" s="347">
        <v>0</v>
      </c>
      <c r="LV17" s="344">
        <v>0</v>
      </c>
      <c r="LW17" s="348">
        <v>0</v>
      </c>
      <c r="LX17" s="403">
        <v>0</v>
      </c>
      <c r="LY17" s="344">
        <v>0</v>
      </c>
      <c r="LZ17" s="344">
        <v>0</v>
      </c>
      <c r="MA17" s="344">
        <v>0</v>
      </c>
      <c r="MB17" s="344">
        <v>0</v>
      </c>
      <c r="MC17" s="344">
        <v>0</v>
      </c>
      <c r="MD17" s="348">
        <v>0</v>
      </c>
      <c r="ME17" s="349">
        <v>0</v>
      </c>
      <c r="MF17" s="347">
        <v>0</v>
      </c>
      <c r="MG17" s="344">
        <v>0</v>
      </c>
      <c r="MH17" s="348">
        <v>0</v>
      </c>
      <c r="MI17" s="403">
        <v>0</v>
      </c>
      <c r="MJ17" s="344">
        <v>201740</v>
      </c>
      <c r="MK17" s="344">
        <v>413540</v>
      </c>
      <c r="ML17" s="344">
        <v>3239805</v>
      </c>
      <c r="MM17" s="344">
        <v>2316118</v>
      </c>
      <c r="MN17" s="344">
        <v>1633141</v>
      </c>
      <c r="MO17" s="348">
        <v>7804344</v>
      </c>
      <c r="MP17" s="353">
        <v>7804344</v>
      </c>
      <c r="MQ17" s="347">
        <v>0</v>
      </c>
      <c r="MR17" s="344">
        <v>0</v>
      </c>
      <c r="MS17" s="348">
        <v>0</v>
      </c>
      <c r="MT17" s="403">
        <v>0</v>
      </c>
      <c r="MU17" s="344">
        <v>0</v>
      </c>
      <c r="MV17" s="344">
        <v>0</v>
      </c>
      <c r="MW17" s="344">
        <v>1707144</v>
      </c>
      <c r="MX17" s="344">
        <v>1834704</v>
      </c>
      <c r="MY17" s="344">
        <v>1343234</v>
      </c>
      <c r="MZ17" s="348">
        <v>4885082</v>
      </c>
      <c r="NA17" s="353">
        <v>4885082</v>
      </c>
      <c r="NB17" s="347">
        <v>0</v>
      </c>
      <c r="NC17" s="344">
        <v>0</v>
      </c>
      <c r="ND17" s="348">
        <v>0</v>
      </c>
      <c r="NE17" s="403">
        <v>0</v>
      </c>
      <c r="NF17" s="344">
        <v>201740</v>
      </c>
      <c r="NG17" s="344">
        <v>413540</v>
      </c>
      <c r="NH17" s="344">
        <v>1532661</v>
      </c>
      <c r="NI17" s="344">
        <v>481414</v>
      </c>
      <c r="NJ17" s="344">
        <v>289907</v>
      </c>
      <c r="NK17" s="348">
        <v>2919262</v>
      </c>
      <c r="NL17" s="346">
        <v>2919262</v>
      </c>
      <c r="NM17" s="347">
        <v>0</v>
      </c>
      <c r="NN17" s="344">
        <v>0</v>
      </c>
      <c r="NO17" s="348">
        <v>0</v>
      </c>
      <c r="NP17" s="403">
        <v>0</v>
      </c>
      <c r="NQ17" s="344">
        <v>0</v>
      </c>
      <c r="NR17" s="344">
        <v>0</v>
      </c>
      <c r="NS17" s="344">
        <v>0</v>
      </c>
      <c r="NT17" s="344">
        <v>0</v>
      </c>
      <c r="NU17" s="344">
        <v>0</v>
      </c>
      <c r="NV17" s="348">
        <v>0</v>
      </c>
      <c r="NW17" s="349">
        <v>0</v>
      </c>
      <c r="NX17" s="347">
        <v>0</v>
      </c>
      <c r="NY17" s="344">
        <v>0</v>
      </c>
      <c r="NZ17" s="348">
        <v>0</v>
      </c>
      <c r="OA17" s="403">
        <v>0</v>
      </c>
      <c r="OB17" s="344">
        <v>0</v>
      </c>
      <c r="OC17" s="344">
        <v>0</v>
      </c>
      <c r="OD17" s="344">
        <v>0</v>
      </c>
      <c r="OE17" s="344">
        <v>0</v>
      </c>
      <c r="OF17" s="344">
        <v>0</v>
      </c>
      <c r="OG17" s="348">
        <v>0</v>
      </c>
      <c r="OH17" s="349">
        <v>0</v>
      </c>
      <c r="OI17" s="347">
        <v>292759</v>
      </c>
      <c r="OJ17" s="344">
        <v>756035</v>
      </c>
      <c r="OK17" s="345">
        <v>1048794</v>
      </c>
      <c r="OL17" s="350">
        <v>0</v>
      </c>
      <c r="OM17" s="344">
        <v>7848537</v>
      </c>
      <c r="ON17" s="344">
        <v>5733438</v>
      </c>
      <c r="OO17" s="344">
        <v>8162191</v>
      </c>
      <c r="OP17" s="344">
        <v>10404509</v>
      </c>
      <c r="OQ17" s="344">
        <v>5735706</v>
      </c>
      <c r="OR17" s="348">
        <v>37884381</v>
      </c>
      <c r="OS17" s="353">
        <v>38933175</v>
      </c>
    </row>
    <row r="18" spans="2:409" s="70" customFormat="1" ht="21" customHeight="1" x14ac:dyDescent="0.2">
      <c r="B18" s="409" t="s">
        <v>12</v>
      </c>
      <c r="C18" s="325">
        <v>804115</v>
      </c>
      <c r="D18" s="326">
        <v>2451834</v>
      </c>
      <c r="E18" s="327">
        <v>3255949</v>
      </c>
      <c r="F18" s="328">
        <v>0</v>
      </c>
      <c r="G18" s="326">
        <v>6490522</v>
      </c>
      <c r="H18" s="365">
        <v>8304626</v>
      </c>
      <c r="I18" s="365">
        <v>7353861</v>
      </c>
      <c r="J18" s="365">
        <v>6830395</v>
      </c>
      <c r="K18" s="365">
        <v>6290049</v>
      </c>
      <c r="L18" s="330">
        <v>35269453</v>
      </c>
      <c r="M18" s="329">
        <v>38525402</v>
      </c>
      <c r="N18" s="325">
        <v>318249</v>
      </c>
      <c r="O18" s="326">
        <v>947834</v>
      </c>
      <c r="P18" s="327">
        <v>1266083</v>
      </c>
      <c r="Q18" s="325">
        <v>0</v>
      </c>
      <c r="R18" s="326">
        <v>2167840</v>
      </c>
      <c r="S18" s="326">
        <v>3349122</v>
      </c>
      <c r="T18" s="326">
        <v>1938123</v>
      </c>
      <c r="U18" s="326">
        <v>2708574</v>
      </c>
      <c r="V18" s="326">
        <v>3232325</v>
      </c>
      <c r="W18" s="327">
        <v>13395984</v>
      </c>
      <c r="X18" s="329">
        <v>14662067</v>
      </c>
      <c r="Y18" s="325">
        <v>0</v>
      </c>
      <c r="Z18" s="326">
        <v>0</v>
      </c>
      <c r="AA18" s="327">
        <v>0</v>
      </c>
      <c r="AB18" s="325">
        <v>0</v>
      </c>
      <c r="AC18" s="326">
        <v>1330647</v>
      </c>
      <c r="AD18" s="326">
        <v>1752678</v>
      </c>
      <c r="AE18" s="326">
        <v>1150141</v>
      </c>
      <c r="AF18" s="326">
        <v>1721193</v>
      </c>
      <c r="AG18" s="326">
        <v>2403521</v>
      </c>
      <c r="AH18" s="327">
        <v>8358180</v>
      </c>
      <c r="AI18" s="329">
        <v>8358180</v>
      </c>
      <c r="AJ18" s="325">
        <v>0</v>
      </c>
      <c r="AK18" s="326">
        <v>0</v>
      </c>
      <c r="AL18" s="327">
        <v>0</v>
      </c>
      <c r="AM18" s="325">
        <v>0</v>
      </c>
      <c r="AN18" s="326">
        <v>0</v>
      </c>
      <c r="AO18" s="326">
        <v>82764</v>
      </c>
      <c r="AP18" s="326">
        <v>114160</v>
      </c>
      <c r="AQ18" s="326">
        <v>177608</v>
      </c>
      <c r="AR18" s="326">
        <v>162651</v>
      </c>
      <c r="AS18" s="327">
        <v>537183</v>
      </c>
      <c r="AT18" s="329">
        <v>537183</v>
      </c>
      <c r="AU18" s="325">
        <v>238285</v>
      </c>
      <c r="AV18" s="326">
        <v>837486</v>
      </c>
      <c r="AW18" s="327">
        <v>1075771</v>
      </c>
      <c r="AX18" s="325">
        <v>0</v>
      </c>
      <c r="AY18" s="326">
        <v>610651</v>
      </c>
      <c r="AZ18" s="326">
        <v>1070218</v>
      </c>
      <c r="BA18" s="326">
        <v>310667</v>
      </c>
      <c r="BB18" s="326">
        <v>525820</v>
      </c>
      <c r="BC18" s="326">
        <v>476474</v>
      </c>
      <c r="BD18" s="327">
        <v>2993830</v>
      </c>
      <c r="BE18" s="329">
        <v>4069601</v>
      </c>
      <c r="BF18" s="325">
        <v>27737</v>
      </c>
      <c r="BG18" s="326">
        <v>18137</v>
      </c>
      <c r="BH18" s="330">
        <v>45874</v>
      </c>
      <c r="BI18" s="331">
        <v>0</v>
      </c>
      <c r="BJ18" s="326">
        <v>13868</v>
      </c>
      <c r="BK18" s="326">
        <v>77656</v>
      </c>
      <c r="BL18" s="326">
        <v>85472</v>
      </c>
      <c r="BM18" s="326">
        <v>9595</v>
      </c>
      <c r="BN18" s="326">
        <v>0</v>
      </c>
      <c r="BO18" s="327">
        <v>186591</v>
      </c>
      <c r="BP18" s="329">
        <v>232465</v>
      </c>
      <c r="BQ18" s="325">
        <v>52227</v>
      </c>
      <c r="BR18" s="326">
        <v>92211</v>
      </c>
      <c r="BS18" s="327">
        <v>144438</v>
      </c>
      <c r="BT18" s="325">
        <v>0</v>
      </c>
      <c r="BU18" s="326">
        <v>212674</v>
      </c>
      <c r="BV18" s="326">
        <v>365806</v>
      </c>
      <c r="BW18" s="326">
        <v>277683</v>
      </c>
      <c r="BX18" s="326">
        <v>274358</v>
      </c>
      <c r="BY18" s="326">
        <v>189679</v>
      </c>
      <c r="BZ18" s="327">
        <v>1320200</v>
      </c>
      <c r="CA18" s="329">
        <v>1464638</v>
      </c>
      <c r="CB18" s="325">
        <v>160294</v>
      </c>
      <c r="CC18" s="326">
        <v>346833</v>
      </c>
      <c r="CD18" s="327">
        <v>507127</v>
      </c>
      <c r="CE18" s="325">
        <v>0</v>
      </c>
      <c r="CF18" s="326">
        <v>2281893</v>
      </c>
      <c r="CG18" s="326">
        <v>2010019</v>
      </c>
      <c r="CH18" s="326">
        <v>2053245</v>
      </c>
      <c r="CI18" s="326">
        <v>1068430</v>
      </c>
      <c r="CJ18" s="326">
        <v>902703</v>
      </c>
      <c r="CK18" s="327">
        <v>8316290</v>
      </c>
      <c r="CL18" s="329">
        <v>8823417</v>
      </c>
      <c r="CM18" s="325">
        <v>0</v>
      </c>
      <c r="CN18" s="326">
        <v>0</v>
      </c>
      <c r="CO18" s="327">
        <v>0</v>
      </c>
      <c r="CP18" s="331">
        <v>0</v>
      </c>
      <c r="CQ18" s="326">
        <v>1759134</v>
      </c>
      <c r="CR18" s="326">
        <v>1692845</v>
      </c>
      <c r="CS18" s="326">
        <v>1149413</v>
      </c>
      <c r="CT18" s="326">
        <v>665073</v>
      </c>
      <c r="CU18" s="326">
        <v>766296</v>
      </c>
      <c r="CV18" s="327">
        <v>6032761</v>
      </c>
      <c r="CW18" s="329">
        <v>6032761</v>
      </c>
      <c r="CX18" s="325">
        <v>160294</v>
      </c>
      <c r="CY18" s="326">
        <v>346833</v>
      </c>
      <c r="CZ18" s="327">
        <v>507127</v>
      </c>
      <c r="DA18" s="325">
        <v>0</v>
      </c>
      <c r="DB18" s="326">
        <v>522759</v>
      </c>
      <c r="DC18" s="326">
        <v>317174</v>
      </c>
      <c r="DD18" s="326">
        <v>903832</v>
      </c>
      <c r="DE18" s="326">
        <v>403357</v>
      </c>
      <c r="DF18" s="326">
        <v>136407</v>
      </c>
      <c r="DG18" s="327">
        <v>2283529</v>
      </c>
      <c r="DH18" s="329">
        <v>2790656</v>
      </c>
      <c r="DI18" s="325">
        <v>0</v>
      </c>
      <c r="DJ18" s="326">
        <v>14422</v>
      </c>
      <c r="DK18" s="330">
        <v>14422</v>
      </c>
      <c r="DL18" s="331">
        <v>0</v>
      </c>
      <c r="DM18" s="326">
        <v>395616</v>
      </c>
      <c r="DN18" s="326">
        <v>351752</v>
      </c>
      <c r="DO18" s="326">
        <v>771692</v>
      </c>
      <c r="DP18" s="326">
        <v>289052</v>
      </c>
      <c r="DQ18" s="326">
        <v>314436</v>
      </c>
      <c r="DR18" s="327">
        <v>2122548</v>
      </c>
      <c r="DS18" s="329">
        <v>2136970</v>
      </c>
      <c r="DT18" s="325">
        <v>0</v>
      </c>
      <c r="DU18" s="326">
        <v>14422</v>
      </c>
      <c r="DV18" s="327">
        <v>14422</v>
      </c>
      <c r="DW18" s="325">
        <v>0</v>
      </c>
      <c r="DX18" s="326">
        <v>372238</v>
      </c>
      <c r="DY18" s="326">
        <v>351752</v>
      </c>
      <c r="DZ18" s="326">
        <v>739529</v>
      </c>
      <c r="EA18" s="326">
        <v>289052</v>
      </c>
      <c r="EB18" s="326">
        <v>314436</v>
      </c>
      <c r="EC18" s="327">
        <v>2067007</v>
      </c>
      <c r="ED18" s="329">
        <v>2081429</v>
      </c>
      <c r="EE18" s="325">
        <v>0</v>
      </c>
      <c r="EF18" s="330">
        <v>0</v>
      </c>
      <c r="EG18" s="327">
        <v>0</v>
      </c>
      <c r="EH18" s="325">
        <v>0</v>
      </c>
      <c r="EI18" s="326">
        <v>23378</v>
      </c>
      <c r="EJ18" s="326">
        <v>0</v>
      </c>
      <c r="EK18" s="326">
        <v>32163</v>
      </c>
      <c r="EL18" s="326">
        <v>0</v>
      </c>
      <c r="EM18" s="326">
        <v>0</v>
      </c>
      <c r="EN18" s="330">
        <v>55541</v>
      </c>
      <c r="EO18" s="329">
        <v>55541</v>
      </c>
      <c r="EP18" s="325">
        <v>0</v>
      </c>
      <c r="EQ18" s="326">
        <v>0</v>
      </c>
      <c r="ER18" s="330">
        <v>0</v>
      </c>
      <c r="ES18" s="331">
        <v>0</v>
      </c>
      <c r="ET18" s="326">
        <v>0</v>
      </c>
      <c r="EU18" s="326">
        <v>0</v>
      </c>
      <c r="EV18" s="326">
        <v>0</v>
      </c>
      <c r="EW18" s="326">
        <v>0</v>
      </c>
      <c r="EX18" s="326">
        <v>0</v>
      </c>
      <c r="EY18" s="327">
        <v>0</v>
      </c>
      <c r="EZ18" s="329">
        <v>0</v>
      </c>
      <c r="FA18" s="325">
        <v>0</v>
      </c>
      <c r="FB18" s="326">
        <v>0</v>
      </c>
      <c r="FC18" s="330">
        <v>0</v>
      </c>
      <c r="FD18" s="403">
        <v>0</v>
      </c>
      <c r="FE18" s="326">
        <v>0</v>
      </c>
      <c r="FF18" s="326">
        <v>0</v>
      </c>
      <c r="FG18" s="326">
        <v>0</v>
      </c>
      <c r="FH18" s="326">
        <v>0</v>
      </c>
      <c r="FI18" s="326">
        <v>0</v>
      </c>
      <c r="FJ18" s="327">
        <v>0</v>
      </c>
      <c r="FK18" s="329">
        <v>0</v>
      </c>
      <c r="FL18" s="325">
        <v>113582</v>
      </c>
      <c r="FM18" s="326">
        <v>511818</v>
      </c>
      <c r="FN18" s="327">
        <v>625400</v>
      </c>
      <c r="FO18" s="325">
        <v>0</v>
      </c>
      <c r="FP18" s="326">
        <v>372960</v>
      </c>
      <c r="FQ18" s="326">
        <v>718935</v>
      </c>
      <c r="FR18" s="326">
        <v>540498</v>
      </c>
      <c r="FS18" s="326">
        <v>988057</v>
      </c>
      <c r="FT18" s="326">
        <v>482013</v>
      </c>
      <c r="FU18" s="327">
        <v>3102463</v>
      </c>
      <c r="FV18" s="329">
        <v>3727863</v>
      </c>
      <c r="FW18" s="332">
        <v>113582</v>
      </c>
      <c r="FX18" s="326">
        <v>338996</v>
      </c>
      <c r="FY18" s="330">
        <v>452578</v>
      </c>
      <c r="FZ18" s="331">
        <v>0</v>
      </c>
      <c r="GA18" s="326">
        <v>243950</v>
      </c>
      <c r="GB18" s="326">
        <v>603925</v>
      </c>
      <c r="GC18" s="326">
        <v>482608</v>
      </c>
      <c r="GD18" s="326">
        <v>706783</v>
      </c>
      <c r="GE18" s="326">
        <v>482013</v>
      </c>
      <c r="GF18" s="327">
        <v>2519279</v>
      </c>
      <c r="GG18" s="333">
        <v>2971857</v>
      </c>
      <c r="GH18" s="332">
        <v>0</v>
      </c>
      <c r="GI18" s="326">
        <v>122002</v>
      </c>
      <c r="GJ18" s="330">
        <v>122002</v>
      </c>
      <c r="GK18" s="331">
        <v>0</v>
      </c>
      <c r="GL18" s="326">
        <v>0</v>
      </c>
      <c r="GM18" s="326">
        <v>25410</v>
      </c>
      <c r="GN18" s="326">
        <v>0</v>
      </c>
      <c r="GO18" s="326">
        <v>99974</v>
      </c>
      <c r="GP18" s="326">
        <v>0</v>
      </c>
      <c r="GQ18" s="327">
        <v>125384</v>
      </c>
      <c r="GR18" s="329">
        <v>247386</v>
      </c>
      <c r="GS18" s="325">
        <v>0</v>
      </c>
      <c r="GT18" s="326">
        <v>50820</v>
      </c>
      <c r="GU18" s="327">
        <v>50820</v>
      </c>
      <c r="GV18" s="325">
        <v>0</v>
      </c>
      <c r="GW18" s="326">
        <v>129010</v>
      </c>
      <c r="GX18" s="326">
        <v>89600</v>
      </c>
      <c r="GY18" s="326">
        <v>57890</v>
      </c>
      <c r="GZ18" s="326">
        <v>181300</v>
      </c>
      <c r="HA18" s="326">
        <v>0</v>
      </c>
      <c r="HB18" s="330">
        <v>457800</v>
      </c>
      <c r="HC18" s="329">
        <v>508620</v>
      </c>
      <c r="HD18" s="325">
        <v>211990</v>
      </c>
      <c r="HE18" s="326">
        <v>630927</v>
      </c>
      <c r="HF18" s="330">
        <v>842917</v>
      </c>
      <c r="HG18" s="331">
        <v>0</v>
      </c>
      <c r="HH18" s="326">
        <v>1272213</v>
      </c>
      <c r="HI18" s="326">
        <v>1874798</v>
      </c>
      <c r="HJ18" s="326">
        <v>2050303</v>
      </c>
      <c r="HK18" s="326">
        <v>1776282</v>
      </c>
      <c r="HL18" s="326">
        <v>1358572</v>
      </c>
      <c r="HM18" s="327">
        <v>8332168</v>
      </c>
      <c r="HN18" s="328">
        <v>9175085</v>
      </c>
      <c r="HO18" s="332">
        <v>0</v>
      </c>
      <c r="HP18" s="326">
        <v>0</v>
      </c>
      <c r="HQ18" s="327">
        <v>0</v>
      </c>
      <c r="HR18" s="325">
        <v>0</v>
      </c>
      <c r="HS18" s="326">
        <v>0</v>
      </c>
      <c r="HT18" s="326">
        <v>0</v>
      </c>
      <c r="HU18" s="326">
        <v>0</v>
      </c>
      <c r="HV18" s="326">
        <v>0</v>
      </c>
      <c r="HW18" s="326">
        <v>0</v>
      </c>
      <c r="HX18" s="330">
        <v>0</v>
      </c>
      <c r="HY18" s="329">
        <v>0</v>
      </c>
      <c r="HZ18" s="357">
        <v>0</v>
      </c>
      <c r="IA18" s="355">
        <v>0</v>
      </c>
      <c r="IB18" s="357">
        <v>0</v>
      </c>
      <c r="IC18" s="354">
        <v>0</v>
      </c>
      <c r="ID18" s="355">
        <v>974203</v>
      </c>
      <c r="IE18" s="356">
        <v>1556548</v>
      </c>
      <c r="IF18" s="357">
        <v>1243452</v>
      </c>
      <c r="IG18" s="355">
        <v>1233094</v>
      </c>
      <c r="IH18" s="357">
        <v>860283</v>
      </c>
      <c r="II18" s="358">
        <v>5867580</v>
      </c>
      <c r="IJ18" s="357">
        <v>5867580</v>
      </c>
      <c r="IK18" s="341">
        <v>0</v>
      </c>
      <c r="IL18" s="342">
        <v>0</v>
      </c>
      <c r="IM18" s="343">
        <v>0</v>
      </c>
      <c r="IN18" s="403">
        <v>0</v>
      </c>
      <c r="IO18" s="344">
        <v>0</v>
      </c>
      <c r="IP18" s="344">
        <v>0</v>
      </c>
      <c r="IQ18" s="344">
        <v>0</v>
      </c>
      <c r="IR18" s="344">
        <v>0</v>
      </c>
      <c r="IS18" s="344">
        <v>0</v>
      </c>
      <c r="IT18" s="345">
        <v>0</v>
      </c>
      <c r="IU18" s="346">
        <v>0</v>
      </c>
      <c r="IV18" s="347">
        <v>0</v>
      </c>
      <c r="IW18" s="344">
        <v>0</v>
      </c>
      <c r="IX18" s="348">
        <v>0</v>
      </c>
      <c r="IY18" s="403">
        <v>0</v>
      </c>
      <c r="IZ18" s="344">
        <v>0</v>
      </c>
      <c r="JA18" s="344">
        <v>0</v>
      </c>
      <c r="JB18" s="344">
        <v>0</v>
      </c>
      <c r="JC18" s="344">
        <v>0</v>
      </c>
      <c r="JD18" s="344">
        <v>0</v>
      </c>
      <c r="JE18" s="348">
        <v>0</v>
      </c>
      <c r="JF18" s="349">
        <v>0</v>
      </c>
      <c r="JG18" s="347">
        <v>0</v>
      </c>
      <c r="JH18" s="344">
        <v>0</v>
      </c>
      <c r="JI18" s="345">
        <v>0</v>
      </c>
      <c r="JJ18" s="350">
        <v>0</v>
      </c>
      <c r="JK18" s="344">
        <v>657622</v>
      </c>
      <c r="JL18" s="344">
        <v>588363</v>
      </c>
      <c r="JM18" s="344">
        <v>364929</v>
      </c>
      <c r="JN18" s="344">
        <v>149004</v>
      </c>
      <c r="JO18" s="344">
        <v>626701</v>
      </c>
      <c r="JP18" s="348">
        <v>2386619</v>
      </c>
      <c r="JQ18" s="346">
        <v>2386619</v>
      </c>
      <c r="JR18" s="347">
        <v>0</v>
      </c>
      <c r="JS18" s="344">
        <v>0</v>
      </c>
      <c r="JT18" s="345">
        <v>0</v>
      </c>
      <c r="JU18" s="350">
        <v>0</v>
      </c>
      <c r="JV18" s="344">
        <v>0</v>
      </c>
      <c r="JW18" s="344">
        <v>0</v>
      </c>
      <c r="JX18" s="344">
        <v>0</v>
      </c>
      <c r="JY18" s="344">
        <v>0</v>
      </c>
      <c r="JZ18" s="344">
        <v>0</v>
      </c>
      <c r="KA18" s="348">
        <v>0</v>
      </c>
      <c r="KB18" s="346">
        <v>0</v>
      </c>
      <c r="KC18" s="351">
        <v>0</v>
      </c>
      <c r="KD18" s="352">
        <v>0</v>
      </c>
      <c r="KE18" s="348">
        <v>0</v>
      </c>
      <c r="KF18" s="350">
        <v>0</v>
      </c>
      <c r="KG18" s="344">
        <v>108448</v>
      </c>
      <c r="KH18" s="344">
        <v>162454</v>
      </c>
      <c r="KI18" s="344">
        <v>645254</v>
      </c>
      <c r="KJ18" s="344">
        <v>456768</v>
      </c>
      <c r="KK18" s="344">
        <v>0</v>
      </c>
      <c r="KL18" s="348">
        <v>1372924</v>
      </c>
      <c r="KM18" s="353">
        <v>1372924</v>
      </c>
      <c r="KN18" s="341">
        <v>0</v>
      </c>
      <c r="KO18" s="342">
        <v>0</v>
      </c>
      <c r="KP18" s="343">
        <v>0</v>
      </c>
      <c r="KQ18" s="403">
        <v>0</v>
      </c>
      <c r="KR18" s="344">
        <v>208133</v>
      </c>
      <c r="KS18" s="344">
        <v>446235</v>
      </c>
      <c r="KT18" s="344">
        <v>0</v>
      </c>
      <c r="KU18" s="344">
        <v>0</v>
      </c>
      <c r="KV18" s="344">
        <v>233582</v>
      </c>
      <c r="KW18" s="348">
        <v>887950</v>
      </c>
      <c r="KX18" s="346">
        <v>887950</v>
      </c>
      <c r="KY18" s="347">
        <v>0</v>
      </c>
      <c r="KZ18" s="344">
        <v>0</v>
      </c>
      <c r="LA18" s="348">
        <v>0</v>
      </c>
      <c r="LB18" s="403">
        <v>0</v>
      </c>
      <c r="LC18" s="344">
        <v>0</v>
      </c>
      <c r="LD18" s="344">
        <v>164747</v>
      </c>
      <c r="LE18" s="344">
        <v>0</v>
      </c>
      <c r="LF18" s="344">
        <v>198879</v>
      </c>
      <c r="LG18" s="344">
        <v>0</v>
      </c>
      <c r="LH18" s="348">
        <v>363626</v>
      </c>
      <c r="LI18" s="349">
        <v>363626</v>
      </c>
      <c r="LJ18" s="347">
        <v>0</v>
      </c>
      <c r="LK18" s="344">
        <v>0</v>
      </c>
      <c r="LL18" s="348">
        <v>0</v>
      </c>
      <c r="LM18" s="403">
        <v>0</v>
      </c>
      <c r="LN18" s="344">
        <v>0</v>
      </c>
      <c r="LO18" s="344">
        <v>0</v>
      </c>
      <c r="LP18" s="344">
        <v>0</v>
      </c>
      <c r="LQ18" s="344">
        <v>143117</v>
      </c>
      <c r="LR18" s="344">
        <v>0</v>
      </c>
      <c r="LS18" s="348">
        <v>143117</v>
      </c>
      <c r="LT18" s="346">
        <v>143117</v>
      </c>
      <c r="LU18" s="347">
        <v>0</v>
      </c>
      <c r="LV18" s="344">
        <v>0</v>
      </c>
      <c r="LW18" s="348">
        <v>0</v>
      </c>
      <c r="LX18" s="403">
        <v>0</v>
      </c>
      <c r="LY18" s="344">
        <v>0</v>
      </c>
      <c r="LZ18" s="344">
        <v>194749</v>
      </c>
      <c r="MA18" s="344">
        <v>233269</v>
      </c>
      <c r="MB18" s="344">
        <v>285326</v>
      </c>
      <c r="MC18" s="344">
        <v>0</v>
      </c>
      <c r="MD18" s="348">
        <v>713344</v>
      </c>
      <c r="ME18" s="349">
        <v>713344</v>
      </c>
      <c r="MF18" s="347">
        <v>0</v>
      </c>
      <c r="MG18" s="344">
        <v>0</v>
      </c>
      <c r="MH18" s="348">
        <v>0</v>
      </c>
      <c r="MI18" s="403">
        <v>0</v>
      </c>
      <c r="MJ18" s="344">
        <v>245315</v>
      </c>
      <c r="MK18" s="344">
        <v>638079</v>
      </c>
      <c r="ML18" s="344">
        <v>871653</v>
      </c>
      <c r="MM18" s="344">
        <v>4882437</v>
      </c>
      <c r="MN18" s="344">
        <v>2061133</v>
      </c>
      <c r="MO18" s="348">
        <v>8698617</v>
      </c>
      <c r="MP18" s="353">
        <v>8698617</v>
      </c>
      <c r="MQ18" s="347">
        <v>0</v>
      </c>
      <c r="MR18" s="344">
        <v>0</v>
      </c>
      <c r="MS18" s="348">
        <v>0</v>
      </c>
      <c r="MT18" s="403">
        <v>0</v>
      </c>
      <c r="MU18" s="344">
        <v>0</v>
      </c>
      <c r="MV18" s="344">
        <v>0</v>
      </c>
      <c r="MW18" s="344">
        <v>230612</v>
      </c>
      <c r="MX18" s="344">
        <v>2591738</v>
      </c>
      <c r="MY18" s="344">
        <v>1587520</v>
      </c>
      <c r="MZ18" s="348">
        <v>4409870</v>
      </c>
      <c r="NA18" s="353">
        <v>4409870</v>
      </c>
      <c r="NB18" s="347">
        <v>0</v>
      </c>
      <c r="NC18" s="344">
        <v>0</v>
      </c>
      <c r="ND18" s="348">
        <v>0</v>
      </c>
      <c r="NE18" s="403">
        <v>0</v>
      </c>
      <c r="NF18" s="344">
        <v>245315</v>
      </c>
      <c r="NG18" s="344">
        <v>638079</v>
      </c>
      <c r="NH18" s="344">
        <v>641041</v>
      </c>
      <c r="NI18" s="344">
        <v>1358758</v>
      </c>
      <c r="NJ18" s="344">
        <v>473613</v>
      </c>
      <c r="NK18" s="348">
        <v>3356806</v>
      </c>
      <c r="NL18" s="346">
        <v>3356806</v>
      </c>
      <c r="NM18" s="347">
        <v>0</v>
      </c>
      <c r="NN18" s="344">
        <v>0</v>
      </c>
      <c r="NO18" s="348">
        <v>0</v>
      </c>
      <c r="NP18" s="403">
        <v>0</v>
      </c>
      <c r="NQ18" s="344">
        <v>0</v>
      </c>
      <c r="NR18" s="344">
        <v>0</v>
      </c>
      <c r="NS18" s="344">
        <v>0</v>
      </c>
      <c r="NT18" s="344">
        <v>0</v>
      </c>
      <c r="NU18" s="344">
        <v>0</v>
      </c>
      <c r="NV18" s="348">
        <v>0</v>
      </c>
      <c r="NW18" s="349">
        <v>0</v>
      </c>
      <c r="NX18" s="347">
        <v>0</v>
      </c>
      <c r="NY18" s="344">
        <v>0</v>
      </c>
      <c r="NZ18" s="348">
        <v>0</v>
      </c>
      <c r="OA18" s="403">
        <v>0</v>
      </c>
      <c r="OB18" s="344">
        <v>0</v>
      </c>
      <c r="OC18" s="344">
        <v>0</v>
      </c>
      <c r="OD18" s="344">
        <v>0</v>
      </c>
      <c r="OE18" s="344">
        <v>931941</v>
      </c>
      <c r="OF18" s="344">
        <v>0</v>
      </c>
      <c r="OG18" s="348">
        <v>931941</v>
      </c>
      <c r="OH18" s="349">
        <v>931941</v>
      </c>
      <c r="OI18" s="347">
        <v>804115</v>
      </c>
      <c r="OJ18" s="344">
        <v>2451834</v>
      </c>
      <c r="OK18" s="345">
        <v>3255949</v>
      </c>
      <c r="OL18" s="350">
        <v>0</v>
      </c>
      <c r="OM18" s="344">
        <v>7710040</v>
      </c>
      <c r="ON18" s="344">
        <v>10499253</v>
      </c>
      <c r="OO18" s="344">
        <v>9468966</v>
      </c>
      <c r="OP18" s="344">
        <v>12945926</v>
      </c>
      <c r="OQ18" s="344">
        <v>9211465</v>
      </c>
      <c r="OR18" s="348">
        <v>49835650</v>
      </c>
      <c r="OS18" s="353">
        <v>53091599</v>
      </c>
    </row>
    <row r="19" spans="2:409" s="70" customFormat="1" ht="21" customHeight="1" x14ac:dyDescent="0.2">
      <c r="B19" s="409" t="s">
        <v>13</v>
      </c>
      <c r="C19" s="325">
        <v>317013</v>
      </c>
      <c r="D19" s="326">
        <v>752948</v>
      </c>
      <c r="E19" s="327">
        <v>1069961</v>
      </c>
      <c r="F19" s="325">
        <v>0</v>
      </c>
      <c r="G19" s="365">
        <v>3847400</v>
      </c>
      <c r="H19" s="326">
        <v>4898959</v>
      </c>
      <c r="I19" s="326">
        <v>4119533</v>
      </c>
      <c r="J19" s="326">
        <v>4185361</v>
      </c>
      <c r="K19" s="326">
        <v>3951703</v>
      </c>
      <c r="L19" s="330">
        <v>21002956</v>
      </c>
      <c r="M19" s="329">
        <v>22072917</v>
      </c>
      <c r="N19" s="325">
        <v>96450</v>
      </c>
      <c r="O19" s="326">
        <v>189509</v>
      </c>
      <c r="P19" s="327">
        <v>285959</v>
      </c>
      <c r="Q19" s="325">
        <v>0</v>
      </c>
      <c r="R19" s="326">
        <v>1599025</v>
      </c>
      <c r="S19" s="326">
        <v>2081292</v>
      </c>
      <c r="T19" s="326">
        <v>1433726</v>
      </c>
      <c r="U19" s="326">
        <v>1301891</v>
      </c>
      <c r="V19" s="326">
        <v>2210508</v>
      </c>
      <c r="W19" s="327">
        <v>8626442</v>
      </c>
      <c r="X19" s="329">
        <v>8912401</v>
      </c>
      <c r="Y19" s="325">
        <v>0</v>
      </c>
      <c r="Z19" s="326">
        <v>0</v>
      </c>
      <c r="AA19" s="327">
        <v>0</v>
      </c>
      <c r="AB19" s="325">
        <v>0</v>
      </c>
      <c r="AC19" s="326">
        <v>629629</v>
      </c>
      <c r="AD19" s="326">
        <v>1033332</v>
      </c>
      <c r="AE19" s="326">
        <v>731398</v>
      </c>
      <c r="AF19" s="326">
        <v>762270</v>
      </c>
      <c r="AG19" s="326">
        <v>1320232</v>
      </c>
      <c r="AH19" s="327">
        <v>4476861</v>
      </c>
      <c r="AI19" s="329">
        <v>4476861</v>
      </c>
      <c r="AJ19" s="325">
        <v>0</v>
      </c>
      <c r="AK19" s="326">
        <v>0</v>
      </c>
      <c r="AL19" s="327">
        <v>0</v>
      </c>
      <c r="AM19" s="325">
        <v>0</v>
      </c>
      <c r="AN19" s="326">
        <v>0</v>
      </c>
      <c r="AO19" s="326">
        <v>0</v>
      </c>
      <c r="AP19" s="326">
        <v>0</v>
      </c>
      <c r="AQ19" s="326">
        <v>42256</v>
      </c>
      <c r="AR19" s="326">
        <v>122643</v>
      </c>
      <c r="AS19" s="327">
        <v>164899</v>
      </c>
      <c r="AT19" s="329">
        <v>164899</v>
      </c>
      <c r="AU19" s="325">
        <v>22488</v>
      </c>
      <c r="AV19" s="326">
        <v>90522</v>
      </c>
      <c r="AW19" s="327">
        <v>113010</v>
      </c>
      <c r="AX19" s="325">
        <v>0</v>
      </c>
      <c r="AY19" s="326">
        <v>665175</v>
      </c>
      <c r="AZ19" s="326">
        <v>561660</v>
      </c>
      <c r="BA19" s="326">
        <v>470119</v>
      </c>
      <c r="BB19" s="326">
        <v>243368</v>
      </c>
      <c r="BC19" s="326">
        <v>412835</v>
      </c>
      <c r="BD19" s="327">
        <v>2353157</v>
      </c>
      <c r="BE19" s="329">
        <v>2466167</v>
      </c>
      <c r="BF19" s="325">
        <v>0</v>
      </c>
      <c r="BG19" s="326">
        <v>0</v>
      </c>
      <c r="BH19" s="330">
        <v>0</v>
      </c>
      <c r="BI19" s="331">
        <v>0</v>
      </c>
      <c r="BJ19" s="326">
        <v>37682</v>
      </c>
      <c r="BK19" s="326">
        <v>46966</v>
      </c>
      <c r="BL19" s="326">
        <v>21355</v>
      </c>
      <c r="BM19" s="326">
        <v>17236</v>
      </c>
      <c r="BN19" s="326">
        <v>82029</v>
      </c>
      <c r="BO19" s="327">
        <v>205268</v>
      </c>
      <c r="BP19" s="329">
        <v>205268</v>
      </c>
      <c r="BQ19" s="325">
        <v>73962</v>
      </c>
      <c r="BR19" s="326">
        <v>98987</v>
      </c>
      <c r="BS19" s="327">
        <v>172949</v>
      </c>
      <c r="BT19" s="325">
        <v>0</v>
      </c>
      <c r="BU19" s="326">
        <v>266539</v>
      </c>
      <c r="BV19" s="326">
        <v>439334</v>
      </c>
      <c r="BW19" s="326">
        <v>210854</v>
      </c>
      <c r="BX19" s="326">
        <v>236761</v>
      </c>
      <c r="BY19" s="326">
        <v>272769</v>
      </c>
      <c r="BZ19" s="327">
        <v>1426257</v>
      </c>
      <c r="CA19" s="329">
        <v>1599206</v>
      </c>
      <c r="CB19" s="325">
        <v>18431</v>
      </c>
      <c r="CC19" s="326">
        <v>31518</v>
      </c>
      <c r="CD19" s="327">
        <v>49949</v>
      </c>
      <c r="CE19" s="325">
        <v>0</v>
      </c>
      <c r="CF19" s="326">
        <v>705461</v>
      </c>
      <c r="CG19" s="326">
        <v>796338</v>
      </c>
      <c r="CH19" s="326">
        <v>834639</v>
      </c>
      <c r="CI19" s="326">
        <v>218517</v>
      </c>
      <c r="CJ19" s="326">
        <v>105472</v>
      </c>
      <c r="CK19" s="327">
        <v>2660427</v>
      </c>
      <c r="CL19" s="329">
        <v>2710376</v>
      </c>
      <c r="CM19" s="325">
        <v>0</v>
      </c>
      <c r="CN19" s="326">
        <v>0</v>
      </c>
      <c r="CO19" s="327">
        <v>0</v>
      </c>
      <c r="CP19" s="331">
        <v>0</v>
      </c>
      <c r="CQ19" s="326">
        <v>635402</v>
      </c>
      <c r="CR19" s="326">
        <v>551094</v>
      </c>
      <c r="CS19" s="326">
        <v>727687</v>
      </c>
      <c r="CT19" s="326">
        <v>4477</v>
      </c>
      <c r="CU19" s="326">
        <v>17101</v>
      </c>
      <c r="CV19" s="327">
        <v>1935761</v>
      </c>
      <c r="CW19" s="329">
        <v>1935761</v>
      </c>
      <c r="CX19" s="325">
        <v>18431</v>
      </c>
      <c r="CY19" s="326">
        <v>31518</v>
      </c>
      <c r="CZ19" s="327">
        <v>49949</v>
      </c>
      <c r="DA19" s="325">
        <v>0</v>
      </c>
      <c r="DB19" s="326">
        <v>70059</v>
      </c>
      <c r="DC19" s="326">
        <v>245244</v>
      </c>
      <c r="DD19" s="326">
        <v>106952</v>
      </c>
      <c r="DE19" s="326">
        <v>214040</v>
      </c>
      <c r="DF19" s="326">
        <v>88371</v>
      </c>
      <c r="DG19" s="327">
        <v>724666</v>
      </c>
      <c r="DH19" s="329">
        <v>774615</v>
      </c>
      <c r="DI19" s="325">
        <v>0</v>
      </c>
      <c r="DJ19" s="326">
        <v>0</v>
      </c>
      <c r="DK19" s="330">
        <v>0</v>
      </c>
      <c r="DL19" s="331">
        <v>0</v>
      </c>
      <c r="DM19" s="326">
        <v>22579</v>
      </c>
      <c r="DN19" s="326">
        <v>233793</v>
      </c>
      <c r="DO19" s="326">
        <v>203072</v>
      </c>
      <c r="DP19" s="326">
        <v>46681</v>
      </c>
      <c r="DQ19" s="326">
        <v>132153</v>
      </c>
      <c r="DR19" s="327">
        <v>638278</v>
      </c>
      <c r="DS19" s="329">
        <v>638278</v>
      </c>
      <c r="DT19" s="325">
        <v>0</v>
      </c>
      <c r="DU19" s="326">
        <v>0</v>
      </c>
      <c r="DV19" s="327">
        <v>0</v>
      </c>
      <c r="DW19" s="325">
        <v>0</v>
      </c>
      <c r="DX19" s="326">
        <v>22579</v>
      </c>
      <c r="DY19" s="326">
        <v>233793</v>
      </c>
      <c r="DZ19" s="326">
        <v>203072</v>
      </c>
      <c r="EA19" s="326">
        <v>46681</v>
      </c>
      <c r="EB19" s="326">
        <v>132153</v>
      </c>
      <c r="EC19" s="327">
        <v>638278</v>
      </c>
      <c r="ED19" s="329">
        <v>638278</v>
      </c>
      <c r="EE19" s="325">
        <v>0</v>
      </c>
      <c r="EF19" s="330">
        <v>0</v>
      </c>
      <c r="EG19" s="327">
        <v>0</v>
      </c>
      <c r="EH19" s="325">
        <v>0</v>
      </c>
      <c r="EI19" s="326">
        <v>0</v>
      </c>
      <c r="EJ19" s="326">
        <v>0</v>
      </c>
      <c r="EK19" s="326">
        <v>0</v>
      </c>
      <c r="EL19" s="326">
        <v>0</v>
      </c>
      <c r="EM19" s="326">
        <v>0</v>
      </c>
      <c r="EN19" s="330">
        <v>0</v>
      </c>
      <c r="EO19" s="329">
        <v>0</v>
      </c>
      <c r="EP19" s="325">
        <v>0</v>
      </c>
      <c r="EQ19" s="326">
        <v>0</v>
      </c>
      <c r="ER19" s="330">
        <v>0</v>
      </c>
      <c r="ES19" s="331">
        <v>0</v>
      </c>
      <c r="ET19" s="326">
        <v>0</v>
      </c>
      <c r="EU19" s="326">
        <v>0</v>
      </c>
      <c r="EV19" s="326">
        <v>0</v>
      </c>
      <c r="EW19" s="326">
        <v>0</v>
      </c>
      <c r="EX19" s="326">
        <v>0</v>
      </c>
      <c r="EY19" s="327">
        <v>0</v>
      </c>
      <c r="EZ19" s="329">
        <v>0</v>
      </c>
      <c r="FA19" s="325">
        <v>0</v>
      </c>
      <c r="FB19" s="326">
        <v>0</v>
      </c>
      <c r="FC19" s="330">
        <v>0</v>
      </c>
      <c r="FD19" s="403">
        <v>0</v>
      </c>
      <c r="FE19" s="326">
        <v>0</v>
      </c>
      <c r="FF19" s="326">
        <v>0</v>
      </c>
      <c r="FG19" s="326">
        <v>0</v>
      </c>
      <c r="FH19" s="326">
        <v>0</v>
      </c>
      <c r="FI19" s="326">
        <v>0</v>
      </c>
      <c r="FJ19" s="327">
        <v>0</v>
      </c>
      <c r="FK19" s="329">
        <v>0</v>
      </c>
      <c r="FL19" s="325">
        <v>10178</v>
      </c>
      <c r="FM19" s="326">
        <v>130214</v>
      </c>
      <c r="FN19" s="327">
        <v>140392</v>
      </c>
      <c r="FO19" s="325">
        <v>0</v>
      </c>
      <c r="FP19" s="326">
        <v>146748</v>
      </c>
      <c r="FQ19" s="326">
        <v>389624</v>
      </c>
      <c r="FR19" s="326">
        <v>368683</v>
      </c>
      <c r="FS19" s="326">
        <v>522417</v>
      </c>
      <c r="FT19" s="326">
        <v>214907</v>
      </c>
      <c r="FU19" s="327">
        <v>1642379</v>
      </c>
      <c r="FV19" s="329">
        <v>1782771</v>
      </c>
      <c r="FW19" s="332">
        <v>10178</v>
      </c>
      <c r="FX19" s="326">
        <v>130214</v>
      </c>
      <c r="FY19" s="330">
        <v>140392</v>
      </c>
      <c r="FZ19" s="331">
        <v>0</v>
      </c>
      <c r="GA19" s="326">
        <v>118748</v>
      </c>
      <c r="GB19" s="326">
        <v>290952</v>
      </c>
      <c r="GC19" s="326">
        <v>368683</v>
      </c>
      <c r="GD19" s="326">
        <v>522417</v>
      </c>
      <c r="GE19" s="326">
        <v>214907</v>
      </c>
      <c r="GF19" s="327">
        <v>1515707</v>
      </c>
      <c r="GG19" s="333">
        <v>1656099</v>
      </c>
      <c r="GH19" s="332">
        <v>0</v>
      </c>
      <c r="GI19" s="326">
        <v>0</v>
      </c>
      <c r="GJ19" s="330">
        <v>0</v>
      </c>
      <c r="GK19" s="331">
        <v>0</v>
      </c>
      <c r="GL19" s="326">
        <v>0</v>
      </c>
      <c r="GM19" s="326">
        <v>33572</v>
      </c>
      <c r="GN19" s="326">
        <v>0</v>
      </c>
      <c r="GO19" s="326">
        <v>0</v>
      </c>
      <c r="GP19" s="326">
        <v>0</v>
      </c>
      <c r="GQ19" s="327">
        <v>33572</v>
      </c>
      <c r="GR19" s="329">
        <v>33572</v>
      </c>
      <c r="GS19" s="325">
        <v>0</v>
      </c>
      <c r="GT19" s="326">
        <v>0</v>
      </c>
      <c r="GU19" s="327">
        <v>0</v>
      </c>
      <c r="GV19" s="325">
        <v>0</v>
      </c>
      <c r="GW19" s="326">
        <v>28000</v>
      </c>
      <c r="GX19" s="326">
        <v>65100</v>
      </c>
      <c r="GY19" s="326">
        <v>0</v>
      </c>
      <c r="GZ19" s="326">
        <v>0</v>
      </c>
      <c r="HA19" s="326">
        <v>0</v>
      </c>
      <c r="HB19" s="330">
        <v>93100</v>
      </c>
      <c r="HC19" s="329">
        <v>93100</v>
      </c>
      <c r="HD19" s="325">
        <v>191954</v>
      </c>
      <c r="HE19" s="326">
        <v>401707</v>
      </c>
      <c r="HF19" s="330">
        <v>593661</v>
      </c>
      <c r="HG19" s="331">
        <v>0</v>
      </c>
      <c r="HH19" s="326">
        <v>1373587</v>
      </c>
      <c r="HI19" s="326">
        <v>1397912</v>
      </c>
      <c r="HJ19" s="326">
        <v>1279413</v>
      </c>
      <c r="HK19" s="326">
        <v>2095855</v>
      </c>
      <c r="HL19" s="326">
        <v>1288663</v>
      </c>
      <c r="HM19" s="327">
        <v>7435430</v>
      </c>
      <c r="HN19" s="328">
        <v>8029091</v>
      </c>
      <c r="HO19" s="332">
        <v>0</v>
      </c>
      <c r="HP19" s="326">
        <v>0</v>
      </c>
      <c r="HQ19" s="327">
        <v>0</v>
      </c>
      <c r="HR19" s="325">
        <v>0</v>
      </c>
      <c r="HS19" s="326">
        <v>0</v>
      </c>
      <c r="HT19" s="326">
        <v>0</v>
      </c>
      <c r="HU19" s="326">
        <v>0</v>
      </c>
      <c r="HV19" s="326">
        <v>0</v>
      </c>
      <c r="HW19" s="326">
        <v>0</v>
      </c>
      <c r="HX19" s="330">
        <v>0</v>
      </c>
      <c r="HY19" s="329">
        <v>0</v>
      </c>
      <c r="HZ19" s="334">
        <v>0</v>
      </c>
      <c r="IA19" s="335">
        <v>0</v>
      </c>
      <c r="IB19" s="336">
        <v>0</v>
      </c>
      <c r="IC19" s="337">
        <v>0</v>
      </c>
      <c r="ID19" s="335">
        <v>524534</v>
      </c>
      <c r="IE19" s="338">
        <v>614565</v>
      </c>
      <c r="IF19" s="336">
        <v>557931</v>
      </c>
      <c r="IG19" s="335">
        <v>133165</v>
      </c>
      <c r="IH19" s="336">
        <v>89480</v>
      </c>
      <c r="II19" s="339">
        <v>1919675</v>
      </c>
      <c r="IJ19" s="340">
        <v>1919675</v>
      </c>
      <c r="IK19" s="341">
        <v>0</v>
      </c>
      <c r="IL19" s="342">
        <v>0</v>
      </c>
      <c r="IM19" s="343">
        <v>0</v>
      </c>
      <c r="IN19" s="403">
        <v>0</v>
      </c>
      <c r="IO19" s="344">
        <v>0</v>
      </c>
      <c r="IP19" s="344">
        <v>0</v>
      </c>
      <c r="IQ19" s="344">
        <v>0</v>
      </c>
      <c r="IR19" s="344">
        <v>0</v>
      </c>
      <c r="IS19" s="344">
        <v>0</v>
      </c>
      <c r="IT19" s="345">
        <v>0</v>
      </c>
      <c r="IU19" s="346">
        <v>0</v>
      </c>
      <c r="IV19" s="347">
        <v>0</v>
      </c>
      <c r="IW19" s="344">
        <v>0</v>
      </c>
      <c r="IX19" s="348">
        <v>0</v>
      </c>
      <c r="IY19" s="403">
        <v>0</v>
      </c>
      <c r="IZ19" s="344">
        <v>0</v>
      </c>
      <c r="JA19" s="344">
        <v>0</v>
      </c>
      <c r="JB19" s="344">
        <v>0</v>
      </c>
      <c r="JC19" s="344">
        <v>0</v>
      </c>
      <c r="JD19" s="344">
        <v>0</v>
      </c>
      <c r="JE19" s="348">
        <v>0</v>
      </c>
      <c r="JF19" s="349">
        <v>0</v>
      </c>
      <c r="JG19" s="347">
        <v>0</v>
      </c>
      <c r="JH19" s="344">
        <v>0</v>
      </c>
      <c r="JI19" s="345">
        <v>0</v>
      </c>
      <c r="JJ19" s="350">
        <v>0</v>
      </c>
      <c r="JK19" s="344">
        <v>308972</v>
      </c>
      <c r="JL19" s="344">
        <v>536245</v>
      </c>
      <c r="JM19" s="344">
        <v>348795</v>
      </c>
      <c r="JN19" s="344">
        <v>133165</v>
      </c>
      <c r="JO19" s="344">
        <v>89480</v>
      </c>
      <c r="JP19" s="348">
        <v>1416657</v>
      </c>
      <c r="JQ19" s="346">
        <v>1416657</v>
      </c>
      <c r="JR19" s="347">
        <v>0</v>
      </c>
      <c r="JS19" s="344">
        <v>0</v>
      </c>
      <c r="JT19" s="345">
        <v>0</v>
      </c>
      <c r="JU19" s="350">
        <v>0</v>
      </c>
      <c r="JV19" s="344">
        <v>0</v>
      </c>
      <c r="JW19" s="344">
        <v>78320</v>
      </c>
      <c r="JX19" s="344">
        <v>0</v>
      </c>
      <c r="JY19" s="344">
        <v>0</v>
      </c>
      <c r="JZ19" s="344">
        <v>0</v>
      </c>
      <c r="KA19" s="348">
        <v>78320</v>
      </c>
      <c r="KB19" s="346">
        <v>78320</v>
      </c>
      <c r="KC19" s="351">
        <v>0</v>
      </c>
      <c r="KD19" s="352">
        <v>0</v>
      </c>
      <c r="KE19" s="348">
        <v>0</v>
      </c>
      <c r="KF19" s="350">
        <v>0</v>
      </c>
      <c r="KG19" s="344">
        <v>0</v>
      </c>
      <c r="KH19" s="344">
        <v>0</v>
      </c>
      <c r="KI19" s="344">
        <v>209136</v>
      </c>
      <c r="KJ19" s="344">
        <v>0</v>
      </c>
      <c r="KK19" s="344">
        <v>0</v>
      </c>
      <c r="KL19" s="348">
        <v>209136</v>
      </c>
      <c r="KM19" s="353">
        <v>209136</v>
      </c>
      <c r="KN19" s="341">
        <v>0</v>
      </c>
      <c r="KO19" s="342">
        <v>0</v>
      </c>
      <c r="KP19" s="343">
        <v>0</v>
      </c>
      <c r="KQ19" s="403">
        <v>0</v>
      </c>
      <c r="KR19" s="344">
        <v>215562</v>
      </c>
      <c r="KS19" s="344">
        <v>0</v>
      </c>
      <c r="KT19" s="344">
        <v>0</v>
      </c>
      <c r="KU19" s="344">
        <v>0</v>
      </c>
      <c r="KV19" s="344">
        <v>0</v>
      </c>
      <c r="KW19" s="348">
        <v>215562</v>
      </c>
      <c r="KX19" s="346">
        <v>215562</v>
      </c>
      <c r="KY19" s="347">
        <v>0</v>
      </c>
      <c r="KZ19" s="344">
        <v>0</v>
      </c>
      <c r="LA19" s="348">
        <v>0</v>
      </c>
      <c r="LB19" s="403">
        <v>0</v>
      </c>
      <c r="LC19" s="344">
        <v>0</v>
      </c>
      <c r="LD19" s="344">
        <v>0</v>
      </c>
      <c r="LE19" s="344">
        <v>0</v>
      </c>
      <c r="LF19" s="344">
        <v>0</v>
      </c>
      <c r="LG19" s="344">
        <v>0</v>
      </c>
      <c r="LH19" s="348">
        <v>0</v>
      </c>
      <c r="LI19" s="349">
        <v>0</v>
      </c>
      <c r="LJ19" s="347">
        <v>0</v>
      </c>
      <c r="LK19" s="344">
        <v>0</v>
      </c>
      <c r="LL19" s="348">
        <v>0</v>
      </c>
      <c r="LM19" s="403">
        <v>0</v>
      </c>
      <c r="LN19" s="344">
        <v>0</v>
      </c>
      <c r="LO19" s="344">
        <v>0</v>
      </c>
      <c r="LP19" s="344">
        <v>0</v>
      </c>
      <c r="LQ19" s="344">
        <v>0</v>
      </c>
      <c r="LR19" s="344">
        <v>0</v>
      </c>
      <c r="LS19" s="348">
        <v>0</v>
      </c>
      <c r="LT19" s="346">
        <v>0</v>
      </c>
      <c r="LU19" s="347">
        <v>0</v>
      </c>
      <c r="LV19" s="344">
        <v>0</v>
      </c>
      <c r="LW19" s="348">
        <v>0</v>
      </c>
      <c r="LX19" s="403">
        <v>0</v>
      </c>
      <c r="LY19" s="344">
        <v>0</v>
      </c>
      <c r="LZ19" s="344">
        <v>0</v>
      </c>
      <c r="MA19" s="344">
        <v>0</v>
      </c>
      <c r="MB19" s="344">
        <v>0</v>
      </c>
      <c r="MC19" s="344">
        <v>0</v>
      </c>
      <c r="MD19" s="348">
        <v>0</v>
      </c>
      <c r="ME19" s="349">
        <v>0</v>
      </c>
      <c r="MF19" s="347">
        <v>0</v>
      </c>
      <c r="MG19" s="344">
        <v>0</v>
      </c>
      <c r="MH19" s="348">
        <v>0</v>
      </c>
      <c r="MI19" s="403">
        <v>0</v>
      </c>
      <c r="MJ19" s="344">
        <v>0</v>
      </c>
      <c r="MK19" s="344">
        <v>0</v>
      </c>
      <c r="ML19" s="344">
        <v>329300</v>
      </c>
      <c r="MM19" s="344">
        <v>1671930</v>
      </c>
      <c r="MN19" s="344">
        <v>1818124</v>
      </c>
      <c r="MO19" s="348">
        <v>3819354</v>
      </c>
      <c r="MP19" s="353">
        <v>3819354</v>
      </c>
      <c r="MQ19" s="347">
        <v>0</v>
      </c>
      <c r="MR19" s="344">
        <v>0</v>
      </c>
      <c r="MS19" s="348">
        <v>0</v>
      </c>
      <c r="MT19" s="403">
        <v>0</v>
      </c>
      <c r="MU19" s="344">
        <v>0</v>
      </c>
      <c r="MV19" s="344">
        <v>0</v>
      </c>
      <c r="MW19" s="344">
        <v>70348</v>
      </c>
      <c r="MX19" s="344">
        <v>1149051</v>
      </c>
      <c r="MY19" s="344">
        <v>1523777</v>
      </c>
      <c r="MZ19" s="348">
        <v>2743176</v>
      </c>
      <c r="NA19" s="353">
        <v>2743176</v>
      </c>
      <c r="NB19" s="347">
        <v>0</v>
      </c>
      <c r="NC19" s="344">
        <v>0</v>
      </c>
      <c r="ND19" s="348">
        <v>0</v>
      </c>
      <c r="NE19" s="403">
        <v>0</v>
      </c>
      <c r="NF19" s="344">
        <v>0</v>
      </c>
      <c r="NG19" s="344">
        <v>0</v>
      </c>
      <c r="NH19" s="344">
        <v>258952</v>
      </c>
      <c r="NI19" s="344">
        <v>522879</v>
      </c>
      <c r="NJ19" s="344">
        <v>294347</v>
      </c>
      <c r="NK19" s="348">
        <v>1076178</v>
      </c>
      <c r="NL19" s="346">
        <v>1076178</v>
      </c>
      <c r="NM19" s="347">
        <v>0</v>
      </c>
      <c r="NN19" s="344">
        <v>0</v>
      </c>
      <c r="NO19" s="348">
        <v>0</v>
      </c>
      <c r="NP19" s="403">
        <v>0</v>
      </c>
      <c r="NQ19" s="344">
        <v>0</v>
      </c>
      <c r="NR19" s="344">
        <v>0</v>
      </c>
      <c r="NS19" s="344">
        <v>0</v>
      </c>
      <c r="NT19" s="344">
        <v>0</v>
      </c>
      <c r="NU19" s="344">
        <v>0</v>
      </c>
      <c r="NV19" s="348">
        <v>0</v>
      </c>
      <c r="NW19" s="349">
        <v>0</v>
      </c>
      <c r="NX19" s="347">
        <v>0</v>
      </c>
      <c r="NY19" s="344">
        <v>0</v>
      </c>
      <c r="NZ19" s="348">
        <v>0</v>
      </c>
      <c r="OA19" s="403">
        <v>0</v>
      </c>
      <c r="OB19" s="344">
        <v>0</v>
      </c>
      <c r="OC19" s="344">
        <v>0</v>
      </c>
      <c r="OD19" s="344">
        <v>0</v>
      </c>
      <c r="OE19" s="344">
        <v>0</v>
      </c>
      <c r="OF19" s="344">
        <v>0</v>
      </c>
      <c r="OG19" s="348">
        <v>0</v>
      </c>
      <c r="OH19" s="349">
        <v>0</v>
      </c>
      <c r="OI19" s="347">
        <v>317013</v>
      </c>
      <c r="OJ19" s="344">
        <v>752948</v>
      </c>
      <c r="OK19" s="345">
        <v>1069961</v>
      </c>
      <c r="OL19" s="350">
        <v>0</v>
      </c>
      <c r="OM19" s="344">
        <v>4371934</v>
      </c>
      <c r="ON19" s="344">
        <v>5513524</v>
      </c>
      <c r="OO19" s="344">
        <v>5006764</v>
      </c>
      <c r="OP19" s="344">
        <v>5990456</v>
      </c>
      <c r="OQ19" s="344">
        <v>5859307</v>
      </c>
      <c r="OR19" s="348">
        <v>26741985</v>
      </c>
      <c r="OS19" s="353">
        <v>27811946</v>
      </c>
    </row>
    <row r="20" spans="2:409" s="70" customFormat="1" ht="21" customHeight="1" x14ac:dyDescent="0.2">
      <c r="B20" s="409" t="s">
        <v>15</v>
      </c>
      <c r="C20" s="325">
        <v>52947</v>
      </c>
      <c r="D20" s="326">
        <v>239785</v>
      </c>
      <c r="E20" s="327">
        <v>292732</v>
      </c>
      <c r="F20" s="328">
        <v>0</v>
      </c>
      <c r="G20" s="326">
        <v>565784</v>
      </c>
      <c r="H20" s="326">
        <v>1480614</v>
      </c>
      <c r="I20" s="326">
        <v>1292894</v>
      </c>
      <c r="J20" s="326">
        <v>1900230</v>
      </c>
      <c r="K20" s="326">
        <v>887381</v>
      </c>
      <c r="L20" s="328">
        <v>6126903</v>
      </c>
      <c r="M20" s="329">
        <v>6419635</v>
      </c>
      <c r="N20" s="325">
        <v>0</v>
      </c>
      <c r="O20" s="326">
        <v>25002</v>
      </c>
      <c r="P20" s="327">
        <v>25002</v>
      </c>
      <c r="Q20" s="325">
        <v>0</v>
      </c>
      <c r="R20" s="326">
        <v>236705</v>
      </c>
      <c r="S20" s="326">
        <v>406641</v>
      </c>
      <c r="T20" s="326">
        <v>155593</v>
      </c>
      <c r="U20" s="326">
        <v>536865</v>
      </c>
      <c r="V20" s="326">
        <v>361082</v>
      </c>
      <c r="W20" s="327">
        <v>1696886</v>
      </c>
      <c r="X20" s="329">
        <v>1721888</v>
      </c>
      <c r="Y20" s="325">
        <v>0</v>
      </c>
      <c r="Z20" s="326">
        <v>0</v>
      </c>
      <c r="AA20" s="327">
        <v>0</v>
      </c>
      <c r="AB20" s="325">
        <v>0</v>
      </c>
      <c r="AC20" s="326">
        <v>144707</v>
      </c>
      <c r="AD20" s="326">
        <v>194955</v>
      </c>
      <c r="AE20" s="326">
        <v>25575</v>
      </c>
      <c r="AF20" s="326">
        <v>236938</v>
      </c>
      <c r="AG20" s="326">
        <v>50459</v>
      </c>
      <c r="AH20" s="327">
        <v>652634</v>
      </c>
      <c r="AI20" s="329">
        <v>652634</v>
      </c>
      <c r="AJ20" s="325">
        <v>0</v>
      </c>
      <c r="AK20" s="326">
        <v>0</v>
      </c>
      <c r="AL20" s="327">
        <v>0</v>
      </c>
      <c r="AM20" s="325">
        <v>0</v>
      </c>
      <c r="AN20" s="326">
        <v>0</v>
      </c>
      <c r="AO20" s="326">
        <v>51149</v>
      </c>
      <c r="AP20" s="326">
        <v>31292</v>
      </c>
      <c r="AQ20" s="326">
        <v>61978</v>
      </c>
      <c r="AR20" s="326">
        <v>122759</v>
      </c>
      <c r="AS20" s="327">
        <v>267178</v>
      </c>
      <c r="AT20" s="329">
        <v>267178</v>
      </c>
      <c r="AU20" s="325">
        <v>0</v>
      </c>
      <c r="AV20" s="326">
        <v>20830</v>
      </c>
      <c r="AW20" s="327">
        <v>20830</v>
      </c>
      <c r="AX20" s="325">
        <v>0</v>
      </c>
      <c r="AY20" s="326">
        <v>42522</v>
      </c>
      <c r="AZ20" s="326">
        <v>78603</v>
      </c>
      <c r="BA20" s="326">
        <v>76277</v>
      </c>
      <c r="BB20" s="326">
        <v>136596</v>
      </c>
      <c r="BC20" s="326">
        <v>128113</v>
      </c>
      <c r="BD20" s="327">
        <v>462111</v>
      </c>
      <c r="BE20" s="329">
        <v>482941</v>
      </c>
      <c r="BF20" s="325">
        <v>0</v>
      </c>
      <c r="BG20" s="326">
        <v>0</v>
      </c>
      <c r="BH20" s="330">
        <v>0</v>
      </c>
      <c r="BI20" s="331">
        <v>0</v>
      </c>
      <c r="BJ20" s="326">
        <v>0</v>
      </c>
      <c r="BK20" s="326">
        <v>27159</v>
      </c>
      <c r="BL20" s="326">
        <v>0</v>
      </c>
      <c r="BM20" s="326">
        <v>0</v>
      </c>
      <c r="BN20" s="326">
        <v>20369</v>
      </c>
      <c r="BO20" s="327">
        <v>47528</v>
      </c>
      <c r="BP20" s="329">
        <v>47528</v>
      </c>
      <c r="BQ20" s="325">
        <v>0</v>
      </c>
      <c r="BR20" s="326">
        <v>4172</v>
      </c>
      <c r="BS20" s="327">
        <v>4172</v>
      </c>
      <c r="BT20" s="325">
        <v>0</v>
      </c>
      <c r="BU20" s="326">
        <v>49476</v>
      </c>
      <c r="BV20" s="326">
        <v>54775</v>
      </c>
      <c r="BW20" s="326">
        <v>22449</v>
      </c>
      <c r="BX20" s="326">
        <v>101353</v>
      </c>
      <c r="BY20" s="326">
        <v>39382</v>
      </c>
      <c r="BZ20" s="327">
        <v>267435</v>
      </c>
      <c r="CA20" s="329">
        <v>271607</v>
      </c>
      <c r="CB20" s="325">
        <v>0</v>
      </c>
      <c r="CC20" s="326">
        <v>0</v>
      </c>
      <c r="CD20" s="327">
        <v>0</v>
      </c>
      <c r="CE20" s="325">
        <v>0</v>
      </c>
      <c r="CF20" s="326">
        <v>136164</v>
      </c>
      <c r="CG20" s="326">
        <v>366644</v>
      </c>
      <c r="CH20" s="326">
        <v>415331</v>
      </c>
      <c r="CI20" s="326">
        <v>255302</v>
      </c>
      <c r="CJ20" s="326">
        <v>89700</v>
      </c>
      <c r="CK20" s="327">
        <v>1263141</v>
      </c>
      <c r="CL20" s="329">
        <v>1263141</v>
      </c>
      <c r="CM20" s="325">
        <v>0</v>
      </c>
      <c r="CN20" s="326">
        <v>0</v>
      </c>
      <c r="CO20" s="327">
        <v>0</v>
      </c>
      <c r="CP20" s="331">
        <v>0</v>
      </c>
      <c r="CQ20" s="326">
        <v>112098</v>
      </c>
      <c r="CR20" s="326">
        <v>221418</v>
      </c>
      <c r="CS20" s="326">
        <v>288421</v>
      </c>
      <c r="CT20" s="326">
        <v>80422</v>
      </c>
      <c r="CU20" s="326">
        <v>0</v>
      </c>
      <c r="CV20" s="327">
        <v>702359</v>
      </c>
      <c r="CW20" s="329">
        <v>702359</v>
      </c>
      <c r="CX20" s="325">
        <v>0</v>
      </c>
      <c r="CY20" s="326">
        <v>0</v>
      </c>
      <c r="CZ20" s="327">
        <v>0</v>
      </c>
      <c r="DA20" s="325">
        <v>0</v>
      </c>
      <c r="DB20" s="326">
        <v>24066</v>
      </c>
      <c r="DC20" s="326">
        <v>145226</v>
      </c>
      <c r="DD20" s="326">
        <v>126910</v>
      </c>
      <c r="DE20" s="326">
        <v>174880</v>
      </c>
      <c r="DF20" s="326">
        <v>89700</v>
      </c>
      <c r="DG20" s="327">
        <v>560782</v>
      </c>
      <c r="DH20" s="329">
        <v>560782</v>
      </c>
      <c r="DI20" s="325">
        <v>0</v>
      </c>
      <c r="DJ20" s="326">
        <v>0</v>
      </c>
      <c r="DK20" s="330">
        <v>0</v>
      </c>
      <c r="DL20" s="331">
        <v>0</v>
      </c>
      <c r="DM20" s="326">
        <v>0</v>
      </c>
      <c r="DN20" s="326">
        <v>265669</v>
      </c>
      <c r="DO20" s="326">
        <v>153424</v>
      </c>
      <c r="DP20" s="326">
        <v>375178</v>
      </c>
      <c r="DQ20" s="326">
        <v>59035</v>
      </c>
      <c r="DR20" s="327">
        <v>853306</v>
      </c>
      <c r="DS20" s="329">
        <v>853306</v>
      </c>
      <c r="DT20" s="325">
        <v>0</v>
      </c>
      <c r="DU20" s="326">
        <v>0</v>
      </c>
      <c r="DV20" s="327">
        <v>0</v>
      </c>
      <c r="DW20" s="325">
        <v>0</v>
      </c>
      <c r="DX20" s="326">
        <v>0</v>
      </c>
      <c r="DY20" s="326">
        <v>204556</v>
      </c>
      <c r="DZ20" s="326">
        <v>153424</v>
      </c>
      <c r="EA20" s="326">
        <v>375178</v>
      </c>
      <c r="EB20" s="326">
        <v>59035</v>
      </c>
      <c r="EC20" s="327">
        <v>792193</v>
      </c>
      <c r="ED20" s="329">
        <v>792193</v>
      </c>
      <c r="EE20" s="325">
        <v>0</v>
      </c>
      <c r="EF20" s="330">
        <v>0</v>
      </c>
      <c r="EG20" s="327">
        <v>0</v>
      </c>
      <c r="EH20" s="325">
        <v>0</v>
      </c>
      <c r="EI20" s="326">
        <v>0</v>
      </c>
      <c r="EJ20" s="326">
        <v>61113</v>
      </c>
      <c r="EK20" s="326">
        <v>0</v>
      </c>
      <c r="EL20" s="326">
        <v>0</v>
      </c>
      <c r="EM20" s="326">
        <v>0</v>
      </c>
      <c r="EN20" s="330">
        <v>61113</v>
      </c>
      <c r="EO20" s="329">
        <v>61113</v>
      </c>
      <c r="EP20" s="325">
        <v>0</v>
      </c>
      <c r="EQ20" s="326">
        <v>0</v>
      </c>
      <c r="ER20" s="330">
        <v>0</v>
      </c>
      <c r="ES20" s="331">
        <v>0</v>
      </c>
      <c r="ET20" s="326">
        <v>0</v>
      </c>
      <c r="EU20" s="326">
        <v>0</v>
      </c>
      <c r="EV20" s="326">
        <v>0</v>
      </c>
      <c r="EW20" s="326">
        <v>0</v>
      </c>
      <c r="EX20" s="326">
        <v>0</v>
      </c>
      <c r="EY20" s="327">
        <v>0</v>
      </c>
      <c r="EZ20" s="329">
        <v>0</v>
      </c>
      <c r="FA20" s="325">
        <v>0</v>
      </c>
      <c r="FB20" s="326">
        <v>0</v>
      </c>
      <c r="FC20" s="330">
        <v>0</v>
      </c>
      <c r="FD20" s="403">
        <v>0</v>
      </c>
      <c r="FE20" s="326">
        <v>0</v>
      </c>
      <c r="FF20" s="326">
        <v>0</v>
      </c>
      <c r="FG20" s="326">
        <v>0</v>
      </c>
      <c r="FH20" s="326">
        <v>0</v>
      </c>
      <c r="FI20" s="326">
        <v>0</v>
      </c>
      <c r="FJ20" s="327">
        <v>0</v>
      </c>
      <c r="FK20" s="329">
        <v>0</v>
      </c>
      <c r="FL20" s="325">
        <v>1050</v>
      </c>
      <c r="FM20" s="326">
        <v>130830</v>
      </c>
      <c r="FN20" s="327">
        <v>131880</v>
      </c>
      <c r="FO20" s="325">
        <v>0</v>
      </c>
      <c r="FP20" s="326">
        <v>27419</v>
      </c>
      <c r="FQ20" s="326">
        <v>126007</v>
      </c>
      <c r="FR20" s="326">
        <v>59017</v>
      </c>
      <c r="FS20" s="326">
        <v>162652</v>
      </c>
      <c r="FT20" s="326">
        <v>43372</v>
      </c>
      <c r="FU20" s="327">
        <v>418467</v>
      </c>
      <c r="FV20" s="329">
        <v>550347</v>
      </c>
      <c r="FW20" s="332">
        <v>1050</v>
      </c>
      <c r="FX20" s="326">
        <v>25830</v>
      </c>
      <c r="FY20" s="330">
        <v>26880</v>
      </c>
      <c r="FZ20" s="331">
        <v>0</v>
      </c>
      <c r="GA20" s="326">
        <v>14119</v>
      </c>
      <c r="GB20" s="326">
        <v>126007</v>
      </c>
      <c r="GC20" s="326">
        <v>59017</v>
      </c>
      <c r="GD20" s="326">
        <v>162652</v>
      </c>
      <c r="GE20" s="326">
        <v>43372</v>
      </c>
      <c r="GF20" s="327">
        <v>405167</v>
      </c>
      <c r="GG20" s="333">
        <v>432047</v>
      </c>
      <c r="GH20" s="332">
        <v>0</v>
      </c>
      <c r="GI20" s="326">
        <v>0</v>
      </c>
      <c r="GJ20" s="330">
        <v>0</v>
      </c>
      <c r="GK20" s="331">
        <v>0</v>
      </c>
      <c r="GL20" s="326">
        <v>13300</v>
      </c>
      <c r="GM20" s="326">
        <v>0</v>
      </c>
      <c r="GN20" s="326">
        <v>0</v>
      </c>
      <c r="GO20" s="326">
        <v>0</v>
      </c>
      <c r="GP20" s="326">
        <v>0</v>
      </c>
      <c r="GQ20" s="327">
        <v>13300</v>
      </c>
      <c r="GR20" s="329">
        <v>13300</v>
      </c>
      <c r="GS20" s="325">
        <v>0</v>
      </c>
      <c r="GT20" s="326">
        <v>105000</v>
      </c>
      <c r="GU20" s="327">
        <v>105000</v>
      </c>
      <c r="GV20" s="325">
        <v>0</v>
      </c>
      <c r="GW20" s="326">
        <v>0</v>
      </c>
      <c r="GX20" s="326">
        <v>0</v>
      </c>
      <c r="GY20" s="326">
        <v>0</v>
      </c>
      <c r="GZ20" s="326">
        <v>0</v>
      </c>
      <c r="HA20" s="326">
        <v>0</v>
      </c>
      <c r="HB20" s="330">
        <v>0</v>
      </c>
      <c r="HC20" s="329">
        <v>105000</v>
      </c>
      <c r="HD20" s="325">
        <v>51897</v>
      </c>
      <c r="HE20" s="326">
        <v>83953</v>
      </c>
      <c r="HF20" s="330">
        <v>135850</v>
      </c>
      <c r="HG20" s="331">
        <v>0</v>
      </c>
      <c r="HH20" s="326">
        <v>165496</v>
      </c>
      <c r="HI20" s="326">
        <v>315653</v>
      </c>
      <c r="HJ20" s="326">
        <v>509529</v>
      </c>
      <c r="HK20" s="326">
        <v>570233</v>
      </c>
      <c r="HL20" s="326">
        <v>334192</v>
      </c>
      <c r="HM20" s="327">
        <v>1895103</v>
      </c>
      <c r="HN20" s="328">
        <v>2030953</v>
      </c>
      <c r="HO20" s="332">
        <v>0</v>
      </c>
      <c r="HP20" s="326">
        <v>0</v>
      </c>
      <c r="HQ20" s="327">
        <v>0</v>
      </c>
      <c r="HR20" s="325">
        <v>0</v>
      </c>
      <c r="HS20" s="326">
        <v>0</v>
      </c>
      <c r="HT20" s="326">
        <v>0</v>
      </c>
      <c r="HU20" s="326">
        <v>0</v>
      </c>
      <c r="HV20" s="326">
        <v>0</v>
      </c>
      <c r="HW20" s="326">
        <v>0</v>
      </c>
      <c r="HX20" s="330">
        <v>0</v>
      </c>
      <c r="HY20" s="329">
        <v>0</v>
      </c>
      <c r="HZ20" s="357">
        <v>0</v>
      </c>
      <c r="IA20" s="355">
        <v>0</v>
      </c>
      <c r="IB20" s="357">
        <v>0</v>
      </c>
      <c r="IC20" s="354">
        <v>0</v>
      </c>
      <c r="ID20" s="355">
        <v>119831</v>
      </c>
      <c r="IE20" s="356">
        <v>346414</v>
      </c>
      <c r="IF20" s="357">
        <v>35534</v>
      </c>
      <c r="IG20" s="355">
        <v>623596</v>
      </c>
      <c r="IH20" s="357">
        <v>96079</v>
      </c>
      <c r="II20" s="358">
        <v>1221454</v>
      </c>
      <c r="IJ20" s="357">
        <v>1221454</v>
      </c>
      <c r="IK20" s="341">
        <v>0</v>
      </c>
      <c r="IL20" s="342">
        <v>0</v>
      </c>
      <c r="IM20" s="343">
        <v>0</v>
      </c>
      <c r="IN20" s="403">
        <v>0</v>
      </c>
      <c r="IO20" s="344">
        <v>0</v>
      </c>
      <c r="IP20" s="344">
        <v>0</v>
      </c>
      <c r="IQ20" s="344">
        <v>0</v>
      </c>
      <c r="IR20" s="344">
        <v>227003</v>
      </c>
      <c r="IS20" s="344">
        <v>0</v>
      </c>
      <c r="IT20" s="345">
        <v>227003</v>
      </c>
      <c r="IU20" s="346">
        <v>227003</v>
      </c>
      <c r="IV20" s="347">
        <v>0</v>
      </c>
      <c r="IW20" s="344">
        <v>0</v>
      </c>
      <c r="IX20" s="348">
        <v>0</v>
      </c>
      <c r="IY20" s="403">
        <v>0</v>
      </c>
      <c r="IZ20" s="344">
        <v>0</v>
      </c>
      <c r="JA20" s="344">
        <v>0</v>
      </c>
      <c r="JB20" s="344">
        <v>0</v>
      </c>
      <c r="JC20" s="344">
        <v>0</v>
      </c>
      <c r="JD20" s="344">
        <v>0</v>
      </c>
      <c r="JE20" s="348">
        <v>0</v>
      </c>
      <c r="JF20" s="349">
        <v>0</v>
      </c>
      <c r="JG20" s="347">
        <v>0</v>
      </c>
      <c r="JH20" s="344">
        <v>0</v>
      </c>
      <c r="JI20" s="345">
        <v>0</v>
      </c>
      <c r="JJ20" s="350">
        <v>0</v>
      </c>
      <c r="JK20" s="344">
        <v>119831</v>
      </c>
      <c r="JL20" s="344">
        <v>346414</v>
      </c>
      <c r="JM20" s="344">
        <v>35534</v>
      </c>
      <c r="JN20" s="344">
        <v>172714</v>
      </c>
      <c r="JO20" s="344">
        <v>96079</v>
      </c>
      <c r="JP20" s="348">
        <v>770572</v>
      </c>
      <c r="JQ20" s="346">
        <v>770572</v>
      </c>
      <c r="JR20" s="347">
        <v>0</v>
      </c>
      <c r="JS20" s="344">
        <v>0</v>
      </c>
      <c r="JT20" s="345">
        <v>0</v>
      </c>
      <c r="JU20" s="350">
        <v>0</v>
      </c>
      <c r="JV20" s="344">
        <v>0</v>
      </c>
      <c r="JW20" s="344">
        <v>0</v>
      </c>
      <c r="JX20" s="344">
        <v>0</v>
      </c>
      <c r="JY20" s="344">
        <v>0</v>
      </c>
      <c r="JZ20" s="344">
        <v>0</v>
      </c>
      <c r="KA20" s="348">
        <v>0</v>
      </c>
      <c r="KB20" s="346">
        <v>0</v>
      </c>
      <c r="KC20" s="351">
        <v>0</v>
      </c>
      <c r="KD20" s="352">
        <v>0</v>
      </c>
      <c r="KE20" s="348">
        <v>0</v>
      </c>
      <c r="KF20" s="350">
        <v>0</v>
      </c>
      <c r="KG20" s="344">
        <v>0</v>
      </c>
      <c r="KH20" s="344">
        <v>0</v>
      </c>
      <c r="KI20" s="344">
        <v>0</v>
      </c>
      <c r="KJ20" s="344">
        <v>0</v>
      </c>
      <c r="KK20" s="344">
        <v>0</v>
      </c>
      <c r="KL20" s="348">
        <v>0</v>
      </c>
      <c r="KM20" s="353">
        <v>0</v>
      </c>
      <c r="KN20" s="341">
        <v>0</v>
      </c>
      <c r="KO20" s="342">
        <v>0</v>
      </c>
      <c r="KP20" s="343">
        <v>0</v>
      </c>
      <c r="KQ20" s="403">
        <v>0</v>
      </c>
      <c r="KR20" s="344">
        <v>0</v>
      </c>
      <c r="KS20" s="344">
        <v>0</v>
      </c>
      <c r="KT20" s="344">
        <v>0</v>
      </c>
      <c r="KU20" s="344">
        <v>223879</v>
      </c>
      <c r="KV20" s="344">
        <v>0</v>
      </c>
      <c r="KW20" s="348">
        <v>223879</v>
      </c>
      <c r="KX20" s="346">
        <v>223879</v>
      </c>
      <c r="KY20" s="347">
        <v>0</v>
      </c>
      <c r="KZ20" s="344">
        <v>0</v>
      </c>
      <c r="LA20" s="348">
        <v>0</v>
      </c>
      <c r="LB20" s="403">
        <v>0</v>
      </c>
      <c r="LC20" s="344">
        <v>0</v>
      </c>
      <c r="LD20" s="344">
        <v>0</v>
      </c>
      <c r="LE20" s="344">
        <v>0</v>
      </c>
      <c r="LF20" s="344">
        <v>0</v>
      </c>
      <c r="LG20" s="344">
        <v>0</v>
      </c>
      <c r="LH20" s="348">
        <v>0</v>
      </c>
      <c r="LI20" s="349">
        <v>0</v>
      </c>
      <c r="LJ20" s="347">
        <v>0</v>
      </c>
      <c r="LK20" s="344">
        <v>0</v>
      </c>
      <c r="LL20" s="348">
        <v>0</v>
      </c>
      <c r="LM20" s="403">
        <v>0</v>
      </c>
      <c r="LN20" s="344">
        <v>0</v>
      </c>
      <c r="LO20" s="344">
        <v>0</v>
      </c>
      <c r="LP20" s="344">
        <v>0</v>
      </c>
      <c r="LQ20" s="344">
        <v>0</v>
      </c>
      <c r="LR20" s="344">
        <v>0</v>
      </c>
      <c r="LS20" s="348">
        <v>0</v>
      </c>
      <c r="LT20" s="346">
        <v>0</v>
      </c>
      <c r="LU20" s="347">
        <v>0</v>
      </c>
      <c r="LV20" s="344">
        <v>0</v>
      </c>
      <c r="LW20" s="348">
        <v>0</v>
      </c>
      <c r="LX20" s="403">
        <v>0</v>
      </c>
      <c r="LY20" s="344">
        <v>0</v>
      </c>
      <c r="LZ20" s="344">
        <v>0</v>
      </c>
      <c r="MA20" s="344">
        <v>0</v>
      </c>
      <c r="MB20" s="344">
        <v>0</v>
      </c>
      <c r="MC20" s="344">
        <v>0</v>
      </c>
      <c r="MD20" s="348">
        <v>0</v>
      </c>
      <c r="ME20" s="349">
        <v>0</v>
      </c>
      <c r="MF20" s="347">
        <v>0</v>
      </c>
      <c r="MG20" s="344">
        <v>0</v>
      </c>
      <c r="MH20" s="348">
        <v>0</v>
      </c>
      <c r="MI20" s="403">
        <v>0</v>
      </c>
      <c r="MJ20" s="344">
        <v>0</v>
      </c>
      <c r="MK20" s="344">
        <v>0</v>
      </c>
      <c r="ML20" s="344">
        <v>315682</v>
      </c>
      <c r="MM20" s="344">
        <v>494738</v>
      </c>
      <c r="MN20" s="344">
        <v>486421</v>
      </c>
      <c r="MO20" s="348">
        <v>1296841</v>
      </c>
      <c r="MP20" s="353">
        <v>1296841</v>
      </c>
      <c r="MQ20" s="347">
        <v>0</v>
      </c>
      <c r="MR20" s="344">
        <v>0</v>
      </c>
      <c r="MS20" s="348">
        <v>0</v>
      </c>
      <c r="MT20" s="403">
        <v>0</v>
      </c>
      <c r="MU20" s="344">
        <v>0</v>
      </c>
      <c r="MV20" s="344">
        <v>0</v>
      </c>
      <c r="MW20" s="344">
        <v>0</v>
      </c>
      <c r="MX20" s="344">
        <v>0</v>
      </c>
      <c r="MY20" s="344">
        <v>486421</v>
      </c>
      <c r="MZ20" s="348">
        <v>486421</v>
      </c>
      <c r="NA20" s="353">
        <v>486421</v>
      </c>
      <c r="NB20" s="347">
        <v>0</v>
      </c>
      <c r="NC20" s="344">
        <v>0</v>
      </c>
      <c r="ND20" s="348">
        <v>0</v>
      </c>
      <c r="NE20" s="403">
        <v>0</v>
      </c>
      <c r="NF20" s="344">
        <v>0</v>
      </c>
      <c r="NG20" s="344">
        <v>0</v>
      </c>
      <c r="NH20" s="344">
        <v>315682</v>
      </c>
      <c r="NI20" s="344">
        <v>494738</v>
      </c>
      <c r="NJ20" s="344">
        <v>0</v>
      </c>
      <c r="NK20" s="348">
        <v>810420</v>
      </c>
      <c r="NL20" s="346">
        <v>810420</v>
      </c>
      <c r="NM20" s="347">
        <v>0</v>
      </c>
      <c r="NN20" s="344">
        <v>0</v>
      </c>
      <c r="NO20" s="348">
        <v>0</v>
      </c>
      <c r="NP20" s="403">
        <v>0</v>
      </c>
      <c r="NQ20" s="344">
        <v>0</v>
      </c>
      <c r="NR20" s="344">
        <v>0</v>
      </c>
      <c r="NS20" s="344">
        <v>0</v>
      </c>
      <c r="NT20" s="344">
        <v>0</v>
      </c>
      <c r="NU20" s="344">
        <v>0</v>
      </c>
      <c r="NV20" s="348">
        <v>0</v>
      </c>
      <c r="NW20" s="349">
        <v>0</v>
      </c>
      <c r="NX20" s="347">
        <v>0</v>
      </c>
      <c r="NY20" s="344">
        <v>0</v>
      </c>
      <c r="NZ20" s="348">
        <v>0</v>
      </c>
      <c r="OA20" s="403">
        <v>0</v>
      </c>
      <c r="OB20" s="344">
        <v>0</v>
      </c>
      <c r="OC20" s="344">
        <v>0</v>
      </c>
      <c r="OD20" s="344">
        <v>0</v>
      </c>
      <c r="OE20" s="344">
        <v>0</v>
      </c>
      <c r="OF20" s="344">
        <v>0</v>
      </c>
      <c r="OG20" s="348">
        <v>0</v>
      </c>
      <c r="OH20" s="349">
        <v>0</v>
      </c>
      <c r="OI20" s="347">
        <v>52947</v>
      </c>
      <c r="OJ20" s="344">
        <v>239785</v>
      </c>
      <c r="OK20" s="345">
        <v>292732</v>
      </c>
      <c r="OL20" s="350">
        <v>0</v>
      </c>
      <c r="OM20" s="344">
        <v>685615</v>
      </c>
      <c r="ON20" s="344">
        <v>1827028</v>
      </c>
      <c r="OO20" s="344">
        <v>1644110</v>
      </c>
      <c r="OP20" s="344">
        <v>3018564</v>
      </c>
      <c r="OQ20" s="344">
        <v>1469881</v>
      </c>
      <c r="OR20" s="348">
        <v>8645198</v>
      </c>
      <c r="OS20" s="353">
        <v>8937930</v>
      </c>
    </row>
    <row r="21" spans="2:409" s="70" customFormat="1" ht="21" customHeight="1" x14ac:dyDescent="0.2">
      <c r="B21" s="409" t="s">
        <v>16</v>
      </c>
      <c r="C21" s="325">
        <v>249377</v>
      </c>
      <c r="D21" s="326">
        <v>511087</v>
      </c>
      <c r="E21" s="327">
        <v>760464</v>
      </c>
      <c r="F21" s="328">
        <v>0</v>
      </c>
      <c r="G21" s="326">
        <v>2470156</v>
      </c>
      <c r="H21" s="326">
        <v>5007474</v>
      </c>
      <c r="I21" s="326">
        <v>4372617</v>
      </c>
      <c r="J21" s="326">
        <v>3441393</v>
      </c>
      <c r="K21" s="326">
        <v>2298099</v>
      </c>
      <c r="L21" s="328">
        <v>17589739</v>
      </c>
      <c r="M21" s="329">
        <v>18350203</v>
      </c>
      <c r="N21" s="325">
        <v>54222</v>
      </c>
      <c r="O21" s="326">
        <v>167649</v>
      </c>
      <c r="P21" s="327">
        <v>221871</v>
      </c>
      <c r="Q21" s="325">
        <v>0</v>
      </c>
      <c r="R21" s="326">
        <v>320910</v>
      </c>
      <c r="S21" s="326">
        <v>1729657</v>
      </c>
      <c r="T21" s="326">
        <v>1241329</v>
      </c>
      <c r="U21" s="326">
        <v>805744</v>
      </c>
      <c r="V21" s="326">
        <v>262354</v>
      </c>
      <c r="W21" s="327">
        <v>4359994</v>
      </c>
      <c r="X21" s="329">
        <v>4581865</v>
      </c>
      <c r="Y21" s="325">
        <v>0</v>
      </c>
      <c r="Z21" s="326">
        <v>0</v>
      </c>
      <c r="AA21" s="327">
        <v>0</v>
      </c>
      <c r="AB21" s="325">
        <v>0</v>
      </c>
      <c r="AC21" s="326">
        <v>99491</v>
      </c>
      <c r="AD21" s="326">
        <v>894257</v>
      </c>
      <c r="AE21" s="326">
        <v>659989</v>
      </c>
      <c r="AF21" s="326">
        <v>354169</v>
      </c>
      <c r="AG21" s="326">
        <v>0</v>
      </c>
      <c r="AH21" s="327">
        <v>2007906</v>
      </c>
      <c r="AI21" s="329">
        <v>2007906</v>
      </c>
      <c r="AJ21" s="325">
        <v>0</v>
      </c>
      <c r="AK21" s="326">
        <v>0</v>
      </c>
      <c r="AL21" s="327">
        <v>0</v>
      </c>
      <c r="AM21" s="325">
        <v>0</v>
      </c>
      <c r="AN21" s="326">
        <v>0</v>
      </c>
      <c r="AO21" s="326">
        <v>0</v>
      </c>
      <c r="AP21" s="326">
        <v>0</v>
      </c>
      <c r="AQ21" s="326">
        <v>39846</v>
      </c>
      <c r="AR21" s="326">
        <v>49816</v>
      </c>
      <c r="AS21" s="327">
        <v>89662</v>
      </c>
      <c r="AT21" s="329">
        <v>89662</v>
      </c>
      <c r="AU21" s="325">
        <v>21588</v>
      </c>
      <c r="AV21" s="326">
        <v>122178</v>
      </c>
      <c r="AW21" s="327">
        <v>143766</v>
      </c>
      <c r="AX21" s="325">
        <v>0</v>
      </c>
      <c r="AY21" s="326">
        <v>107459</v>
      </c>
      <c r="AZ21" s="326">
        <v>630033</v>
      </c>
      <c r="BA21" s="326">
        <v>368106</v>
      </c>
      <c r="BB21" s="326">
        <v>279695</v>
      </c>
      <c r="BC21" s="326">
        <v>107118</v>
      </c>
      <c r="BD21" s="327">
        <v>1492411</v>
      </c>
      <c r="BE21" s="329">
        <v>1636177</v>
      </c>
      <c r="BF21" s="325">
        <v>0</v>
      </c>
      <c r="BG21" s="326">
        <v>27159</v>
      </c>
      <c r="BH21" s="330">
        <v>27159</v>
      </c>
      <c r="BI21" s="331">
        <v>0</v>
      </c>
      <c r="BJ21" s="326">
        <v>0</v>
      </c>
      <c r="BK21" s="326">
        <v>41476</v>
      </c>
      <c r="BL21" s="326">
        <v>27650</v>
      </c>
      <c r="BM21" s="326">
        <v>0</v>
      </c>
      <c r="BN21" s="326">
        <v>13825</v>
      </c>
      <c r="BO21" s="327">
        <v>82951</v>
      </c>
      <c r="BP21" s="329">
        <v>110110</v>
      </c>
      <c r="BQ21" s="325">
        <v>32634</v>
      </c>
      <c r="BR21" s="326">
        <v>18312</v>
      </c>
      <c r="BS21" s="327">
        <v>50946</v>
      </c>
      <c r="BT21" s="325">
        <v>0</v>
      </c>
      <c r="BU21" s="326">
        <v>113960</v>
      </c>
      <c r="BV21" s="326">
        <v>163891</v>
      </c>
      <c r="BW21" s="326">
        <v>185584</v>
      </c>
      <c r="BX21" s="326">
        <v>132034</v>
      </c>
      <c r="BY21" s="326">
        <v>91595</v>
      </c>
      <c r="BZ21" s="327">
        <v>687064</v>
      </c>
      <c r="CA21" s="329">
        <v>738010</v>
      </c>
      <c r="CB21" s="325">
        <v>18388</v>
      </c>
      <c r="CC21" s="326">
        <v>173070</v>
      </c>
      <c r="CD21" s="327">
        <v>191458</v>
      </c>
      <c r="CE21" s="325">
        <v>0</v>
      </c>
      <c r="CF21" s="326">
        <v>1240488</v>
      </c>
      <c r="CG21" s="326">
        <v>1703805</v>
      </c>
      <c r="CH21" s="326">
        <v>772836</v>
      </c>
      <c r="CI21" s="326">
        <v>349962</v>
      </c>
      <c r="CJ21" s="326">
        <v>189766</v>
      </c>
      <c r="CK21" s="327">
        <v>4256857</v>
      </c>
      <c r="CL21" s="329">
        <v>4448315</v>
      </c>
      <c r="CM21" s="325">
        <v>0</v>
      </c>
      <c r="CN21" s="326">
        <v>0</v>
      </c>
      <c r="CO21" s="327">
        <v>0</v>
      </c>
      <c r="CP21" s="331">
        <v>0</v>
      </c>
      <c r="CQ21" s="326">
        <v>863215</v>
      </c>
      <c r="CR21" s="326">
        <v>821784</v>
      </c>
      <c r="CS21" s="326">
        <v>435333</v>
      </c>
      <c r="CT21" s="326">
        <v>304328</v>
      </c>
      <c r="CU21" s="326">
        <v>102004</v>
      </c>
      <c r="CV21" s="327">
        <v>2526664</v>
      </c>
      <c r="CW21" s="329">
        <v>2526664</v>
      </c>
      <c r="CX21" s="325">
        <v>18388</v>
      </c>
      <c r="CY21" s="326">
        <v>173070</v>
      </c>
      <c r="CZ21" s="327">
        <v>191458</v>
      </c>
      <c r="DA21" s="325">
        <v>0</v>
      </c>
      <c r="DB21" s="326">
        <v>377273</v>
      </c>
      <c r="DC21" s="326">
        <v>882021</v>
      </c>
      <c r="DD21" s="326">
        <v>337503</v>
      </c>
      <c r="DE21" s="326">
        <v>45634</v>
      </c>
      <c r="DF21" s="326">
        <v>87762</v>
      </c>
      <c r="DG21" s="327">
        <v>1730193</v>
      </c>
      <c r="DH21" s="329">
        <v>1921651</v>
      </c>
      <c r="DI21" s="325">
        <v>0</v>
      </c>
      <c r="DJ21" s="326">
        <v>16262</v>
      </c>
      <c r="DK21" s="330">
        <v>16262</v>
      </c>
      <c r="DL21" s="331">
        <v>0</v>
      </c>
      <c r="DM21" s="326">
        <v>0</v>
      </c>
      <c r="DN21" s="326">
        <v>291868</v>
      </c>
      <c r="DO21" s="326">
        <v>118405</v>
      </c>
      <c r="DP21" s="326">
        <v>372408</v>
      </c>
      <c r="DQ21" s="326">
        <v>0</v>
      </c>
      <c r="DR21" s="327">
        <v>782681</v>
      </c>
      <c r="DS21" s="329">
        <v>798943</v>
      </c>
      <c r="DT21" s="325">
        <v>0</v>
      </c>
      <c r="DU21" s="326">
        <v>16262</v>
      </c>
      <c r="DV21" s="327">
        <v>16262</v>
      </c>
      <c r="DW21" s="325">
        <v>0</v>
      </c>
      <c r="DX21" s="326">
        <v>0</v>
      </c>
      <c r="DY21" s="326">
        <v>291868</v>
      </c>
      <c r="DZ21" s="326">
        <v>118405</v>
      </c>
      <c r="EA21" s="326">
        <v>372408</v>
      </c>
      <c r="EB21" s="326">
        <v>0</v>
      </c>
      <c r="EC21" s="327">
        <v>782681</v>
      </c>
      <c r="ED21" s="329">
        <v>798943</v>
      </c>
      <c r="EE21" s="325">
        <v>0</v>
      </c>
      <c r="EF21" s="330">
        <v>0</v>
      </c>
      <c r="EG21" s="327">
        <v>0</v>
      </c>
      <c r="EH21" s="325">
        <v>0</v>
      </c>
      <c r="EI21" s="326">
        <v>0</v>
      </c>
      <c r="EJ21" s="326">
        <v>0</v>
      </c>
      <c r="EK21" s="326">
        <v>0</v>
      </c>
      <c r="EL21" s="326">
        <v>0</v>
      </c>
      <c r="EM21" s="326">
        <v>0</v>
      </c>
      <c r="EN21" s="330">
        <v>0</v>
      </c>
      <c r="EO21" s="329">
        <v>0</v>
      </c>
      <c r="EP21" s="325">
        <v>0</v>
      </c>
      <c r="EQ21" s="326">
        <v>0</v>
      </c>
      <c r="ER21" s="330">
        <v>0</v>
      </c>
      <c r="ES21" s="331">
        <v>0</v>
      </c>
      <c r="ET21" s="326">
        <v>0</v>
      </c>
      <c r="EU21" s="326">
        <v>0</v>
      </c>
      <c r="EV21" s="326">
        <v>0</v>
      </c>
      <c r="EW21" s="326">
        <v>0</v>
      </c>
      <c r="EX21" s="326">
        <v>0</v>
      </c>
      <c r="EY21" s="327">
        <v>0</v>
      </c>
      <c r="EZ21" s="329">
        <v>0</v>
      </c>
      <c r="FA21" s="325">
        <v>0</v>
      </c>
      <c r="FB21" s="326">
        <v>0</v>
      </c>
      <c r="FC21" s="330">
        <v>0</v>
      </c>
      <c r="FD21" s="403">
        <v>0</v>
      </c>
      <c r="FE21" s="326">
        <v>0</v>
      </c>
      <c r="FF21" s="326">
        <v>0</v>
      </c>
      <c r="FG21" s="326">
        <v>0</v>
      </c>
      <c r="FH21" s="326">
        <v>0</v>
      </c>
      <c r="FI21" s="326">
        <v>0</v>
      </c>
      <c r="FJ21" s="327">
        <v>0</v>
      </c>
      <c r="FK21" s="329">
        <v>0</v>
      </c>
      <c r="FL21" s="325">
        <v>31150</v>
      </c>
      <c r="FM21" s="326">
        <v>71260</v>
      </c>
      <c r="FN21" s="327">
        <v>102410</v>
      </c>
      <c r="FO21" s="325">
        <v>0</v>
      </c>
      <c r="FP21" s="326">
        <v>78400</v>
      </c>
      <c r="FQ21" s="326">
        <v>432999</v>
      </c>
      <c r="FR21" s="326">
        <v>225841</v>
      </c>
      <c r="FS21" s="326">
        <v>209748</v>
      </c>
      <c r="FT21" s="326">
        <v>194544</v>
      </c>
      <c r="FU21" s="327">
        <v>1141532</v>
      </c>
      <c r="FV21" s="329">
        <v>1243942</v>
      </c>
      <c r="FW21" s="332">
        <v>31150</v>
      </c>
      <c r="FX21" s="326">
        <v>71260</v>
      </c>
      <c r="FY21" s="330">
        <v>102410</v>
      </c>
      <c r="FZ21" s="331">
        <v>0</v>
      </c>
      <c r="GA21" s="326">
        <v>78400</v>
      </c>
      <c r="GB21" s="326">
        <v>390418</v>
      </c>
      <c r="GC21" s="326">
        <v>225841</v>
      </c>
      <c r="GD21" s="326">
        <v>184338</v>
      </c>
      <c r="GE21" s="326">
        <v>194544</v>
      </c>
      <c r="GF21" s="327">
        <v>1073541</v>
      </c>
      <c r="GG21" s="333">
        <v>1175951</v>
      </c>
      <c r="GH21" s="332">
        <v>0</v>
      </c>
      <c r="GI21" s="326">
        <v>0</v>
      </c>
      <c r="GJ21" s="330">
        <v>0</v>
      </c>
      <c r="GK21" s="331">
        <v>0</v>
      </c>
      <c r="GL21" s="326">
        <v>0</v>
      </c>
      <c r="GM21" s="326">
        <v>42581</v>
      </c>
      <c r="GN21" s="326">
        <v>0</v>
      </c>
      <c r="GO21" s="326">
        <v>25410</v>
      </c>
      <c r="GP21" s="326">
        <v>0</v>
      </c>
      <c r="GQ21" s="327">
        <v>67991</v>
      </c>
      <c r="GR21" s="329">
        <v>67991</v>
      </c>
      <c r="GS21" s="325">
        <v>0</v>
      </c>
      <c r="GT21" s="326">
        <v>0</v>
      </c>
      <c r="GU21" s="327">
        <v>0</v>
      </c>
      <c r="GV21" s="325">
        <v>0</v>
      </c>
      <c r="GW21" s="326">
        <v>0</v>
      </c>
      <c r="GX21" s="326">
        <v>0</v>
      </c>
      <c r="GY21" s="326">
        <v>0</v>
      </c>
      <c r="GZ21" s="326">
        <v>0</v>
      </c>
      <c r="HA21" s="326">
        <v>0</v>
      </c>
      <c r="HB21" s="330">
        <v>0</v>
      </c>
      <c r="HC21" s="329">
        <v>0</v>
      </c>
      <c r="HD21" s="325">
        <v>145617</v>
      </c>
      <c r="HE21" s="326">
        <v>82846</v>
      </c>
      <c r="HF21" s="330">
        <v>228463</v>
      </c>
      <c r="HG21" s="331">
        <v>0</v>
      </c>
      <c r="HH21" s="326">
        <v>830358</v>
      </c>
      <c r="HI21" s="326">
        <v>849145</v>
      </c>
      <c r="HJ21" s="326">
        <v>2014206</v>
      </c>
      <c r="HK21" s="326">
        <v>1703531</v>
      </c>
      <c r="HL21" s="326">
        <v>1651435</v>
      </c>
      <c r="HM21" s="327">
        <v>7048675</v>
      </c>
      <c r="HN21" s="328">
        <v>7277138</v>
      </c>
      <c r="HO21" s="332">
        <v>0</v>
      </c>
      <c r="HP21" s="326">
        <v>0</v>
      </c>
      <c r="HQ21" s="327">
        <v>0</v>
      </c>
      <c r="HR21" s="325">
        <v>0</v>
      </c>
      <c r="HS21" s="326">
        <v>0</v>
      </c>
      <c r="HT21" s="326">
        <v>0</v>
      </c>
      <c r="HU21" s="326">
        <v>0</v>
      </c>
      <c r="HV21" s="326">
        <v>0</v>
      </c>
      <c r="HW21" s="326">
        <v>0</v>
      </c>
      <c r="HX21" s="330">
        <v>0</v>
      </c>
      <c r="HY21" s="329">
        <v>0</v>
      </c>
      <c r="HZ21" s="334">
        <v>0</v>
      </c>
      <c r="IA21" s="335">
        <v>67139</v>
      </c>
      <c r="IB21" s="336">
        <v>67139</v>
      </c>
      <c r="IC21" s="337">
        <v>0</v>
      </c>
      <c r="ID21" s="335">
        <v>651707</v>
      </c>
      <c r="IE21" s="338">
        <v>1183514</v>
      </c>
      <c r="IF21" s="336">
        <v>718764</v>
      </c>
      <c r="IG21" s="335">
        <v>203225</v>
      </c>
      <c r="IH21" s="336">
        <v>489464</v>
      </c>
      <c r="II21" s="339">
        <v>3246674</v>
      </c>
      <c r="IJ21" s="340">
        <v>3313813</v>
      </c>
      <c r="IK21" s="341">
        <v>0</v>
      </c>
      <c r="IL21" s="342">
        <v>0</v>
      </c>
      <c r="IM21" s="343">
        <v>0</v>
      </c>
      <c r="IN21" s="403">
        <v>0</v>
      </c>
      <c r="IO21" s="344">
        <v>0</v>
      </c>
      <c r="IP21" s="344">
        <v>0</v>
      </c>
      <c r="IQ21" s="344">
        <v>0</v>
      </c>
      <c r="IR21" s="344">
        <v>168749</v>
      </c>
      <c r="IS21" s="344">
        <v>238491</v>
      </c>
      <c r="IT21" s="345">
        <v>407240</v>
      </c>
      <c r="IU21" s="346">
        <v>407240</v>
      </c>
      <c r="IV21" s="347">
        <v>0</v>
      </c>
      <c r="IW21" s="344">
        <v>0</v>
      </c>
      <c r="IX21" s="348">
        <v>0</v>
      </c>
      <c r="IY21" s="403">
        <v>0</v>
      </c>
      <c r="IZ21" s="344">
        <v>0</v>
      </c>
      <c r="JA21" s="344">
        <v>0</v>
      </c>
      <c r="JB21" s="344">
        <v>0</v>
      </c>
      <c r="JC21" s="344">
        <v>14347</v>
      </c>
      <c r="JD21" s="344">
        <v>0</v>
      </c>
      <c r="JE21" s="348">
        <v>14347</v>
      </c>
      <c r="JF21" s="349">
        <v>14347</v>
      </c>
      <c r="JG21" s="347">
        <v>0</v>
      </c>
      <c r="JH21" s="344">
        <v>0</v>
      </c>
      <c r="JI21" s="345">
        <v>0</v>
      </c>
      <c r="JJ21" s="350">
        <v>0</v>
      </c>
      <c r="JK21" s="344">
        <v>181838</v>
      </c>
      <c r="JL21" s="344">
        <v>473094</v>
      </c>
      <c r="JM21" s="344">
        <v>403844</v>
      </c>
      <c r="JN21" s="344">
        <v>20129</v>
      </c>
      <c r="JO21" s="344">
        <v>0</v>
      </c>
      <c r="JP21" s="348">
        <v>1078905</v>
      </c>
      <c r="JQ21" s="346">
        <v>1078905</v>
      </c>
      <c r="JR21" s="347">
        <v>0</v>
      </c>
      <c r="JS21" s="344">
        <v>0</v>
      </c>
      <c r="JT21" s="345">
        <v>0</v>
      </c>
      <c r="JU21" s="350">
        <v>0</v>
      </c>
      <c r="JV21" s="344">
        <v>51426</v>
      </c>
      <c r="JW21" s="344">
        <v>125624</v>
      </c>
      <c r="JX21" s="344">
        <v>84291</v>
      </c>
      <c r="JY21" s="344">
        <v>0</v>
      </c>
      <c r="JZ21" s="344">
        <v>0</v>
      </c>
      <c r="KA21" s="348">
        <v>261341</v>
      </c>
      <c r="KB21" s="346">
        <v>261341</v>
      </c>
      <c r="KC21" s="351">
        <v>0</v>
      </c>
      <c r="KD21" s="352">
        <v>67139</v>
      </c>
      <c r="KE21" s="348">
        <v>67139</v>
      </c>
      <c r="KF21" s="350">
        <v>0</v>
      </c>
      <c r="KG21" s="344">
        <v>214484</v>
      </c>
      <c r="KH21" s="344">
        <v>158734</v>
      </c>
      <c r="KI21" s="344">
        <v>0</v>
      </c>
      <c r="KJ21" s="344">
        <v>0</v>
      </c>
      <c r="KK21" s="344">
        <v>250973</v>
      </c>
      <c r="KL21" s="348">
        <v>624191</v>
      </c>
      <c r="KM21" s="353">
        <v>691330</v>
      </c>
      <c r="KN21" s="341">
        <v>0</v>
      </c>
      <c r="KO21" s="342">
        <v>0</v>
      </c>
      <c r="KP21" s="343">
        <v>0</v>
      </c>
      <c r="KQ21" s="403">
        <v>0</v>
      </c>
      <c r="KR21" s="344">
        <v>203959</v>
      </c>
      <c r="KS21" s="344">
        <v>426062</v>
      </c>
      <c r="KT21" s="344">
        <v>230629</v>
      </c>
      <c r="KU21" s="344">
        <v>0</v>
      </c>
      <c r="KV21" s="344">
        <v>0</v>
      </c>
      <c r="KW21" s="348">
        <v>860650</v>
      </c>
      <c r="KX21" s="346">
        <v>860650</v>
      </c>
      <c r="KY21" s="347">
        <v>0</v>
      </c>
      <c r="KZ21" s="344">
        <v>0</v>
      </c>
      <c r="LA21" s="348">
        <v>0</v>
      </c>
      <c r="LB21" s="403">
        <v>0</v>
      </c>
      <c r="LC21" s="344">
        <v>0</v>
      </c>
      <c r="LD21" s="344">
        <v>0</v>
      </c>
      <c r="LE21" s="344">
        <v>0</v>
      </c>
      <c r="LF21" s="344">
        <v>0</v>
      </c>
      <c r="LG21" s="344">
        <v>0</v>
      </c>
      <c r="LH21" s="348">
        <v>0</v>
      </c>
      <c r="LI21" s="349">
        <v>0</v>
      </c>
      <c r="LJ21" s="347">
        <v>0</v>
      </c>
      <c r="LK21" s="344">
        <v>0</v>
      </c>
      <c r="LL21" s="348">
        <v>0</v>
      </c>
      <c r="LM21" s="403">
        <v>0</v>
      </c>
      <c r="LN21" s="344">
        <v>0</v>
      </c>
      <c r="LO21" s="344">
        <v>0</v>
      </c>
      <c r="LP21" s="344">
        <v>0</v>
      </c>
      <c r="LQ21" s="344">
        <v>0</v>
      </c>
      <c r="LR21" s="344">
        <v>0</v>
      </c>
      <c r="LS21" s="348">
        <v>0</v>
      </c>
      <c r="LT21" s="346">
        <v>0</v>
      </c>
      <c r="LU21" s="347">
        <v>0</v>
      </c>
      <c r="LV21" s="344">
        <v>0</v>
      </c>
      <c r="LW21" s="348">
        <v>0</v>
      </c>
      <c r="LX21" s="403">
        <v>0</v>
      </c>
      <c r="LY21" s="344">
        <v>0</v>
      </c>
      <c r="LZ21" s="344">
        <v>0</v>
      </c>
      <c r="MA21" s="344">
        <v>0</v>
      </c>
      <c r="MB21" s="344">
        <v>0</v>
      </c>
      <c r="MC21" s="344">
        <v>0</v>
      </c>
      <c r="MD21" s="348">
        <v>0</v>
      </c>
      <c r="ME21" s="349">
        <v>0</v>
      </c>
      <c r="MF21" s="347">
        <v>0</v>
      </c>
      <c r="MG21" s="344">
        <v>0</v>
      </c>
      <c r="MH21" s="348">
        <v>0</v>
      </c>
      <c r="MI21" s="403">
        <v>0</v>
      </c>
      <c r="MJ21" s="344">
        <v>208329</v>
      </c>
      <c r="MK21" s="344">
        <v>513079</v>
      </c>
      <c r="ML21" s="344">
        <v>2345583</v>
      </c>
      <c r="MM21" s="344">
        <v>3050009</v>
      </c>
      <c r="MN21" s="344">
        <v>739580</v>
      </c>
      <c r="MO21" s="348">
        <v>6856580</v>
      </c>
      <c r="MP21" s="353">
        <v>6856580</v>
      </c>
      <c r="MQ21" s="347">
        <v>0</v>
      </c>
      <c r="MR21" s="344">
        <v>0</v>
      </c>
      <c r="MS21" s="348">
        <v>0</v>
      </c>
      <c r="MT21" s="403">
        <v>0</v>
      </c>
      <c r="MU21" s="344">
        <v>0</v>
      </c>
      <c r="MV21" s="344">
        <v>0</v>
      </c>
      <c r="MW21" s="344">
        <v>1374613</v>
      </c>
      <c r="MX21" s="344">
        <v>1750520</v>
      </c>
      <c r="MY21" s="344">
        <v>739580</v>
      </c>
      <c r="MZ21" s="348">
        <v>3864713</v>
      </c>
      <c r="NA21" s="353">
        <v>3864713</v>
      </c>
      <c r="NB21" s="347">
        <v>0</v>
      </c>
      <c r="NC21" s="344">
        <v>0</v>
      </c>
      <c r="ND21" s="348">
        <v>0</v>
      </c>
      <c r="NE21" s="403">
        <v>0</v>
      </c>
      <c r="NF21" s="344">
        <v>208329</v>
      </c>
      <c r="NG21" s="344">
        <v>513079</v>
      </c>
      <c r="NH21" s="344">
        <v>970970</v>
      </c>
      <c r="NI21" s="344">
        <v>1299489</v>
      </c>
      <c r="NJ21" s="344">
        <v>0</v>
      </c>
      <c r="NK21" s="348">
        <v>2991867</v>
      </c>
      <c r="NL21" s="346">
        <v>2991867</v>
      </c>
      <c r="NM21" s="347">
        <v>0</v>
      </c>
      <c r="NN21" s="344">
        <v>0</v>
      </c>
      <c r="NO21" s="348">
        <v>0</v>
      </c>
      <c r="NP21" s="403">
        <v>0</v>
      </c>
      <c r="NQ21" s="344">
        <v>0</v>
      </c>
      <c r="NR21" s="344">
        <v>0</v>
      </c>
      <c r="NS21" s="344">
        <v>0</v>
      </c>
      <c r="NT21" s="344">
        <v>0</v>
      </c>
      <c r="NU21" s="344">
        <v>0</v>
      </c>
      <c r="NV21" s="348">
        <v>0</v>
      </c>
      <c r="NW21" s="349">
        <v>0</v>
      </c>
      <c r="NX21" s="347">
        <v>0</v>
      </c>
      <c r="NY21" s="344">
        <v>0</v>
      </c>
      <c r="NZ21" s="348">
        <v>0</v>
      </c>
      <c r="OA21" s="403">
        <v>0</v>
      </c>
      <c r="OB21" s="344">
        <v>0</v>
      </c>
      <c r="OC21" s="344">
        <v>0</v>
      </c>
      <c r="OD21" s="344">
        <v>0</v>
      </c>
      <c r="OE21" s="344">
        <v>0</v>
      </c>
      <c r="OF21" s="344">
        <v>0</v>
      </c>
      <c r="OG21" s="348">
        <v>0</v>
      </c>
      <c r="OH21" s="349">
        <v>0</v>
      </c>
      <c r="OI21" s="347">
        <v>249377</v>
      </c>
      <c r="OJ21" s="344">
        <v>578226</v>
      </c>
      <c r="OK21" s="345">
        <v>827603</v>
      </c>
      <c r="OL21" s="350">
        <v>0</v>
      </c>
      <c r="OM21" s="344">
        <v>3330192</v>
      </c>
      <c r="ON21" s="344">
        <v>6704067</v>
      </c>
      <c r="OO21" s="344">
        <v>7436964</v>
      </c>
      <c r="OP21" s="344">
        <v>6694627</v>
      </c>
      <c r="OQ21" s="344">
        <v>3527143</v>
      </c>
      <c r="OR21" s="348">
        <v>27692993</v>
      </c>
      <c r="OS21" s="353">
        <v>28520596</v>
      </c>
    </row>
    <row r="22" spans="2:409" s="70" customFormat="1" ht="21" customHeight="1" x14ac:dyDescent="0.2">
      <c r="B22" s="409" t="s">
        <v>17</v>
      </c>
      <c r="C22" s="325">
        <v>591161</v>
      </c>
      <c r="D22" s="326">
        <v>1175099</v>
      </c>
      <c r="E22" s="327">
        <v>1766260</v>
      </c>
      <c r="F22" s="328">
        <v>0</v>
      </c>
      <c r="G22" s="326">
        <v>3573285</v>
      </c>
      <c r="H22" s="326">
        <v>6836382</v>
      </c>
      <c r="I22" s="326">
        <v>6254842</v>
      </c>
      <c r="J22" s="326">
        <v>5243533</v>
      </c>
      <c r="K22" s="326">
        <v>4153481</v>
      </c>
      <c r="L22" s="328">
        <v>26061523</v>
      </c>
      <c r="M22" s="329">
        <v>27827783</v>
      </c>
      <c r="N22" s="325">
        <v>138041</v>
      </c>
      <c r="O22" s="326">
        <v>213840</v>
      </c>
      <c r="P22" s="327">
        <v>351881</v>
      </c>
      <c r="Q22" s="325">
        <v>0</v>
      </c>
      <c r="R22" s="326">
        <v>940081</v>
      </c>
      <c r="S22" s="326">
        <v>2023488</v>
      </c>
      <c r="T22" s="326">
        <v>2768327</v>
      </c>
      <c r="U22" s="326">
        <v>1376664</v>
      </c>
      <c r="V22" s="326">
        <v>1899845</v>
      </c>
      <c r="W22" s="327">
        <v>9008405</v>
      </c>
      <c r="X22" s="329">
        <v>9360286</v>
      </c>
      <c r="Y22" s="325">
        <v>0</v>
      </c>
      <c r="Z22" s="326">
        <v>0</v>
      </c>
      <c r="AA22" s="327">
        <v>0</v>
      </c>
      <c r="AB22" s="325">
        <v>0</v>
      </c>
      <c r="AC22" s="326">
        <v>391826</v>
      </c>
      <c r="AD22" s="326">
        <v>866748</v>
      </c>
      <c r="AE22" s="326">
        <v>1315241</v>
      </c>
      <c r="AF22" s="326">
        <v>452458</v>
      </c>
      <c r="AG22" s="326">
        <v>1256862</v>
      </c>
      <c r="AH22" s="327">
        <v>4283135</v>
      </c>
      <c r="AI22" s="329">
        <v>4283135</v>
      </c>
      <c r="AJ22" s="325">
        <v>0</v>
      </c>
      <c r="AK22" s="326">
        <v>0</v>
      </c>
      <c r="AL22" s="327">
        <v>0</v>
      </c>
      <c r="AM22" s="325">
        <v>0</v>
      </c>
      <c r="AN22" s="326">
        <v>0</v>
      </c>
      <c r="AO22" s="326">
        <v>0</v>
      </c>
      <c r="AP22" s="326">
        <v>30826</v>
      </c>
      <c r="AQ22" s="326">
        <v>156025</v>
      </c>
      <c r="AR22" s="326">
        <v>93277</v>
      </c>
      <c r="AS22" s="327">
        <v>280128</v>
      </c>
      <c r="AT22" s="329">
        <v>280128</v>
      </c>
      <c r="AU22" s="325">
        <v>49904</v>
      </c>
      <c r="AV22" s="326">
        <v>166366</v>
      </c>
      <c r="AW22" s="327">
        <v>216270</v>
      </c>
      <c r="AX22" s="325">
        <v>0</v>
      </c>
      <c r="AY22" s="326">
        <v>303507</v>
      </c>
      <c r="AZ22" s="326">
        <v>801411</v>
      </c>
      <c r="BA22" s="326">
        <v>933904</v>
      </c>
      <c r="BB22" s="326">
        <v>482352</v>
      </c>
      <c r="BC22" s="326">
        <v>243603</v>
      </c>
      <c r="BD22" s="327">
        <v>2764777</v>
      </c>
      <c r="BE22" s="329">
        <v>2981047</v>
      </c>
      <c r="BF22" s="325">
        <v>0</v>
      </c>
      <c r="BG22" s="326">
        <v>0</v>
      </c>
      <c r="BH22" s="330">
        <v>0</v>
      </c>
      <c r="BI22" s="331">
        <v>0</v>
      </c>
      <c r="BJ22" s="326">
        <v>0</v>
      </c>
      <c r="BK22" s="326">
        <v>100592</v>
      </c>
      <c r="BL22" s="326">
        <v>104532</v>
      </c>
      <c r="BM22" s="326">
        <v>46786</v>
      </c>
      <c r="BN22" s="326">
        <v>44583</v>
      </c>
      <c r="BO22" s="327">
        <v>296493</v>
      </c>
      <c r="BP22" s="329">
        <v>296493</v>
      </c>
      <c r="BQ22" s="325">
        <v>88137</v>
      </c>
      <c r="BR22" s="326">
        <v>47474</v>
      </c>
      <c r="BS22" s="327">
        <v>135611</v>
      </c>
      <c r="BT22" s="325">
        <v>0</v>
      </c>
      <c r="BU22" s="326">
        <v>244748</v>
      </c>
      <c r="BV22" s="326">
        <v>254737</v>
      </c>
      <c r="BW22" s="326">
        <v>383824</v>
      </c>
      <c r="BX22" s="326">
        <v>239043</v>
      </c>
      <c r="BY22" s="326">
        <v>261520</v>
      </c>
      <c r="BZ22" s="327">
        <v>1383872</v>
      </c>
      <c r="CA22" s="329">
        <v>1519483</v>
      </c>
      <c r="CB22" s="325">
        <v>112410</v>
      </c>
      <c r="CC22" s="326">
        <v>138378</v>
      </c>
      <c r="CD22" s="327">
        <v>250788</v>
      </c>
      <c r="CE22" s="325">
        <v>0</v>
      </c>
      <c r="CF22" s="326">
        <v>795328</v>
      </c>
      <c r="CG22" s="326">
        <v>2147182</v>
      </c>
      <c r="CH22" s="326">
        <v>1535743</v>
      </c>
      <c r="CI22" s="326">
        <v>1412837</v>
      </c>
      <c r="CJ22" s="326">
        <v>399804</v>
      </c>
      <c r="CK22" s="327">
        <v>6290894</v>
      </c>
      <c r="CL22" s="329">
        <v>6541682</v>
      </c>
      <c r="CM22" s="325">
        <v>0</v>
      </c>
      <c r="CN22" s="326">
        <v>0</v>
      </c>
      <c r="CO22" s="327">
        <v>0</v>
      </c>
      <c r="CP22" s="331">
        <v>0</v>
      </c>
      <c r="CQ22" s="326">
        <v>670423</v>
      </c>
      <c r="CR22" s="326">
        <v>1265453</v>
      </c>
      <c r="CS22" s="326">
        <v>1153314</v>
      </c>
      <c r="CT22" s="326">
        <v>1047746</v>
      </c>
      <c r="CU22" s="326">
        <v>330160</v>
      </c>
      <c r="CV22" s="327">
        <v>4467096</v>
      </c>
      <c r="CW22" s="329">
        <v>4467096</v>
      </c>
      <c r="CX22" s="325">
        <v>112410</v>
      </c>
      <c r="CY22" s="326">
        <v>138378</v>
      </c>
      <c r="CZ22" s="327">
        <v>250788</v>
      </c>
      <c r="DA22" s="325">
        <v>0</v>
      </c>
      <c r="DB22" s="326">
        <v>124905</v>
      </c>
      <c r="DC22" s="326">
        <v>881729</v>
      </c>
      <c r="DD22" s="326">
        <v>382429</v>
      </c>
      <c r="DE22" s="326">
        <v>365091</v>
      </c>
      <c r="DF22" s="326">
        <v>69644</v>
      </c>
      <c r="DG22" s="327">
        <v>1823798</v>
      </c>
      <c r="DH22" s="329">
        <v>2074586</v>
      </c>
      <c r="DI22" s="325">
        <v>0</v>
      </c>
      <c r="DJ22" s="326">
        <v>14796</v>
      </c>
      <c r="DK22" s="330">
        <v>14796</v>
      </c>
      <c r="DL22" s="331">
        <v>0</v>
      </c>
      <c r="DM22" s="326">
        <v>56859</v>
      </c>
      <c r="DN22" s="326">
        <v>314881</v>
      </c>
      <c r="DO22" s="326">
        <v>140033</v>
      </c>
      <c r="DP22" s="326">
        <v>175720</v>
      </c>
      <c r="DQ22" s="326">
        <v>129538</v>
      </c>
      <c r="DR22" s="327">
        <v>817031</v>
      </c>
      <c r="DS22" s="329">
        <v>831827</v>
      </c>
      <c r="DT22" s="325">
        <v>0</v>
      </c>
      <c r="DU22" s="326">
        <v>14796</v>
      </c>
      <c r="DV22" s="327">
        <v>14796</v>
      </c>
      <c r="DW22" s="325">
        <v>0</v>
      </c>
      <c r="DX22" s="326">
        <v>18900</v>
      </c>
      <c r="DY22" s="326">
        <v>210292</v>
      </c>
      <c r="DZ22" s="326">
        <v>140033</v>
      </c>
      <c r="EA22" s="326">
        <v>175720</v>
      </c>
      <c r="EB22" s="326">
        <v>129538</v>
      </c>
      <c r="EC22" s="327">
        <v>674483</v>
      </c>
      <c r="ED22" s="329">
        <v>689279</v>
      </c>
      <c r="EE22" s="325">
        <v>0</v>
      </c>
      <c r="EF22" s="330">
        <v>0</v>
      </c>
      <c r="EG22" s="327">
        <v>0</v>
      </c>
      <c r="EH22" s="325">
        <v>0</v>
      </c>
      <c r="EI22" s="326">
        <v>37959</v>
      </c>
      <c r="EJ22" s="326">
        <v>104589</v>
      </c>
      <c r="EK22" s="326">
        <v>0</v>
      </c>
      <c r="EL22" s="326">
        <v>0</v>
      </c>
      <c r="EM22" s="326">
        <v>0</v>
      </c>
      <c r="EN22" s="330">
        <v>142548</v>
      </c>
      <c r="EO22" s="329">
        <v>142548</v>
      </c>
      <c r="EP22" s="325">
        <v>0</v>
      </c>
      <c r="EQ22" s="326">
        <v>0</v>
      </c>
      <c r="ER22" s="330">
        <v>0</v>
      </c>
      <c r="ES22" s="331">
        <v>0</v>
      </c>
      <c r="ET22" s="326">
        <v>0</v>
      </c>
      <c r="EU22" s="326">
        <v>0</v>
      </c>
      <c r="EV22" s="326">
        <v>0</v>
      </c>
      <c r="EW22" s="326">
        <v>0</v>
      </c>
      <c r="EX22" s="326">
        <v>0</v>
      </c>
      <c r="EY22" s="327">
        <v>0</v>
      </c>
      <c r="EZ22" s="329">
        <v>0</v>
      </c>
      <c r="FA22" s="325">
        <v>0</v>
      </c>
      <c r="FB22" s="326">
        <v>0</v>
      </c>
      <c r="FC22" s="330">
        <v>0</v>
      </c>
      <c r="FD22" s="403">
        <v>0</v>
      </c>
      <c r="FE22" s="326">
        <v>0</v>
      </c>
      <c r="FF22" s="326">
        <v>0</v>
      </c>
      <c r="FG22" s="326">
        <v>0</v>
      </c>
      <c r="FH22" s="326">
        <v>0</v>
      </c>
      <c r="FI22" s="326">
        <v>0</v>
      </c>
      <c r="FJ22" s="327">
        <v>0</v>
      </c>
      <c r="FK22" s="329">
        <v>0</v>
      </c>
      <c r="FL22" s="325">
        <v>41986</v>
      </c>
      <c r="FM22" s="326">
        <v>310296</v>
      </c>
      <c r="FN22" s="327">
        <v>352282</v>
      </c>
      <c r="FO22" s="325">
        <v>0</v>
      </c>
      <c r="FP22" s="326">
        <v>142352</v>
      </c>
      <c r="FQ22" s="326">
        <v>593131</v>
      </c>
      <c r="FR22" s="326">
        <v>647461</v>
      </c>
      <c r="FS22" s="326">
        <v>474362</v>
      </c>
      <c r="FT22" s="326">
        <v>294140</v>
      </c>
      <c r="FU22" s="327">
        <v>2151446</v>
      </c>
      <c r="FV22" s="329">
        <v>2503728</v>
      </c>
      <c r="FW22" s="332">
        <v>41986</v>
      </c>
      <c r="FX22" s="326">
        <v>128296</v>
      </c>
      <c r="FY22" s="330">
        <v>170282</v>
      </c>
      <c r="FZ22" s="331">
        <v>0</v>
      </c>
      <c r="GA22" s="326">
        <v>122640</v>
      </c>
      <c r="GB22" s="326">
        <v>551887</v>
      </c>
      <c r="GC22" s="326">
        <v>625632</v>
      </c>
      <c r="GD22" s="326">
        <v>441532</v>
      </c>
      <c r="GE22" s="326">
        <v>294140</v>
      </c>
      <c r="GF22" s="327">
        <v>2035831</v>
      </c>
      <c r="GG22" s="333">
        <v>2206113</v>
      </c>
      <c r="GH22" s="332">
        <v>0</v>
      </c>
      <c r="GI22" s="326">
        <v>0</v>
      </c>
      <c r="GJ22" s="330">
        <v>0</v>
      </c>
      <c r="GK22" s="331">
        <v>0</v>
      </c>
      <c r="GL22" s="326">
        <v>19712</v>
      </c>
      <c r="GM22" s="326">
        <v>41244</v>
      </c>
      <c r="GN22" s="326">
        <v>21829</v>
      </c>
      <c r="GO22" s="326">
        <v>32830</v>
      </c>
      <c r="GP22" s="326">
        <v>0</v>
      </c>
      <c r="GQ22" s="327">
        <v>115615</v>
      </c>
      <c r="GR22" s="329">
        <v>115615</v>
      </c>
      <c r="GS22" s="325">
        <v>0</v>
      </c>
      <c r="GT22" s="326">
        <v>182000</v>
      </c>
      <c r="GU22" s="327">
        <v>182000</v>
      </c>
      <c r="GV22" s="325">
        <v>0</v>
      </c>
      <c r="GW22" s="326">
        <v>0</v>
      </c>
      <c r="GX22" s="326">
        <v>0</v>
      </c>
      <c r="GY22" s="326">
        <v>0</v>
      </c>
      <c r="GZ22" s="326">
        <v>0</v>
      </c>
      <c r="HA22" s="326">
        <v>0</v>
      </c>
      <c r="HB22" s="330">
        <v>0</v>
      </c>
      <c r="HC22" s="329">
        <v>182000</v>
      </c>
      <c r="HD22" s="325">
        <v>298724</v>
      </c>
      <c r="HE22" s="326">
        <v>497789</v>
      </c>
      <c r="HF22" s="330">
        <v>796513</v>
      </c>
      <c r="HG22" s="331">
        <v>0</v>
      </c>
      <c r="HH22" s="326">
        <v>1638665</v>
      </c>
      <c r="HI22" s="326">
        <v>1757700</v>
      </c>
      <c r="HJ22" s="326">
        <v>1163278</v>
      </c>
      <c r="HK22" s="326">
        <v>1803950</v>
      </c>
      <c r="HL22" s="326">
        <v>1430154</v>
      </c>
      <c r="HM22" s="327">
        <v>7793747</v>
      </c>
      <c r="HN22" s="328">
        <v>8590260</v>
      </c>
      <c r="HO22" s="332">
        <v>0</v>
      </c>
      <c r="HP22" s="326">
        <v>0</v>
      </c>
      <c r="HQ22" s="327">
        <v>0</v>
      </c>
      <c r="HR22" s="325">
        <v>0</v>
      </c>
      <c r="HS22" s="326">
        <v>0</v>
      </c>
      <c r="HT22" s="326">
        <v>0</v>
      </c>
      <c r="HU22" s="326">
        <v>0</v>
      </c>
      <c r="HV22" s="326">
        <v>0</v>
      </c>
      <c r="HW22" s="326">
        <v>0</v>
      </c>
      <c r="HX22" s="330">
        <v>0</v>
      </c>
      <c r="HY22" s="329">
        <v>0</v>
      </c>
      <c r="HZ22" s="357">
        <v>0</v>
      </c>
      <c r="IA22" s="355">
        <v>0</v>
      </c>
      <c r="IB22" s="357">
        <v>0</v>
      </c>
      <c r="IC22" s="354">
        <v>0</v>
      </c>
      <c r="ID22" s="355">
        <v>1051361</v>
      </c>
      <c r="IE22" s="356">
        <v>1593034</v>
      </c>
      <c r="IF22" s="357">
        <v>1351596</v>
      </c>
      <c r="IG22" s="355">
        <v>1495225</v>
      </c>
      <c r="IH22" s="357">
        <v>1321225</v>
      </c>
      <c r="II22" s="358">
        <v>6812441</v>
      </c>
      <c r="IJ22" s="357">
        <v>6812441</v>
      </c>
      <c r="IK22" s="341">
        <v>0</v>
      </c>
      <c r="IL22" s="342">
        <v>0</v>
      </c>
      <c r="IM22" s="343">
        <v>0</v>
      </c>
      <c r="IN22" s="403">
        <v>0</v>
      </c>
      <c r="IO22" s="344">
        <v>0</v>
      </c>
      <c r="IP22" s="344">
        <v>0</v>
      </c>
      <c r="IQ22" s="344">
        <v>0</v>
      </c>
      <c r="IR22" s="344">
        <v>0</v>
      </c>
      <c r="IS22" s="344">
        <v>0</v>
      </c>
      <c r="IT22" s="345">
        <v>0</v>
      </c>
      <c r="IU22" s="346">
        <v>0</v>
      </c>
      <c r="IV22" s="347">
        <v>0</v>
      </c>
      <c r="IW22" s="344">
        <v>0</v>
      </c>
      <c r="IX22" s="348">
        <v>0</v>
      </c>
      <c r="IY22" s="403">
        <v>0</v>
      </c>
      <c r="IZ22" s="344">
        <v>0</v>
      </c>
      <c r="JA22" s="344">
        <v>0</v>
      </c>
      <c r="JB22" s="344">
        <v>0</v>
      </c>
      <c r="JC22" s="344">
        <v>0</v>
      </c>
      <c r="JD22" s="344">
        <v>0</v>
      </c>
      <c r="JE22" s="348">
        <v>0</v>
      </c>
      <c r="JF22" s="349">
        <v>0</v>
      </c>
      <c r="JG22" s="347">
        <v>0</v>
      </c>
      <c r="JH22" s="344">
        <v>0</v>
      </c>
      <c r="JI22" s="345">
        <v>0</v>
      </c>
      <c r="JJ22" s="350">
        <v>0</v>
      </c>
      <c r="JK22" s="344">
        <v>725242</v>
      </c>
      <c r="JL22" s="344">
        <v>553283</v>
      </c>
      <c r="JM22" s="344">
        <v>455748</v>
      </c>
      <c r="JN22" s="344">
        <v>126184</v>
      </c>
      <c r="JO22" s="344">
        <v>75048</v>
      </c>
      <c r="JP22" s="348">
        <v>1935505</v>
      </c>
      <c r="JQ22" s="346">
        <v>1935505</v>
      </c>
      <c r="JR22" s="347">
        <v>0</v>
      </c>
      <c r="JS22" s="344">
        <v>0</v>
      </c>
      <c r="JT22" s="345">
        <v>0</v>
      </c>
      <c r="JU22" s="350">
        <v>0</v>
      </c>
      <c r="JV22" s="344">
        <v>0</v>
      </c>
      <c r="JW22" s="344">
        <v>0</v>
      </c>
      <c r="JX22" s="344">
        <v>0</v>
      </c>
      <c r="JY22" s="344">
        <v>0</v>
      </c>
      <c r="JZ22" s="344">
        <v>0</v>
      </c>
      <c r="KA22" s="348">
        <v>0</v>
      </c>
      <c r="KB22" s="346">
        <v>0</v>
      </c>
      <c r="KC22" s="351">
        <v>0</v>
      </c>
      <c r="KD22" s="352">
        <v>0</v>
      </c>
      <c r="KE22" s="348">
        <v>0</v>
      </c>
      <c r="KF22" s="350">
        <v>0</v>
      </c>
      <c r="KG22" s="344">
        <v>116459</v>
      </c>
      <c r="KH22" s="344">
        <v>162111</v>
      </c>
      <c r="KI22" s="344">
        <v>0</v>
      </c>
      <c r="KJ22" s="344">
        <v>0</v>
      </c>
      <c r="KK22" s="344">
        <v>0</v>
      </c>
      <c r="KL22" s="348">
        <v>278570</v>
      </c>
      <c r="KM22" s="353">
        <v>278570</v>
      </c>
      <c r="KN22" s="341">
        <v>0</v>
      </c>
      <c r="KO22" s="342">
        <v>0</v>
      </c>
      <c r="KP22" s="343">
        <v>0</v>
      </c>
      <c r="KQ22" s="403">
        <v>0</v>
      </c>
      <c r="KR22" s="344">
        <v>209660</v>
      </c>
      <c r="KS22" s="344">
        <v>877640</v>
      </c>
      <c r="KT22" s="344">
        <v>680153</v>
      </c>
      <c r="KU22" s="344">
        <v>229160</v>
      </c>
      <c r="KV22" s="344">
        <v>743693</v>
      </c>
      <c r="KW22" s="348">
        <v>2740306</v>
      </c>
      <c r="KX22" s="346">
        <v>2740306</v>
      </c>
      <c r="KY22" s="347">
        <v>0</v>
      </c>
      <c r="KZ22" s="344">
        <v>0</v>
      </c>
      <c r="LA22" s="348">
        <v>0</v>
      </c>
      <c r="LB22" s="403">
        <v>0</v>
      </c>
      <c r="LC22" s="344">
        <v>0</v>
      </c>
      <c r="LD22" s="344">
        <v>0</v>
      </c>
      <c r="LE22" s="344">
        <v>0</v>
      </c>
      <c r="LF22" s="344">
        <v>0</v>
      </c>
      <c r="LG22" s="344">
        <v>0</v>
      </c>
      <c r="LH22" s="348">
        <v>0</v>
      </c>
      <c r="LI22" s="349">
        <v>0</v>
      </c>
      <c r="LJ22" s="347">
        <v>0</v>
      </c>
      <c r="LK22" s="344">
        <v>0</v>
      </c>
      <c r="LL22" s="348">
        <v>0</v>
      </c>
      <c r="LM22" s="403">
        <v>0</v>
      </c>
      <c r="LN22" s="344">
        <v>0</v>
      </c>
      <c r="LO22" s="344">
        <v>0</v>
      </c>
      <c r="LP22" s="344">
        <v>215695</v>
      </c>
      <c r="LQ22" s="344">
        <v>934908</v>
      </c>
      <c r="LR22" s="344">
        <v>502484</v>
      </c>
      <c r="LS22" s="348">
        <v>1653087</v>
      </c>
      <c r="LT22" s="346">
        <v>1653087</v>
      </c>
      <c r="LU22" s="347">
        <v>0</v>
      </c>
      <c r="LV22" s="344">
        <v>0</v>
      </c>
      <c r="LW22" s="348">
        <v>0</v>
      </c>
      <c r="LX22" s="403">
        <v>0</v>
      </c>
      <c r="LY22" s="344">
        <v>0</v>
      </c>
      <c r="LZ22" s="344">
        <v>0</v>
      </c>
      <c r="MA22" s="344">
        <v>0</v>
      </c>
      <c r="MB22" s="344">
        <v>204973</v>
      </c>
      <c r="MC22" s="344">
        <v>0</v>
      </c>
      <c r="MD22" s="348">
        <v>204973</v>
      </c>
      <c r="ME22" s="349">
        <v>204973</v>
      </c>
      <c r="MF22" s="347">
        <v>0</v>
      </c>
      <c r="MG22" s="344">
        <v>0</v>
      </c>
      <c r="MH22" s="348">
        <v>0</v>
      </c>
      <c r="MI22" s="403">
        <v>0</v>
      </c>
      <c r="MJ22" s="344">
        <v>195657</v>
      </c>
      <c r="MK22" s="344">
        <v>1338004</v>
      </c>
      <c r="ML22" s="344">
        <v>3297262</v>
      </c>
      <c r="MM22" s="344">
        <v>2302359</v>
      </c>
      <c r="MN22" s="344">
        <v>3915919</v>
      </c>
      <c r="MO22" s="348">
        <v>11049201</v>
      </c>
      <c r="MP22" s="353">
        <v>11049201</v>
      </c>
      <c r="MQ22" s="347">
        <v>0</v>
      </c>
      <c r="MR22" s="344">
        <v>0</v>
      </c>
      <c r="MS22" s="348">
        <v>0</v>
      </c>
      <c r="MT22" s="403">
        <v>0</v>
      </c>
      <c r="MU22" s="344">
        <v>0</v>
      </c>
      <c r="MV22" s="344">
        <v>212478</v>
      </c>
      <c r="MW22" s="344">
        <v>1087719</v>
      </c>
      <c r="MX22" s="344">
        <v>785205</v>
      </c>
      <c r="MY22" s="344">
        <v>1968348</v>
      </c>
      <c r="MZ22" s="348">
        <v>4053750</v>
      </c>
      <c r="NA22" s="353">
        <v>4053750</v>
      </c>
      <c r="NB22" s="347">
        <v>0</v>
      </c>
      <c r="NC22" s="344">
        <v>0</v>
      </c>
      <c r="ND22" s="348">
        <v>0</v>
      </c>
      <c r="NE22" s="403">
        <v>0</v>
      </c>
      <c r="NF22" s="344">
        <v>195657</v>
      </c>
      <c r="NG22" s="344">
        <v>1125526</v>
      </c>
      <c r="NH22" s="344">
        <v>2209543</v>
      </c>
      <c r="NI22" s="344">
        <v>1517154</v>
      </c>
      <c r="NJ22" s="344">
        <v>1598915</v>
      </c>
      <c r="NK22" s="348">
        <v>6646795</v>
      </c>
      <c r="NL22" s="346">
        <v>6646795</v>
      </c>
      <c r="NM22" s="347">
        <v>0</v>
      </c>
      <c r="NN22" s="344">
        <v>0</v>
      </c>
      <c r="NO22" s="348">
        <v>0</v>
      </c>
      <c r="NP22" s="403">
        <v>0</v>
      </c>
      <c r="NQ22" s="344">
        <v>0</v>
      </c>
      <c r="NR22" s="344">
        <v>0</v>
      </c>
      <c r="NS22" s="344">
        <v>0</v>
      </c>
      <c r="NT22" s="344">
        <v>0</v>
      </c>
      <c r="NU22" s="344">
        <v>0</v>
      </c>
      <c r="NV22" s="348">
        <v>0</v>
      </c>
      <c r="NW22" s="349">
        <v>0</v>
      </c>
      <c r="NX22" s="347">
        <v>0</v>
      </c>
      <c r="NY22" s="344">
        <v>0</v>
      </c>
      <c r="NZ22" s="348">
        <v>0</v>
      </c>
      <c r="OA22" s="403">
        <v>0</v>
      </c>
      <c r="OB22" s="344">
        <v>0</v>
      </c>
      <c r="OC22" s="344">
        <v>0</v>
      </c>
      <c r="OD22" s="344">
        <v>0</v>
      </c>
      <c r="OE22" s="344">
        <v>0</v>
      </c>
      <c r="OF22" s="344">
        <v>348656</v>
      </c>
      <c r="OG22" s="348">
        <v>348656</v>
      </c>
      <c r="OH22" s="349">
        <v>348656</v>
      </c>
      <c r="OI22" s="347">
        <v>591161</v>
      </c>
      <c r="OJ22" s="344">
        <v>1175099</v>
      </c>
      <c r="OK22" s="345">
        <v>1766260</v>
      </c>
      <c r="OL22" s="350">
        <v>0</v>
      </c>
      <c r="OM22" s="344">
        <v>4820303</v>
      </c>
      <c r="ON22" s="344">
        <v>9767420</v>
      </c>
      <c r="OO22" s="344">
        <v>10903700</v>
      </c>
      <c r="OP22" s="344">
        <v>9041117</v>
      </c>
      <c r="OQ22" s="344">
        <v>9390625</v>
      </c>
      <c r="OR22" s="348">
        <v>43923165</v>
      </c>
      <c r="OS22" s="353">
        <v>45689425</v>
      </c>
    </row>
    <row r="23" spans="2:409" s="70" customFormat="1" ht="21" customHeight="1" x14ac:dyDescent="0.2">
      <c r="B23" s="409" t="s">
        <v>18</v>
      </c>
      <c r="C23" s="325">
        <v>459909</v>
      </c>
      <c r="D23" s="326">
        <v>731444</v>
      </c>
      <c r="E23" s="327">
        <v>1191353</v>
      </c>
      <c r="F23" s="328">
        <v>0</v>
      </c>
      <c r="G23" s="326">
        <v>5959456</v>
      </c>
      <c r="H23" s="326">
        <v>8190618</v>
      </c>
      <c r="I23" s="326">
        <v>7260590</v>
      </c>
      <c r="J23" s="326">
        <v>8765729</v>
      </c>
      <c r="K23" s="326">
        <v>6233464</v>
      </c>
      <c r="L23" s="328">
        <v>36409857</v>
      </c>
      <c r="M23" s="329">
        <v>37601210</v>
      </c>
      <c r="N23" s="325">
        <v>147416</v>
      </c>
      <c r="O23" s="326">
        <v>203397</v>
      </c>
      <c r="P23" s="327">
        <v>350813</v>
      </c>
      <c r="Q23" s="325">
        <v>0</v>
      </c>
      <c r="R23" s="326">
        <v>1766857</v>
      </c>
      <c r="S23" s="326">
        <v>2384878</v>
      </c>
      <c r="T23" s="326">
        <v>3101703</v>
      </c>
      <c r="U23" s="326">
        <v>3464039</v>
      </c>
      <c r="V23" s="326">
        <v>1359090</v>
      </c>
      <c r="W23" s="327">
        <v>12076567</v>
      </c>
      <c r="X23" s="329">
        <v>12427380</v>
      </c>
      <c r="Y23" s="325">
        <v>0</v>
      </c>
      <c r="Z23" s="326">
        <v>0</v>
      </c>
      <c r="AA23" s="327">
        <v>0</v>
      </c>
      <c r="AB23" s="325">
        <v>0</v>
      </c>
      <c r="AC23" s="326">
        <v>671148</v>
      </c>
      <c r="AD23" s="326">
        <v>830417</v>
      </c>
      <c r="AE23" s="326">
        <v>1625851</v>
      </c>
      <c r="AF23" s="326">
        <v>1931543</v>
      </c>
      <c r="AG23" s="326">
        <v>576066</v>
      </c>
      <c r="AH23" s="327">
        <v>5635025</v>
      </c>
      <c r="AI23" s="329">
        <v>5635025</v>
      </c>
      <c r="AJ23" s="325">
        <v>0</v>
      </c>
      <c r="AK23" s="326">
        <v>0</v>
      </c>
      <c r="AL23" s="327">
        <v>0</v>
      </c>
      <c r="AM23" s="325">
        <v>0</v>
      </c>
      <c r="AN23" s="326">
        <v>0</v>
      </c>
      <c r="AO23" s="326">
        <v>0</v>
      </c>
      <c r="AP23" s="326">
        <v>92394</v>
      </c>
      <c r="AQ23" s="326">
        <v>208420</v>
      </c>
      <c r="AR23" s="326">
        <v>123787</v>
      </c>
      <c r="AS23" s="327">
        <v>424601</v>
      </c>
      <c r="AT23" s="329">
        <v>424601</v>
      </c>
      <c r="AU23" s="325">
        <v>82101</v>
      </c>
      <c r="AV23" s="326">
        <v>119535</v>
      </c>
      <c r="AW23" s="327">
        <v>201636</v>
      </c>
      <c r="AX23" s="325">
        <v>0</v>
      </c>
      <c r="AY23" s="326">
        <v>740427</v>
      </c>
      <c r="AZ23" s="326">
        <v>1085109</v>
      </c>
      <c r="BA23" s="326">
        <v>811128</v>
      </c>
      <c r="BB23" s="326">
        <v>756956</v>
      </c>
      <c r="BC23" s="326">
        <v>257066</v>
      </c>
      <c r="BD23" s="327">
        <v>3650686</v>
      </c>
      <c r="BE23" s="329">
        <v>3852322</v>
      </c>
      <c r="BF23" s="325">
        <v>28180</v>
      </c>
      <c r="BG23" s="326">
        <v>19378</v>
      </c>
      <c r="BH23" s="330">
        <v>47558</v>
      </c>
      <c r="BI23" s="331">
        <v>0</v>
      </c>
      <c r="BJ23" s="326">
        <v>21179</v>
      </c>
      <c r="BK23" s="326">
        <v>43682</v>
      </c>
      <c r="BL23" s="326">
        <v>94608</v>
      </c>
      <c r="BM23" s="326">
        <v>60047</v>
      </c>
      <c r="BN23" s="326">
        <v>38556</v>
      </c>
      <c r="BO23" s="327">
        <v>258072</v>
      </c>
      <c r="BP23" s="329">
        <v>305630</v>
      </c>
      <c r="BQ23" s="325">
        <v>37135</v>
      </c>
      <c r="BR23" s="326">
        <v>64484</v>
      </c>
      <c r="BS23" s="327">
        <v>101619</v>
      </c>
      <c r="BT23" s="325">
        <v>0</v>
      </c>
      <c r="BU23" s="326">
        <v>334103</v>
      </c>
      <c r="BV23" s="326">
        <v>425670</v>
      </c>
      <c r="BW23" s="326">
        <v>477722</v>
      </c>
      <c r="BX23" s="326">
        <v>507073</v>
      </c>
      <c r="BY23" s="326">
        <v>363615</v>
      </c>
      <c r="BZ23" s="327">
        <v>2108183</v>
      </c>
      <c r="CA23" s="329">
        <v>2209802</v>
      </c>
      <c r="CB23" s="325">
        <v>131076</v>
      </c>
      <c r="CC23" s="326">
        <v>201426</v>
      </c>
      <c r="CD23" s="327">
        <v>332502</v>
      </c>
      <c r="CE23" s="325">
        <v>0</v>
      </c>
      <c r="CF23" s="326">
        <v>1981108</v>
      </c>
      <c r="CG23" s="326">
        <v>2474030</v>
      </c>
      <c r="CH23" s="326">
        <v>1201903</v>
      </c>
      <c r="CI23" s="326">
        <v>1347733</v>
      </c>
      <c r="CJ23" s="326">
        <v>719355</v>
      </c>
      <c r="CK23" s="327">
        <v>7724129</v>
      </c>
      <c r="CL23" s="329">
        <v>8056631</v>
      </c>
      <c r="CM23" s="325">
        <v>0</v>
      </c>
      <c r="CN23" s="326">
        <v>0</v>
      </c>
      <c r="CO23" s="327">
        <v>0</v>
      </c>
      <c r="CP23" s="331">
        <v>0</v>
      </c>
      <c r="CQ23" s="326">
        <v>1556032</v>
      </c>
      <c r="CR23" s="326">
        <v>1839792</v>
      </c>
      <c r="CS23" s="326">
        <v>782756</v>
      </c>
      <c r="CT23" s="326">
        <v>1022831</v>
      </c>
      <c r="CU23" s="326">
        <v>654500</v>
      </c>
      <c r="CV23" s="327">
        <v>5855911</v>
      </c>
      <c r="CW23" s="329">
        <v>5855911</v>
      </c>
      <c r="CX23" s="325">
        <v>131076</v>
      </c>
      <c r="CY23" s="326">
        <v>201426</v>
      </c>
      <c r="CZ23" s="327">
        <v>332502</v>
      </c>
      <c r="DA23" s="325">
        <v>0</v>
      </c>
      <c r="DB23" s="326">
        <v>425076</v>
      </c>
      <c r="DC23" s="326">
        <v>634238</v>
      </c>
      <c r="DD23" s="326">
        <v>419147</v>
      </c>
      <c r="DE23" s="326">
        <v>324902</v>
      </c>
      <c r="DF23" s="326">
        <v>64855</v>
      </c>
      <c r="DG23" s="327">
        <v>1868218</v>
      </c>
      <c r="DH23" s="329">
        <v>2200720</v>
      </c>
      <c r="DI23" s="325">
        <v>0</v>
      </c>
      <c r="DJ23" s="326">
        <v>31223</v>
      </c>
      <c r="DK23" s="330">
        <v>31223</v>
      </c>
      <c r="DL23" s="331">
        <v>0</v>
      </c>
      <c r="DM23" s="326">
        <v>182232</v>
      </c>
      <c r="DN23" s="326">
        <v>603445</v>
      </c>
      <c r="DO23" s="326">
        <v>791370</v>
      </c>
      <c r="DP23" s="326">
        <v>761098</v>
      </c>
      <c r="DQ23" s="326">
        <v>856027</v>
      </c>
      <c r="DR23" s="327">
        <v>3194172</v>
      </c>
      <c r="DS23" s="329">
        <v>3225395</v>
      </c>
      <c r="DT23" s="325">
        <v>0</v>
      </c>
      <c r="DU23" s="326">
        <v>31223</v>
      </c>
      <c r="DV23" s="327">
        <v>31223</v>
      </c>
      <c r="DW23" s="325">
        <v>0</v>
      </c>
      <c r="DX23" s="326">
        <v>182232</v>
      </c>
      <c r="DY23" s="326">
        <v>548570</v>
      </c>
      <c r="DZ23" s="326">
        <v>791370</v>
      </c>
      <c r="EA23" s="326">
        <v>761098</v>
      </c>
      <c r="EB23" s="326">
        <v>856027</v>
      </c>
      <c r="EC23" s="327">
        <v>3139297</v>
      </c>
      <c r="ED23" s="329">
        <v>3170520</v>
      </c>
      <c r="EE23" s="325">
        <v>0</v>
      </c>
      <c r="EF23" s="330">
        <v>0</v>
      </c>
      <c r="EG23" s="327">
        <v>0</v>
      </c>
      <c r="EH23" s="325">
        <v>0</v>
      </c>
      <c r="EI23" s="326">
        <v>0</v>
      </c>
      <c r="EJ23" s="326">
        <v>54875</v>
      </c>
      <c r="EK23" s="326">
        <v>0</v>
      </c>
      <c r="EL23" s="326">
        <v>0</v>
      </c>
      <c r="EM23" s="326">
        <v>0</v>
      </c>
      <c r="EN23" s="330">
        <v>54875</v>
      </c>
      <c r="EO23" s="329">
        <v>54875</v>
      </c>
      <c r="EP23" s="325">
        <v>0</v>
      </c>
      <c r="EQ23" s="326">
        <v>0</v>
      </c>
      <c r="ER23" s="330">
        <v>0</v>
      </c>
      <c r="ES23" s="331">
        <v>0</v>
      </c>
      <c r="ET23" s="326">
        <v>0</v>
      </c>
      <c r="EU23" s="326">
        <v>0</v>
      </c>
      <c r="EV23" s="326">
        <v>0</v>
      </c>
      <c r="EW23" s="326">
        <v>0</v>
      </c>
      <c r="EX23" s="326">
        <v>0</v>
      </c>
      <c r="EY23" s="327">
        <v>0</v>
      </c>
      <c r="EZ23" s="329">
        <v>0</v>
      </c>
      <c r="FA23" s="325">
        <v>0</v>
      </c>
      <c r="FB23" s="326">
        <v>0</v>
      </c>
      <c r="FC23" s="330">
        <v>0</v>
      </c>
      <c r="FD23" s="403">
        <v>0</v>
      </c>
      <c r="FE23" s="326">
        <v>0</v>
      </c>
      <c r="FF23" s="326">
        <v>0</v>
      </c>
      <c r="FG23" s="326">
        <v>0</v>
      </c>
      <c r="FH23" s="326">
        <v>0</v>
      </c>
      <c r="FI23" s="326">
        <v>0</v>
      </c>
      <c r="FJ23" s="327">
        <v>0</v>
      </c>
      <c r="FK23" s="329">
        <v>0</v>
      </c>
      <c r="FL23" s="325">
        <v>34034</v>
      </c>
      <c r="FM23" s="326">
        <v>133518</v>
      </c>
      <c r="FN23" s="327">
        <v>167552</v>
      </c>
      <c r="FO23" s="325">
        <v>0</v>
      </c>
      <c r="FP23" s="326">
        <v>519162</v>
      </c>
      <c r="FQ23" s="326">
        <v>797097</v>
      </c>
      <c r="FR23" s="326">
        <v>695884</v>
      </c>
      <c r="FS23" s="326">
        <v>499632</v>
      </c>
      <c r="FT23" s="326">
        <v>245147</v>
      </c>
      <c r="FU23" s="327">
        <v>2756922</v>
      </c>
      <c r="FV23" s="329">
        <v>2924474</v>
      </c>
      <c r="FW23" s="332">
        <v>34034</v>
      </c>
      <c r="FX23" s="326">
        <v>133518</v>
      </c>
      <c r="FY23" s="330">
        <v>167552</v>
      </c>
      <c r="FZ23" s="331">
        <v>0</v>
      </c>
      <c r="GA23" s="326">
        <v>317212</v>
      </c>
      <c r="GB23" s="326">
        <v>708617</v>
      </c>
      <c r="GC23" s="326">
        <v>676480</v>
      </c>
      <c r="GD23" s="326">
        <v>487032</v>
      </c>
      <c r="GE23" s="326">
        <v>245147</v>
      </c>
      <c r="GF23" s="327">
        <v>2434488</v>
      </c>
      <c r="GG23" s="333">
        <v>2602040</v>
      </c>
      <c r="GH23" s="332">
        <v>0</v>
      </c>
      <c r="GI23" s="326">
        <v>0</v>
      </c>
      <c r="GJ23" s="330">
        <v>0</v>
      </c>
      <c r="GK23" s="331">
        <v>0</v>
      </c>
      <c r="GL23" s="326">
        <v>61950</v>
      </c>
      <c r="GM23" s="326">
        <v>0</v>
      </c>
      <c r="GN23" s="326">
        <v>19404</v>
      </c>
      <c r="GO23" s="326">
        <v>12600</v>
      </c>
      <c r="GP23" s="326">
        <v>0</v>
      </c>
      <c r="GQ23" s="327">
        <v>93954</v>
      </c>
      <c r="GR23" s="329">
        <v>93954</v>
      </c>
      <c r="GS23" s="325">
        <v>0</v>
      </c>
      <c r="GT23" s="326">
        <v>0</v>
      </c>
      <c r="GU23" s="327">
        <v>0</v>
      </c>
      <c r="GV23" s="325">
        <v>0</v>
      </c>
      <c r="GW23" s="326">
        <v>140000</v>
      </c>
      <c r="GX23" s="326">
        <v>88480</v>
      </c>
      <c r="GY23" s="326">
        <v>0</v>
      </c>
      <c r="GZ23" s="326">
        <v>0</v>
      </c>
      <c r="HA23" s="326">
        <v>0</v>
      </c>
      <c r="HB23" s="330">
        <v>228480</v>
      </c>
      <c r="HC23" s="329">
        <v>228480</v>
      </c>
      <c r="HD23" s="325">
        <v>147383</v>
      </c>
      <c r="HE23" s="326">
        <v>161880</v>
      </c>
      <c r="HF23" s="330">
        <v>309263</v>
      </c>
      <c r="HG23" s="331">
        <v>0</v>
      </c>
      <c r="HH23" s="326">
        <v>1510097</v>
      </c>
      <c r="HI23" s="326">
        <v>1931168</v>
      </c>
      <c r="HJ23" s="326">
        <v>1469730</v>
      </c>
      <c r="HK23" s="326">
        <v>2693227</v>
      </c>
      <c r="HL23" s="326">
        <v>3053845</v>
      </c>
      <c r="HM23" s="327">
        <v>10658067</v>
      </c>
      <c r="HN23" s="328">
        <v>10967330</v>
      </c>
      <c r="HO23" s="332">
        <v>0</v>
      </c>
      <c r="HP23" s="326">
        <v>0</v>
      </c>
      <c r="HQ23" s="327">
        <v>0</v>
      </c>
      <c r="HR23" s="325">
        <v>0</v>
      </c>
      <c r="HS23" s="326">
        <v>0</v>
      </c>
      <c r="HT23" s="326">
        <v>0</v>
      </c>
      <c r="HU23" s="326">
        <v>0</v>
      </c>
      <c r="HV23" s="326">
        <v>0</v>
      </c>
      <c r="HW23" s="326">
        <v>0</v>
      </c>
      <c r="HX23" s="330">
        <v>0</v>
      </c>
      <c r="HY23" s="329">
        <v>0</v>
      </c>
      <c r="HZ23" s="334">
        <v>0</v>
      </c>
      <c r="IA23" s="335">
        <v>40299</v>
      </c>
      <c r="IB23" s="336">
        <v>40299</v>
      </c>
      <c r="IC23" s="337">
        <v>0</v>
      </c>
      <c r="ID23" s="335">
        <v>1125764</v>
      </c>
      <c r="IE23" s="338">
        <v>1356290</v>
      </c>
      <c r="IF23" s="336">
        <v>1713610</v>
      </c>
      <c r="IG23" s="335">
        <v>849944</v>
      </c>
      <c r="IH23" s="336">
        <v>1428769</v>
      </c>
      <c r="II23" s="339">
        <v>6474377</v>
      </c>
      <c r="IJ23" s="340">
        <v>6514676</v>
      </c>
      <c r="IK23" s="341">
        <v>0</v>
      </c>
      <c r="IL23" s="342">
        <v>0</v>
      </c>
      <c r="IM23" s="343">
        <v>0</v>
      </c>
      <c r="IN23" s="403">
        <v>0</v>
      </c>
      <c r="IO23" s="344">
        <v>37270</v>
      </c>
      <c r="IP23" s="344">
        <v>0</v>
      </c>
      <c r="IQ23" s="344">
        <v>0</v>
      </c>
      <c r="IR23" s="344">
        <v>0</v>
      </c>
      <c r="IS23" s="344">
        <v>0</v>
      </c>
      <c r="IT23" s="345">
        <v>37270</v>
      </c>
      <c r="IU23" s="346">
        <v>37270</v>
      </c>
      <c r="IV23" s="347">
        <v>0</v>
      </c>
      <c r="IW23" s="344">
        <v>0</v>
      </c>
      <c r="IX23" s="348">
        <v>0</v>
      </c>
      <c r="IY23" s="403">
        <v>0</v>
      </c>
      <c r="IZ23" s="344">
        <v>0</v>
      </c>
      <c r="JA23" s="344">
        <v>0</v>
      </c>
      <c r="JB23" s="344">
        <v>0</v>
      </c>
      <c r="JC23" s="344">
        <v>0</v>
      </c>
      <c r="JD23" s="344">
        <v>0</v>
      </c>
      <c r="JE23" s="348">
        <v>0</v>
      </c>
      <c r="JF23" s="349">
        <v>0</v>
      </c>
      <c r="JG23" s="347">
        <v>0</v>
      </c>
      <c r="JH23" s="344">
        <v>0</v>
      </c>
      <c r="JI23" s="345">
        <v>0</v>
      </c>
      <c r="JJ23" s="350">
        <v>0</v>
      </c>
      <c r="JK23" s="344">
        <v>604072</v>
      </c>
      <c r="JL23" s="344">
        <v>303705</v>
      </c>
      <c r="JM23" s="344">
        <v>429162</v>
      </c>
      <c r="JN23" s="344">
        <v>201958</v>
      </c>
      <c r="JO23" s="344">
        <v>0</v>
      </c>
      <c r="JP23" s="348">
        <v>1538897</v>
      </c>
      <c r="JQ23" s="346">
        <v>1538897</v>
      </c>
      <c r="JR23" s="347">
        <v>0</v>
      </c>
      <c r="JS23" s="344">
        <v>0</v>
      </c>
      <c r="JT23" s="345">
        <v>0</v>
      </c>
      <c r="JU23" s="350">
        <v>0</v>
      </c>
      <c r="JV23" s="344">
        <v>0</v>
      </c>
      <c r="JW23" s="344">
        <v>0</v>
      </c>
      <c r="JX23" s="344">
        <v>0</v>
      </c>
      <c r="JY23" s="344">
        <v>398004</v>
      </c>
      <c r="JZ23" s="344">
        <v>0</v>
      </c>
      <c r="KA23" s="348">
        <v>398004</v>
      </c>
      <c r="KB23" s="346">
        <v>398004</v>
      </c>
      <c r="KC23" s="351">
        <v>0</v>
      </c>
      <c r="KD23" s="352">
        <v>40299</v>
      </c>
      <c r="KE23" s="348">
        <v>40299</v>
      </c>
      <c r="KF23" s="350">
        <v>0</v>
      </c>
      <c r="KG23" s="344">
        <v>117709</v>
      </c>
      <c r="KH23" s="344">
        <v>68273</v>
      </c>
      <c r="KI23" s="344">
        <v>0</v>
      </c>
      <c r="KJ23" s="344">
        <v>0</v>
      </c>
      <c r="KK23" s="344">
        <v>0</v>
      </c>
      <c r="KL23" s="348">
        <v>185982</v>
      </c>
      <c r="KM23" s="353">
        <v>226281</v>
      </c>
      <c r="KN23" s="341">
        <v>0</v>
      </c>
      <c r="KO23" s="342">
        <v>0</v>
      </c>
      <c r="KP23" s="343">
        <v>0</v>
      </c>
      <c r="KQ23" s="403">
        <v>0</v>
      </c>
      <c r="KR23" s="344">
        <v>366713</v>
      </c>
      <c r="KS23" s="344">
        <v>852033</v>
      </c>
      <c r="KT23" s="344">
        <v>781583</v>
      </c>
      <c r="KU23" s="344">
        <v>0</v>
      </c>
      <c r="KV23" s="344">
        <v>232257</v>
      </c>
      <c r="KW23" s="348">
        <v>2232586</v>
      </c>
      <c r="KX23" s="346">
        <v>2232586</v>
      </c>
      <c r="KY23" s="347">
        <v>0</v>
      </c>
      <c r="KZ23" s="344">
        <v>0</v>
      </c>
      <c r="LA23" s="348">
        <v>0</v>
      </c>
      <c r="LB23" s="403">
        <v>0</v>
      </c>
      <c r="LC23" s="344">
        <v>0</v>
      </c>
      <c r="LD23" s="344">
        <v>0</v>
      </c>
      <c r="LE23" s="344">
        <v>0</v>
      </c>
      <c r="LF23" s="344">
        <v>0</v>
      </c>
      <c r="LG23" s="344">
        <v>0</v>
      </c>
      <c r="LH23" s="348">
        <v>0</v>
      </c>
      <c r="LI23" s="349">
        <v>0</v>
      </c>
      <c r="LJ23" s="347">
        <v>0</v>
      </c>
      <c r="LK23" s="344">
        <v>0</v>
      </c>
      <c r="LL23" s="348">
        <v>0</v>
      </c>
      <c r="LM23" s="403">
        <v>0</v>
      </c>
      <c r="LN23" s="344">
        <v>0</v>
      </c>
      <c r="LO23" s="344">
        <v>0</v>
      </c>
      <c r="LP23" s="344">
        <v>0</v>
      </c>
      <c r="LQ23" s="344">
        <v>249982</v>
      </c>
      <c r="LR23" s="344">
        <v>267341</v>
      </c>
      <c r="LS23" s="348">
        <v>517323</v>
      </c>
      <c r="LT23" s="346">
        <v>517323</v>
      </c>
      <c r="LU23" s="347">
        <v>0</v>
      </c>
      <c r="LV23" s="344">
        <v>0</v>
      </c>
      <c r="LW23" s="348">
        <v>0</v>
      </c>
      <c r="LX23" s="403">
        <v>0</v>
      </c>
      <c r="LY23" s="344">
        <v>0</v>
      </c>
      <c r="LZ23" s="344">
        <v>132279</v>
      </c>
      <c r="MA23" s="344">
        <v>502865</v>
      </c>
      <c r="MB23" s="344">
        <v>0</v>
      </c>
      <c r="MC23" s="344">
        <v>929171</v>
      </c>
      <c r="MD23" s="348">
        <v>1564315</v>
      </c>
      <c r="ME23" s="349">
        <v>1564315</v>
      </c>
      <c r="MF23" s="347">
        <v>0</v>
      </c>
      <c r="MG23" s="344">
        <v>0</v>
      </c>
      <c r="MH23" s="348">
        <v>0</v>
      </c>
      <c r="MI23" s="403">
        <v>0</v>
      </c>
      <c r="MJ23" s="344">
        <v>398836</v>
      </c>
      <c r="MK23" s="344">
        <v>567840</v>
      </c>
      <c r="ML23" s="344">
        <v>2499443</v>
      </c>
      <c r="MM23" s="344">
        <v>2199922</v>
      </c>
      <c r="MN23" s="344">
        <v>2735197</v>
      </c>
      <c r="MO23" s="348">
        <v>8401238</v>
      </c>
      <c r="MP23" s="353">
        <v>8401238</v>
      </c>
      <c r="MQ23" s="347">
        <v>0</v>
      </c>
      <c r="MR23" s="344">
        <v>0</v>
      </c>
      <c r="MS23" s="348">
        <v>0</v>
      </c>
      <c r="MT23" s="403">
        <v>0</v>
      </c>
      <c r="MU23" s="344">
        <v>0</v>
      </c>
      <c r="MV23" s="344">
        <v>198097</v>
      </c>
      <c r="MW23" s="344">
        <v>1532235</v>
      </c>
      <c r="MX23" s="344">
        <v>1527198</v>
      </c>
      <c r="MY23" s="344">
        <v>2476153</v>
      </c>
      <c r="MZ23" s="348">
        <v>5733683</v>
      </c>
      <c r="NA23" s="353">
        <v>5733683</v>
      </c>
      <c r="NB23" s="347">
        <v>0</v>
      </c>
      <c r="NC23" s="344">
        <v>0</v>
      </c>
      <c r="ND23" s="348">
        <v>0</v>
      </c>
      <c r="NE23" s="403">
        <v>0</v>
      </c>
      <c r="NF23" s="344">
        <v>398836</v>
      </c>
      <c r="NG23" s="344">
        <v>369743</v>
      </c>
      <c r="NH23" s="344">
        <v>967208</v>
      </c>
      <c r="NI23" s="344">
        <v>1035921</v>
      </c>
      <c r="NJ23" s="344">
        <v>259044</v>
      </c>
      <c r="NK23" s="348">
        <v>3030752</v>
      </c>
      <c r="NL23" s="346">
        <v>3030752</v>
      </c>
      <c r="NM23" s="347">
        <v>0</v>
      </c>
      <c r="NN23" s="344">
        <v>0</v>
      </c>
      <c r="NO23" s="348">
        <v>0</v>
      </c>
      <c r="NP23" s="403">
        <v>0</v>
      </c>
      <c r="NQ23" s="344">
        <v>0</v>
      </c>
      <c r="NR23" s="344">
        <v>0</v>
      </c>
      <c r="NS23" s="344">
        <v>0</v>
      </c>
      <c r="NT23" s="344">
        <v>0</v>
      </c>
      <c r="NU23" s="344">
        <v>0</v>
      </c>
      <c r="NV23" s="348">
        <v>0</v>
      </c>
      <c r="NW23" s="349">
        <v>0</v>
      </c>
      <c r="NX23" s="347">
        <v>0</v>
      </c>
      <c r="NY23" s="344">
        <v>0</v>
      </c>
      <c r="NZ23" s="348">
        <v>0</v>
      </c>
      <c r="OA23" s="403">
        <v>0</v>
      </c>
      <c r="OB23" s="344">
        <v>0</v>
      </c>
      <c r="OC23" s="344">
        <v>0</v>
      </c>
      <c r="OD23" s="344">
        <v>0</v>
      </c>
      <c r="OE23" s="344">
        <v>-363197</v>
      </c>
      <c r="OF23" s="344">
        <v>0</v>
      </c>
      <c r="OG23" s="348">
        <v>-363197</v>
      </c>
      <c r="OH23" s="349">
        <v>-363197</v>
      </c>
      <c r="OI23" s="347">
        <v>459909</v>
      </c>
      <c r="OJ23" s="344">
        <v>771743</v>
      </c>
      <c r="OK23" s="345">
        <v>1231652</v>
      </c>
      <c r="OL23" s="350">
        <v>0</v>
      </c>
      <c r="OM23" s="344">
        <v>7484056</v>
      </c>
      <c r="ON23" s="344">
        <v>10114748</v>
      </c>
      <c r="OO23" s="344">
        <v>11473643</v>
      </c>
      <c r="OP23" s="344">
        <v>11815595</v>
      </c>
      <c r="OQ23" s="344">
        <v>10397430</v>
      </c>
      <c r="OR23" s="348">
        <v>51285472</v>
      </c>
      <c r="OS23" s="353">
        <v>52517124</v>
      </c>
    </row>
    <row r="24" spans="2:409" s="70" customFormat="1" ht="21" customHeight="1" x14ac:dyDescent="0.2">
      <c r="B24" s="409" t="s">
        <v>19</v>
      </c>
      <c r="C24" s="325">
        <v>218845</v>
      </c>
      <c r="D24" s="326">
        <v>322506</v>
      </c>
      <c r="E24" s="327">
        <v>541351</v>
      </c>
      <c r="F24" s="328">
        <v>0</v>
      </c>
      <c r="G24" s="326">
        <v>2652420</v>
      </c>
      <c r="H24" s="326">
        <v>3659302</v>
      </c>
      <c r="I24" s="326">
        <v>2729788</v>
      </c>
      <c r="J24" s="326">
        <v>2070900</v>
      </c>
      <c r="K24" s="326">
        <v>1485417</v>
      </c>
      <c r="L24" s="328">
        <v>12597827</v>
      </c>
      <c r="M24" s="329">
        <v>13139178</v>
      </c>
      <c r="N24" s="325">
        <v>101645</v>
      </c>
      <c r="O24" s="326">
        <v>175891</v>
      </c>
      <c r="P24" s="327">
        <v>277536</v>
      </c>
      <c r="Q24" s="325">
        <v>0</v>
      </c>
      <c r="R24" s="326">
        <v>741888</v>
      </c>
      <c r="S24" s="326">
        <v>1224407</v>
      </c>
      <c r="T24" s="326">
        <v>928630</v>
      </c>
      <c r="U24" s="326">
        <v>663381</v>
      </c>
      <c r="V24" s="326">
        <v>246189</v>
      </c>
      <c r="W24" s="327">
        <v>3804495</v>
      </c>
      <c r="X24" s="329">
        <v>4082031</v>
      </c>
      <c r="Y24" s="325">
        <v>0</v>
      </c>
      <c r="Z24" s="326">
        <v>0</v>
      </c>
      <c r="AA24" s="327">
        <v>0</v>
      </c>
      <c r="AB24" s="325">
        <v>0</v>
      </c>
      <c r="AC24" s="326">
        <v>220880</v>
      </c>
      <c r="AD24" s="326">
        <v>629939</v>
      </c>
      <c r="AE24" s="326">
        <v>428788</v>
      </c>
      <c r="AF24" s="326">
        <v>78142</v>
      </c>
      <c r="AG24" s="326">
        <v>9894</v>
      </c>
      <c r="AH24" s="327">
        <v>1367643</v>
      </c>
      <c r="AI24" s="329">
        <v>1367643</v>
      </c>
      <c r="AJ24" s="325">
        <v>0</v>
      </c>
      <c r="AK24" s="326">
        <v>0</v>
      </c>
      <c r="AL24" s="327">
        <v>0</v>
      </c>
      <c r="AM24" s="325">
        <v>0</v>
      </c>
      <c r="AN24" s="326">
        <v>0</v>
      </c>
      <c r="AO24" s="326">
        <v>0</v>
      </c>
      <c r="AP24" s="326">
        <v>40906</v>
      </c>
      <c r="AQ24" s="326">
        <v>9963</v>
      </c>
      <c r="AR24" s="326">
        <v>53230</v>
      </c>
      <c r="AS24" s="327">
        <v>104099</v>
      </c>
      <c r="AT24" s="329">
        <v>104099</v>
      </c>
      <c r="AU24" s="325">
        <v>63215</v>
      </c>
      <c r="AV24" s="326">
        <v>145063</v>
      </c>
      <c r="AW24" s="327">
        <v>208278</v>
      </c>
      <c r="AX24" s="325">
        <v>0</v>
      </c>
      <c r="AY24" s="326">
        <v>358292</v>
      </c>
      <c r="AZ24" s="326">
        <v>366464</v>
      </c>
      <c r="BA24" s="326">
        <v>309752</v>
      </c>
      <c r="BB24" s="326">
        <v>426986</v>
      </c>
      <c r="BC24" s="326">
        <v>60824</v>
      </c>
      <c r="BD24" s="327">
        <v>1522318</v>
      </c>
      <c r="BE24" s="329">
        <v>1730596</v>
      </c>
      <c r="BF24" s="325">
        <v>0</v>
      </c>
      <c r="BG24" s="326">
        <v>0</v>
      </c>
      <c r="BH24" s="330">
        <v>0</v>
      </c>
      <c r="BI24" s="331">
        <v>0</v>
      </c>
      <c r="BJ24" s="326">
        <v>37906</v>
      </c>
      <c r="BK24" s="326">
        <v>0</v>
      </c>
      <c r="BL24" s="326">
        <v>0</v>
      </c>
      <c r="BM24" s="326">
        <v>25510</v>
      </c>
      <c r="BN24" s="326">
        <v>0</v>
      </c>
      <c r="BO24" s="327">
        <v>63416</v>
      </c>
      <c r="BP24" s="329">
        <v>63416</v>
      </c>
      <c r="BQ24" s="325">
        <v>38430</v>
      </c>
      <c r="BR24" s="326">
        <v>30828</v>
      </c>
      <c r="BS24" s="327">
        <v>69258</v>
      </c>
      <c r="BT24" s="325">
        <v>0</v>
      </c>
      <c r="BU24" s="326">
        <v>124810</v>
      </c>
      <c r="BV24" s="326">
        <v>228004</v>
      </c>
      <c r="BW24" s="326">
        <v>149184</v>
      </c>
      <c r="BX24" s="326">
        <v>122780</v>
      </c>
      <c r="BY24" s="326">
        <v>122241</v>
      </c>
      <c r="BZ24" s="327">
        <v>747019</v>
      </c>
      <c r="CA24" s="329">
        <v>816277</v>
      </c>
      <c r="CB24" s="325">
        <v>37632</v>
      </c>
      <c r="CC24" s="326">
        <v>0</v>
      </c>
      <c r="CD24" s="327">
        <v>37632</v>
      </c>
      <c r="CE24" s="325">
        <v>0</v>
      </c>
      <c r="CF24" s="326">
        <v>961476</v>
      </c>
      <c r="CG24" s="326">
        <v>944997</v>
      </c>
      <c r="CH24" s="326">
        <v>505308</v>
      </c>
      <c r="CI24" s="326">
        <v>380787</v>
      </c>
      <c r="CJ24" s="326">
        <v>569291</v>
      </c>
      <c r="CK24" s="327">
        <v>3361859</v>
      </c>
      <c r="CL24" s="329">
        <v>3399491</v>
      </c>
      <c r="CM24" s="325">
        <v>0</v>
      </c>
      <c r="CN24" s="326">
        <v>0</v>
      </c>
      <c r="CO24" s="327">
        <v>0</v>
      </c>
      <c r="CP24" s="331">
        <v>0</v>
      </c>
      <c r="CQ24" s="326">
        <v>568799</v>
      </c>
      <c r="CR24" s="326">
        <v>840406</v>
      </c>
      <c r="CS24" s="326">
        <v>207733</v>
      </c>
      <c r="CT24" s="326">
        <v>15090</v>
      </c>
      <c r="CU24" s="326">
        <v>424716</v>
      </c>
      <c r="CV24" s="327">
        <v>2056744</v>
      </c>
      <c r="CW24" s="329">
        <v>2056744</v>
      </c>
      <c r="CX24" s="325">
        <v>37632</v>
      </c>
      <c r="CY24" s="326">
        <v>0</v>
      </c>
      <c r="CZ24" s="327">
        <v>37632</v>
      </c>
      <c r="DA24" s="325">
        <v>0</v>
      </c>
      <c r="DB24" s="326">
        <v>392677</v>
      </c>
      <c r="DC24" s="326">
        <v>104591</v>
      </c>
      <c r="DD24" s="326">
        <v>297575</v>
      </c>
      <c r="DE24" s="326">
        <v>365697</v>
      </c>
      <c r="DF24" s="326">
        <v>144575</v>
      </c>
      <c r="DG24" s="327">
        <v>1305115</v>
      </c>
      <c r="DH24" s="329">
        <v>1342747</v>
      </c>
      <c r="DI24" s="325">
        <v>0</v>
      </c>
      <c r="DJ24" s="326">
        <v>16262</v>
      </c>
      <c r="DK24" s="330">
        <v>16262</v>
      </c>
      <c r="DL24" s="331">
        <v>0</v>
      </c>
      <c r="DM24" s="326">
        <v>120536</v>
      </c>
      <c r="DN24" s="326">
        <v>206277</v>
      </c>
      <c r="DO24" s="326">
        <v>-14068</v>
      </c>
      <c r="DP24" s="326">
        <v>62771</v>
      </c>
      <c r="DQ24" s="326">
        <v>0</v>
      </c>
      <c r="DR24" s="327">
        <v>375516</v>
      </c>
      <c r="DS24" s="329">
        <v>391778</v>
      </c>
      <c r="DT24" s="325">
        <v>0</v>
      </c>
      <c r="DU24" s="326">
        <v>16262</v>
      </c>
      <c r="DV24" s="327">
        <v>16262</v>
      </c>
      <c r="DW24" s="325">
        <v>0</v>
      </c>
      <c r="DX24" s="326">
        <v>120536</v>
      </c>
      <c r="DY24" s="326">
        <v>206277</v>
      </c>
      <c r="DZ24" s="326">
        <v>22777</v>
      </c>
      <c r="EA24" s="326">
        <v>25706</v>
      </c>
      <c r="EB24" s="326">
        <v>0</v>
      </c>
      <c r="EC24" s="327">
        <v>375296</v>
      </c>
      <c r="ED24" s="329">
        <v>391558</v>
      </c>
      <c r="EE24" s="325">
        <v>0</v>
      </c>
      <c r="EF24" s="330">
        <v>0</v>
      </c>
      <c r="EG24" s="327">
        <v>0</v>
      </c>
      <c r="EH24" s="325">
        <v>0</v>
      </c>
      <c r="EI24" s="326">
        <v>0</v>
      </c>
      <c r="EJ24" s="326">
        <v>0</v>
      </c>
      <c r="EK24" s="326">
        <v>-36845</v>
      </c>
      <c r="EL24" s="326">
        <v>37065</v>
      </c>
      <c r="EM24" s="326">
        <v>0</v>
      </c>
      <c r="EN24" s="330">
        <v>220</v>
      </c>
      <c r="EO24" s="329">
        <v>220</v>
      </c>
      <c r="EP24" s="325">
        <v>0</v>
      </c>
      <c r="EQ24" s="326">
        <v>0</v>
      </c>
      <c r="ER24" s="330">
        <v>0</v>
      </c>
      <c r="ES24" s="331">
        <v>0</v>
      </c>
      <c r="ET24" s="326">
        <v>0</v>
      </c>
      <c r="EU24" s="326">
        <v>0</v>
      </c>
      <c r="EV24" s="326">
        <v>0</v>
      </c>
      <c r="EW24" s="326">
        <v>0</v>
      </c>
      <c r="EX24" s="326">
        <v>0</v>
      </c>
      <c r="EY24" s="327">
        <v>0</v>
      </c>
      <c r="EZ24" s="329">
        <v>0</v>
      </c>
      <c r="FA24" s="325">
        <v>0</v>
      </c>
      <c r="FB24" s="326">
        <v>0</v>
      </c>
      <c r="FC24" s="330">
        <v>0</v>
      </c>
      <c r="FD24" s="403">
        <v>0</v>
      </c>
      <c r="FE24" s="326">
        <v>0</v>
      </c>
      <c r="FF24" s="326">
        <v>0</v>
      </c>
      <c r="FG24" s="326">
        <v>0</v>
      </c>
      <c r="FH24" s="326">
        <v>0</v>
      </c>
      <c r="FI24" s="326">
        <v>0</v>
      </c>
      <c r="FJ24" s="327">
        <v>0</v>
      </c>
      <c r="FK24" s="329">
        <v>0</v>
      </c>
      <c r="FL24" s="325">
        <v>33670</v>
      </c>
      <c r="FM24" s="326">
        <v>46970</v>
      </c>
      <c r="FN24" s="327">
        <v>80640</v>
      </c>
      <c r="FO24" s="325">
        <v>0</v>
      </c>
      <c r="FP24" s="326">
        <v>262978</v>
      </c>
      <c r="FQ24" s="326">
        <v>290719</v>
      </c>
      <c r="FR24" s="326">
        <v>259574</v>
      </c>
      <c r="FS24" s="326">
        <v>173810</v>
      </c>
      <c r="FT24" s="326">
        <v>257236</v>
      </c>
      <c r="FU24" s="327">
        <v>1244317</v>
      </c>
      <c r="FV24" s="329">
        <v>1324957</v>
      </c>
      <c r="FW24" s="332">
        <v>33670</v>
      </c>
      <c r="FX24" s="326">
        <v>46970</v>
      </c>
      <c r="FY24" s="330">
        <v>80640</v>
      </c>
      <c r="FZ24" s="331">
        <v>0</v>
      </c>
      <c r="GA24" s="326">
        <v>169218</v>
      </c>
      <c r="GB24" s="326">
        <v>223195</v>
      </c>
      <c r="GC24" s="326">
        <v>219534</v>
      </c>
      <c r="GD24" s="326">
        <v>173810</v>
      </c>
      <c r="GE24" s="326">
        <v>126476</v>
      </c>
      <c r="GF24" s="327">
        <v>912233</v>
      </c>
      <c r="GG24" s="333">
        <v>992873</v>
      </c>
      <c r="GH24" s="332">
        <v>0</v>
      </c>
      <c r="GI24" s="326">
        <v>0</v>
      </c>
      <c r="GJ24" s="330">
        <v>0</v>
      </c>
      <c r="GK24" s="331">
        <v>0</v>
      </c>
      <c r="GL24" s="326">
        <v>0</v>
      </c>
      <c r="GM24" s="326">
        <v>0</v>
      </c>
      <c r="GN24" s="326">
        <v>40040</v>
      </c>
      <c r="GO24" s="326">
        <v>0</v>
      </c>
      <c r="GP24" s="326">
        <v>26180</v>
      </c>
      <c r="GQ24" s="327">
        <v>66220</v>
      </c>
      <c r="GR24" s="329">
        <v>66220</v>
      </c>
      <c r="GS24" s="325">
        <v>0</v>
      </c>
      <c r="GT24" s="326">
        <v>0</v>
      </c>
      <c r="GU24" s="327">
        <v>0</v>
      </c>
      <c r="GV24" s="325">
        <v>0</v>
      </c>
      <c r="GW24" s="326">
        <v>93760</v>
      </c>
      <c r="GX24" s="326">
        <v>67524</v>
      </c>
      <c r="GY24" s="326">
        <v>0</v>
      </c>
      <c r="GZ24" s="326">
        <v>0</v>
      </c>
      <c r="HA24" s="326">
        <v>104580</v>
      </c>
      <c r="HB24" s="330">
        <v>265864</v>
      </c>
      <c r="HC24" s="329">
        <v>265864</v>
      </c>
      <c r="HD24" s="325">
        <v>45898</v>
      </c>
      <c r="HE24" s="326">
        <v>83383</v>
      </c>
      <c r="HF24" s="330">
        <v>129281</v>
      </c>
      <c r="HG24" s="331">
        <v>0</v>
      </c>
      <c r="HH24" s="326">
        <v>565542</v>
      </c>
      <c r="HI24" s="326">
        <v>992902</v>
      </c>
      <c r="HJ24" s="326">
        <v>1050344</v>
      </c>
      <c r="HK24" s="326">
        <v>790151</v>
      </c>
      <c r="HL24" s="326">
        <v>412701</v>
      </c>
      <c r="HM24" s="327">
        <v>3811640</v>
      </c>
      <c r="HN24" s="328">
        <v>3940921</v>
      </c>
      <c r="HO24" s="332">
        <v>0</v>
      </c>
      <c r="HP24" s="326">
        <v>0</v>
      </c>
      <c r="HQ24" s="327">
        <v>0</v>
      </c>
      <c r="HR24" s="325">
        <v>0</v>
      </c>
      <c r="HS24" s="326">
        <v>0</v>
      </c>
      <c r="HT24" s="326">
        <v>0</v>
      </c>
      <c r="HU24" s="326">
        <v>0</v>
      </c>
      <c r="HV24" s="326">
        <v>0</v>
      </c>
      <c r="HW24" s="326">
        <v>0</v>
      </c>
      <c r="HX24" s="330">
        <v>0</v>
      </c>
      <c r="HY24" s="329">
        <v>0</v>
      </c>
      <c r="HZ24" s="357">
        <v>0</v>
      </c>
      <c r="IA24" s="355">
        <v>0</v>
      </c>
      <c r="IB24" s="357">
        <v>0</v>
      </c>
      <c r="IC24" s="354">
        <v>0</v>
      </c>
      <c r="ID24" s="355">
        <v>458521</v>
      </c>
      <c r="IE24" s="356">
        <v>748257</v>
      </c>
      <c r="IF24" s="357">
        <v>572330</v>
      </c>
      <c r="IG24" s="355">
        <v>416253</v>
      </c>
      <c r="IH24" s="357">
        <v>1198506</v>
      </c>
      <c r="II24" s="358">
        <v>3393867</v>
      </c>
      <c r="IJ24" s="357">
        <v>3393867</v>
      </c>
      <c r="IK24" s="341">
        <v>0</v>
      </c>
      <c r="IL24" s="342">
        <v>0</v>
      </c>
      <c r="IM24" s="343">
        <v>0</v>
      </c>
      <c r="IN24" s="403">
        <v>0</v>
      </c>
      <c r="IO24" s="344">
        <v>0</v>
      </c>
      <c r="IP24" s="344">
        <v>181728</v>
      </c>
      <c r="IQ24" s="344">
        <v>0</v>
      </c>
      <c r="IR24" s="344">
        <v>176179</v>
      </c>
      <c r="IS24" s="344">
        <v>0</v>
      </c>
      <c r="IT24" s="345">
        <v>357907</v>
      </c>
      <c r="IU24" s="346">
        <v>357907</v>
      </c>
      <c r="IV24" s="347">
        <v>0</v>
      </c>
      <c r="IW24" s="344">
        <v>0</v>
      </c>
      <c r="IX24" s="348">
        <v>0</v>
      </c>
      <c r="IY24" s="403">
        <v>0</v>
      </c>
      <c r="IZ24" s="344">
        <v>0</v>
      </c>
      <c r="JA24" s="344">
        <v>0</v>
      </c>
      <c r="JB24" s="344">
        <v>0</v>
      </c>
      <c r="JC24" s="344">
        <v>29367</v>
      </c>
      <c r="JD24" s="344">
        <v>0</v>
      </c>
      <c r="JE24" s="348">
        <v>29367</v>
      </c>
      <c r="JF24" s="349">
        <v>29367</v>
      </c>
      <c r="JG24" s="347">
        <v>0</v>
      </c>
      <c r="JH24" s="344">
        <v>0</v>
      </c>
      <c r="JI24" s="345">
        <v>0</v>
      </c>
      <c r="JJ24" s="350">
        <v>0</v>
      </c>
      <c r="JK24" s="344">
        <v>281439</v>
      </c>
      <c r="JL24" s="344">
        <v>346804</v>
      </c>
      <c r="JM24" s="344">
        <v>99089</v>
      </c>
      <c r="JN24" s="344">
        <v>139657</v>
      </c>
      <c r="JO24" s="344">
        <v>0</v>
      </c>
      <c r="JP24" s="348">
        <v>866989</v>
      </c>
      <c r="JQ24" s="346">
        <v>866989</v>
      </c>
      <c r="JR24" s="347">
        <v>0</v>
      </c>
      <c r="JS24" s="344">
        <v>0</v>
      </c>
      <c r="JT24" s="345">
        <v>0</v>
      </c>
      <c r="JU24" s="350">
        <v>0</v>
      </c>
      <c r="JV24" s="344">
        <v>64255</v>
      </c>
      <c r="JW24" s="344">
        <v>64722</v>
      </c>
      <c r="JX24" s="344">
        <v>35425</v>
      </c>
      <c r="JY24" s="344">
        <v>71050</v>
      </c>
      <c r="JZ24" s="344">
        <v>0</v>
      </c>
      <c r="KA24" s="348">
        <v>235452</v>
      </c>
      <c r="KB24" s="346">
        <v>235452</v>
      </c>
      <c r="KC24" s="351">
        <v>0</v>
      </c>
      <c r="KD24" s="352">
        <v>0</v>
      </c>
      <c r="KE24" s="348">
        <v>0</v>
      </c>
      <c r="KF24" s="350">
        <v>0</v>
      </c>
      <c r="KG24" s="344">
        <v>112827</v>
      </c>
      <c r="KH24" s="344">
        <v>155003</v>
      </c>
      <c r="KI24" s="344">
        <v>209143</v>
      </c>
      <c r="KJ24" s="344">
        <v>0</v>
      </c>
      <c r="KK24" s="344">
        <v>0</v>
      </c>
      <c r="KL24" s="348">
        <v>476973</v>
      </c>
      <c r="KM24" s="353">
        <v>476973</v>
      </c>
      <c r="KN24" s="341">
        <v>0</v>
      </c>
      <c r="KO24" s="342">
        <v>0</v>
      </c>
      <c r="KP24" s="343">
        <v>0</v>
      </c>
      <c r="KQ24" s="403">
        <v>0</v>
      </c>
      <c r="KR24" s="344">
        <v>0</v>
      </c>
      <c r="KS24" s="344">
        <v>0</v>
      </c>
      <c r="KT24" s="344">
        <v>228673</v>
      </c>
      <c r="KU24" s="344">
        <v>0</v>
      </c>
      <c r="KV24" s="344">
        <v>239426</v>
      </c>
      <c r="KW24" s="348">
        <v>468099</v>
      </c>
      <c r="KX24" s="346">
        <v>468099</v>
      </c>
      <c r="KY24" s="347">
        <v>0</v>
      </c>
      <c r="KZ24" s="344">
        <v>0</v>
      </c>
      <c r="LA24" s="348">
        <v>0</v>
      </c>
      <c r="LB24" s="403">
        <v>0</v>
      </c>
      <c r="LC24" s="344">
        <v>0</v>
      </c>
      <c r="LD24" s="344">
        <v>0</v>
      </c>
      <c r="LE24" s="344">
        <v>0</v>
      </c>
      <c r="LF24" s="344">
        <v>0</v>
      </c>
      <c r="LG24" s="344">
        <v>0</v>
      </c>
      <c r="LH24" s="348">
        <v>0</v>
      </c>
      <c r="LI24" s="349">
        <v>0</v>
      </c>
      <c r="LJ24" s="347">
        <v>0</v>
      </c>
      <c r="LK24" s="344">
        <v>0</v>
      </c>
      <c r="LL24" s="348">
        <v>0</v>
      </c>
      <c r="LM24" s="403">
        <v>0</v>
      </c>
      <c r="LN24" s="344">
        <v>0</v>
      </c>
      <c r="LO24" s="344">
        <v>0</v>
      </c>
      <c r="LP24" s="344">
        <v>0</v>
      </c>
      <c r="LQ24" s="344">
        <v>0</v>
      </c>
      <c r="LR24" s="344">
        <v>0</v>
      </c>
      <c r="LS24" s="348">
        <v>0</v>
      </c>
      <c r="LT24" s="346">
        <v>0</v>
      </c>
      <c r="LU24" s="347">
        <v>0</v>
      </c>
      <c r="LV24" s="344">
        <v>0</v>
      </c>
      <c r="LW24" s="348">
        <v>0</v>
      </c>
      <c r="LX24" s="403">
        <v>0</v>
      </c>
      <c r="LY24" s="344">
        <v>0</v>
      </c>
      <c r="LZ24" s="344">
        <v>0</v>
      </c>
      <c r="MA24" s="344">
        <v>0</v>
      </c>
      <c r="MB24" s="344">
        <v>0</v>
      </c>
      <c r="MC24" s="344">
        <v>959080</v>
      </c>
      <c r="MD24" s="348">
        <v>959080</v>
      </c>
      <c r="ME24" s="349">
        <v>959080</v>
      </c>
      <c r="MF24" s="347">
        <v>0</v>
      </c>
      <c r="MG24" s="344">
        <v>0</v>
      </c>
      <c r="MH24" s="348">
        <v>0</v>
      </c>
      <c r="MI24" s="403">
        <v>0</v>
      </c>
      <c r="MJ24" s="344">
        <v>107850</v>
      </c>
      <c r="MK24" s="344">
        <v>756220</v>
      </c>
      <c r="ML24" s="344">
        <v>1881236</v>
      </c>
      <c r="MM24" s="344">
        <v>470141</v>
      </c>
      <c r="MN24" s="344">
        <v>1142181</v>
      </c>
      <c r="MO24" s="348">
        <v>4357628</v>
      </c>
      <c r="MP24" s="353">
        <v>4357628</v>
      </c>
      <c r="MQ24" s="347">
        <v>0</v>
      </c>
      <c r="MR24" s="344">
        <v>0</v>
      </c>
      <c r="MS24" s="348">
        <v>0</v>
      </c>
      <c r="MT24" s="403">
        <v>0</v>
      </c>
      <c r="MU24" s="344">
        <v>0</v>
      </c>
      <c r="MV24" s="344">
        <v>0</v>
      </c>
      <c r="MW24" s="344">
        <v>623008</v>
      </c>
      <c r="MX24" s="344">
        <v>228820</v>
      </c>
      <c r="MY24" s="344">
        <v>489131</v>
      </c>
      <c r="MZ24" s="348">
        <v>1340959</v>
      </c>
      <c r="NA24" s="353">
        <v>1340959</v>
      </c>
      <c r="NB24" s="347">
        <v>0</v>
      </c>
      <c r="NC24" s="344">
        <v>0</v>
      </c>
      <c r="ND24" s="348">
        <v>0</v>
      </c>
      <c r="NE24" s="403">
        <v>0</v>
      </c>
      <c r="NF24" s="344">
        <v>107850</v>
      </c>
      <c r="NG24" s="344">
        <v>756220</v>
      </c>
      <c r="NH24" s="344">
        <v>1258228</v>
      </c>
      <c r="NI24" s="344">
        <v>241321</v>
      </c>
      <c r="NJ24" s="344">
        <v>307836</v>
      </c>
      <c r="NK24" s="348">
        <v>2671455</v>
      </c>
      <c r="NL24" s="346">
        <v>2671455</v>
      </c>
      <c r="NM24" s="347">
        <v>0</v>
      </c>
      <c r="NN24" s="344">
        <v>0</v>
      </c>
      <c r="NO24" s="348">
        <v>0</v>
      </c>
      <c r="NP24" s="403">
        <v>0</v>
      </c>
      <c r="NQ24" s="344">
        <v>0</v>
      </c>
      <c r="NR24" s="344">
        <v>0</v>
      </c>
      <c r="NS24" s="344">
        <v>0</v>
      </c>
      <c r="NT24" s="344">
        <v>0</v>
      </c>
      <c r="NU24" s="344">
        <v>0</v>
      </c>
      <c r="NV24" s="348">
        <v>0</v>
      </c>
      <c r="NW24" s="349">
        <v>0</v>
      </c>
      <c r="NX24" s="347">
        <v>0</v>
      </c>
      <c r="NY24" s="344">
        <v>0</v>
      </c>
      <c r="NZ24" s="348">
        <v>0</v>
      </c>
      <c r="OA24" s="403">
        <v>0</v>
      </c>
      <c r="OB24" s="344">
        <v>0</v>
      </c>
      <c r="OC24" s="344">
        <v>0</v>
      </c>
      <c r="OD24" s="344">
        <v>0</v>
      </c>
      <c r="OE24" s="344">
        <v>0</v>
      </c>
      <c r="OF24" s="344">
        <v>345214</v>
      </c>
      <c r="OG24" s="348">
        <v>345214</v>
      </c>
      <c r="OH24" s="349">
        <v>345214</v>
      </c>
      <c r="OI24" s="347">
        <v>218845</v>
      </c>
      <c r="OJ24" s="344">
        <v>322506</v>
      </c>
      <c r="OK24" s="345">
        <v>541351</v>
      </c>
      <c r="OL24" s="350">
        <v>0</v>
      </c>
      <c r="OM24" s="344">
        <v>3218791</v>
      </c>
      <c r="ON24" s="344">
        <v>5163779</v>
      </c>
      <c r="OO24" s="344">
        <v>5183354</v>
      </c>
      <c r="OP24" s="344">
        <v>2957294</v>
      </c>
      <c r="OQ24" s="344">
        <v>3826104</v>
      </c>
      <c r="OR24" s="348">
        <v>20349322</v>
      </c>
      <c r="OS24" s="353">
        <v>20890673</v>
      </c>
    </row>
    <row r="25" spans="2:409" s="70" customFormat="1" ht="21" customHeight="1" x14ac:dyDescent="0.2">
      <c r="B25" s="409" t="s">
        <v>20</v>
      </c>
      <c r="C25" s="325">
        <v>228641</v>
      </c>
      <c r="D25" s="326">
        <v>554653</v>
      </c>
      <c r="E25" s="327">
        <v>783294</v>
      </c>
      <c r="F25" s="325">
        <v>0</v>
      </c>
      <c r="G25" s="326">
        <v>2463881</v>
      </c>
      <c r="H25" s="326">
        <v>4113073</v>
      </c>
      <c r="I25" s="326">
        <v>3073187</v>
      </c>
      <c r="J25" s="326">
        <v>3582109</v>
      </c>
      <c r="K25" s="326">
        <v>2950671</v>
      </c>
      <c r="L25" s="366">
        <v>16182921</v>
      </c>
      <c r="M25" s="329">
        <v>16966215</v>
      </c>
      <c r="N25" s="325">
        <v>91548</v>
      </c>
      <c r="O25" s="326">
        <v>175367</v>
      </c>
      <c r="P25" s="327">
        <v>266915</v>
      </c>
      <c r="Q25" s="325">
        <v>0</v>
      </c>
      <c r="R25" s="326">
        <v>825735</v>
      </c>
      <c r="S25" s="326">
        <v>1404325</v>
      </c>
      <c r="T25" s="326">
        <v>728808</v>
      </c>
      <c r="U25" s="326">
        <v>1325430</v>
      </c>
      <c r="V25" s="326">
        <v>1386545</v>
      </c>
      <c r="W25" s="327">
        <v>5670843</v>
      </c>
      <c r="X25" s="329">
        <v>5937758</v>
      </c>
      <c r="Y25" s="325">
        <v>0</v>
      </c>
      <c r="Z25" s="326">
        <v>0</v>
      </c>
      <c r="AA25" s="327">
        <v>0</v>
      </c>
      <c r="AB25" s="325">
        <v>0</v>
      </c>
      <c r="AC25" s="326">
        <v>213464</v>
      </c>
      <c r="AD25" s="326">
        <v>682535</v>
      </c>
      <c r="AE25" s="326">
        <v>242183</v>
      </c>
      <c r="AF25" s="326">
        <v>593784</v>
      </c>
      <c r="AG25" s="326">
        <v>809941</v>
      </c>
      <c r="AH25" s="327">
        <v>2541907</v>
      </c>
      <c r="AI25" s="329">
        <v>2541907</v>
      </c>
      <c r="AJ25" s="325">
        <v>0</v>
      </c>
      <c r="AK25" s="326">
        <v>0</v>
      </c>
      <c r="AL25" s="327">
        <v>0</v>
      </c>
      <c r="AM25" s="325">
        <v>0</v>
      </c>
      <c r="AN25" s="326">
        <v>0</v>
      </c>
      <c r="AO25" s="326">
        <v>0</v>
      </c>
      <c r="AP25" s="326">
        <v>0</v>
      </c>
      <c r="AQ25" s="326">
        <v>165827</v>
      </c>
      <c r="AR25" s="326">
        <v>235336</v>
      </c>
      <c r="AS25" s="327">
        <v>401163</v>
      </c>
      <c r="AT25" s="329">
        <v>401163</v>
      </c>
      <c r="AU25" s="325">
        <v>56254</v>
      </c>
      <c r="AV25" s="326">
        <v>82460</v>
      </c>
      <c r="AW25" s="327">
        <v>138714</v>
      </c>
      <c r="AX25" s="325">
        <v>0</v>
      </c>
      <c r="AY25" s="326">
        <v>441510</v>
      </c>
      <c r="AZ25" s="326">
        <v>499952</v>
      </c>
      <c r="BA25" s="326">
        <v>267462</v>
      </c>
      <c r="BB25" s="326">
        <v>361051</v>
      </c>
      <c r="BC25" s="326">
        <v>100563</v>
      </c>
      <c r="BD25" s="327">
        <v>1670538</v>
      </c>
      <c r="BE25" s="329">
        <v>1809252</v>
      </c>
      <c r="BF25" s="325">
        <v>0</v>
      </c>
      <c r="BG25" s="326">
        <v>81497</v>
      </c>
      <c r="BH25" s="330">
        <v>81497</v>
      </c>
      <c r="BI25" s="331">
        <v>0</v>
      </c>
      <c r="BJ25" s="326">
        <v>92480</v>
      </c>
      <c r="BK25" s="326">
        <v>45158</v>
      </c>
      <c r="BL25" s="326">
        <v>91035</v>
      </c>
      <c r="BM25" s="326">
        <v>56053</v>
      </c>
      <c r="BN25" s="326">
        <v>12155</v>
      </c>
      <c r="BO25" s="327">
        <v>296881</v>
      </c>
      <c r="BP25" s="329">
        <v>378378</v>
      </c>
      <c r="BQ25" s="325">
        <v>35294</v>
      </c>
      <c r="BR25" s="326">
        <v>11410</v>
      </c>
      <c r="BS25" s="327">
        <v>46704</v>
      </c>
      <c r="BT25" s="325">
        <v>0</v>
      </c>
      <c r="BU25" s="326">
        <v>78281</v>
      </c>
      <c r="BV25" s="326">
        <v>176680</v>
      </c>
      <c r="BW25" s="326">
        <v>128128</v>
      </c>
      <c r="BX25" s="326">
        <v>148715</v>
      </c>
      <c r="BY25" s="326">
        <v>228550</v>
      </c>
      <c r="BZ25" s="327">
        <v>760354</v>
      </c>
      <c r="CA25" s="329">
        <v>807058</v>
      </c>
      <c r="CB25" s="325">
        <v>0</v>
      </c>
      <c r="CC25" s="326">
        <v>103502</v>
      </c>
      <c r="CD25" s="327">
        <v>103502</v>
      </c>
      <c r="CE25" s="325">
        <v>0</v>
      </c>
      <c r="CF25" s="326">
        <v>847817</v>
      </c>
      <c r="CG25" s="326">
        <v>1262110</v>
      </c>
      <c r="CH25" s="326">
        <v>1151594</v>
      </c>
      <c r="CI25" s="326">
        <v>594530</v>
      </c>
      <c r="CJ25" s="326">
        <v>474232</v>
      </c>
      <c r="CK25" s="327">
        <v>4330283</v>
      </c>
      <c r="CL25" s="329">
        <v>4433785</v>
      </c>
      <c r="CM25" s="325">
        <v>0</v>
      </c>
      <c r="CN25" s="326">
        <v>0</v>
      </c>
      <c r="CO25" s="327">
        <v>0</v>
      </c>
      <c r="CP25" s="331">
        <v>0</v>
      </c>
      <c r="CQ25" s="326">
        <v>704410</v>
      </c>
      <c r="CR25" s="326">
        <v>760985</v>
      </c>
      <c r="CS25" s="326">
        <v>946489</v>
      </c>
      <c r="CT25" s="326">
        <v>285105</v>
      </c>
      <c r="CU25" s="326">
        <v>409926</v>
      </c>
      <c r="CV25" s="327">
        <v>3106915</v>
      </c>
      <c r="CW25" s="329">
        <v>3106915</v>
      </c>
      <c r="CX25" s="325">
        <v>0</v>
      </c>
      <c r="CY25" s="326">
        <v>103502</v>
      </c>
      <c r="CZ25" s="327">
        <v>103502</v>
      </c>
      <c r="DA25" s="325">
        <v>0</v>
      </c>
      <c r="DB25" s="326">
        <v>143407</v>
      </c>
      <c r="DC25" s="326">
        <v>501125</v>
      </c>
      <c r="DD25" s="326">
        <v>205105</v>
      </c>
      <c r="DE25" s="326">
        <v>309425</v>
      </c>
      <c r="DF25" s="326">
        <v>64306</v>
      </c>
      <c r="DG25" s="327">
        <v>1223368</v>
      </c>
      <c r="DH25" s="329">
        <v>1326870</v>
      </c>
      <c r="DI25" s="325">
        <v>0</v>
      </c>
      <c r="DJ25" s="326">
        <v>42492</v>
      </c>
      <c r="DK25" s="330">
        <v>42492</v>
      </c>
      <c r="DL25" s="331">
        <v>0</v>
      </c>
      <c r="DM25" s="326">
        <v>18998</v>
      </c>
      <c r="DN25" s="326">
        <v>409958</v>
      </c>
      <c r="DO25" s="326">
        <v>260807</v>
      </c>
      <c r="DP25" s="326">
        <v>144243</v>
      </c>
      <c r="DQ25" s="326">
        <v>83115</v>
      </c>
      <c r="DR25" s="327">
        <v>917121</v>
      </c>
      <c r="DS25" s="329">
        <v>959613</v>
      </c>
      <c r="DT25" s="325">
        <v>0</v>
      </c>
      <c r="DU25" s="326">
        <v>42492</v>
      </c>
      <c r="DV25" s="327">
        <v>42492</v>
      </c>
      <c r="DW25" s="325">
        <v>0</v>
      </c>
      <c r="DX25" s="326">
        <v>18998</v>
      </c>
      <c r="DY25" s="326">
        <v>409958</v>
      </c>
      <c r="DZ25" s="326">
        <v>235841</v>
      </c>
      <c r="EA25" s="326">
        <v>144243</v>
      </c>
      <c r="EB25" s="326">
        <v>83115</v>
      </c>
      <c r="EC25" s="327">
        <v>892155</v>
      </c>
      <c r="ED25" s="329">
        <v>934647</v>
      </c>
      <c r="EE25" s="325">
        <v>0</v>
      </c>
      <c r="EF25" s="330">
        <v>0</v>
      </c>
      <c r="EG25" s="327">
        <v>0</v>
      </c>
      <c r="EH25" s="325">
        <v>0</v>
      </c>
      <c r="EI25" s="326">
        <v>0</v>
      </c>
      <c r="EJ25" s="326">
        <v>0</v>
      </c>
      <c r="EK25" s="326">
        <v>24966</v>
      </c>
      <c r="EL25" s="326">
        <v>0</v>
      </c>
      <c r="EM25" s="326">
        <v>0</v>
      </c>
      <c r="EN25" s="330">
        <v>24966</v>
      </c>
      <c r="EO25" s="329">
        <v>24966</v>
      </c>
      <c r="EP25" s="325">
        <v>0</v>
      </c>
      <c r="EQ25" s="326">
        <v>0</v>
      </c>
      <c r="ER25" s="330">
        <v>0</v>
      </c>
      <c r="ES25" s="331">
        <v>0</v>
      </c>
      <c r="ET25" s="326">
        <v>0</v>
      </c>
      <c r="EU25" s="326">
        <v>0</v>
      </c>
      <c r="EV25" s="326">
        <v>0</v>
      </c>
      <c r="EW25" s="326">
        <v>0</v>
      </c>
      <c r="EX25" s="326">
        <v>0</v>
      </c>
      <c r="EY25" s="327">
        <v>0</v>
      </c>
      <c r="EZ25" s="329">
        <v>0</v>
      </c>
      <c r="FA25" s="325">
        <v>0</v>
      </c>
      <c r="FB25" s="326">
        <v>0</v>
      </c>
      <c r="FC25" s="330">
        <v>0</v>
      </c>
      <c r="FD25" s="403">
        <v>0</v>
      </c>
      <c r="FE25" s="326">
        <v>0</v>
      </c>
      <c r="FF25" s="326">
        <v>0</v>
      </c>
      <c r="FG25" s="326">
        <v>0</v>
      </c>
      <c r="FH25" s="326">
        <v>0</v>
      </c>
      <c r="FI25" s="326">
        <v>0</v>
      </c>
      <c r="FJ25" s="327">
        <v>0</v>
      </c>
      <c r="FK25" s="329">
        <v>0</v>
      </c>
      <c r="FL25" s="325">
        <v>34685</v>
      </c>
      <c r="FM25" s="326">
        <v>146356</v>
      </c>
      <c r="FN25" s="327">
        <v>181041</v>
      </c>
      <c r="FO25" s="325">
        <v>0</v>
      </c>
      <c r="FP25" s="326">
        <v>138187</v>
      </c>
      <c r="FQ25" s="326">
        <v>298711</v>
      </c>
      <c r="FR25" s="326">
        <v>236873</v>
      </c>
      <c r="FS25" s="326">
        <v>329763</v>
      </c>
      <c r="FT25" s="326">
        <v>355425</v>
      </c>
      <c r="FU25" s="327">
        <v>1358959</v>
      </c>
      <c r="FV25" s="329">
        <v>1540000</v>
      </c>
      <c r="FW25" s="332">
        <v>34685</v>
      </c>
      <c r="FX25" s="326">
        <v>123256</v>
      </c>
      <c r="FY25" s="330">
        <v>157941</v>
      </c>
      <c r="FZ25" s="331">
        <v>0</v>
      </c>
      <c r="GA25" s="326">
        <v>138187</v>
      </c>
      <c r="GB25" s="326">
        <v>298711</v>
      </c>
      <c r="GC25" s="326">
        <v>236873</v>
      </c>
      <c r="GD25" s="326">
        <v>329763</v>
      </c>
      <c r="GE25" s="326">
        <v>256025</v>
      </c>
      <c r="GF25" s="327">
        <v>1259559</v>
      </c>
      <c r="GG25" s="333">
        <v>1417500</v>
      </c>
      <c r="GH25" s="332">
        <v>0</v>
      </c>
      <c r="GI25" s="326">
        <v>23100</v>
      </c>
      <c r="GJ25" s="330">
        <v>23100</v>
      </c>
      <c r="GK25" s="331">
        <v>0</v>
      </c>
      <c r="GL25" s="326">
        <v>0</v>
      </c>
      <c r="GM25" s="326">
        <v>0</v>
      </c>
      <c r="GN25" s="326">
        <v>0</v>
      </c>
      <c r="GO25" s="326">
        <v>0</v>
      </c>
      <c r="GP25" s="326">
        <v>0</v>
      </c>
      <c r="GQ25" s="327">
        <v>0</v>
      </c>
      <c r="GR25" s="329">
        <v>23100</v>
      </c>
      <c r="GS25" s="325">
        <v>0</v>
      </c>
      <c r="GT25" s="326">
        <v>0</v>
      </c>
      <c r="GU25" s="327">
        <v>0</v>
      </c>
      <c r="GV25" s="325">
        <v>0</v>
      </c>
      <c r="GW25" s="326">
        <v>0</v>
      </c>
      <c r="GX25" s="326">
        <v>0</v>
      </c>
      <c r="GY25" s="326">
        <v>0</v>
      </c>
      <c r="GZ25" s="326">
        <v>0</v>
      </c>
      <c r="HA25" s="326">
        <v>99400</v>
      </c>
      <c r="HB25" s="330">
        <v>99400</v>
      </c>
      <c r="HC25" s="329">
        <v>99400</v>
      </c>
      <c r="HD25" s="325">
        <v>102408</v>
      </c>
      <c r="HE25" s="326">
        <v>86936</v>
      </c>
      <c r="HF25" s="330">
        <v>189344</v>
      </c>
      <c r="HG25" s="331">
        <v>0</v>
      </c>
      <c r="HH25" s="326">
        <v>633144</v>
      </c>
      <c r="HI25" s="326">
        <v>737969</v>
      </c>
      <c r="HJ25" s="326">
        <v>695105</v>
      </c>
      <c r="HK25" s="326">
        <v>1188143</v>
      </c>
      <c r="HL25" s="326">
        <v>651354</v>
      </c>
      <c r="HM25" s="327">
        <v>3905715</v>
      </c>
      <c r="HN25" s="328">
        <v>4095059</v>
      </c>
      <c r="HO25" s="332">
        <v>0</v>
      </c>
      <c r="HP25" s="326">
        <v>0</v>
      </c>
      <c r="HQ25" s="327">
        <v>0</v>
      </c>
      <c r="HR25" s="325">
        <v>0</v>
      </c>
      <c r="HS25" s="326">
        <v>0</v>
      </c>
      <c r="HT25" s="326">
        <v>0</v>
      </c>
      <c r="HU25" s="326">
        <v>0</v>
      </c>
      <c r="HV25" s="326">
        <v>0</v>
      </c>
      <c r="HW25" s="326">
        <v>0</v>
      </c>
      <c r="HX25" s="330">
        <v>0</v>
      </c>
      <c r="HY25" s="329">
        <v>0</v>
      </c>
      <c r="HZ25" s="334">
        <v>0</v>
      </c>
      <c r="IA25" s="335">
        <v>65135</v>
      </c>
      <c r="IB25" s="336">
        <v>65135</v>
      </c>
      <c r="IC25" s="337">
        <v>0</v>
      </c>
      <c r="ID25" s="335">
        <v>321532</v>
      </c>
      <c r="IE25" s="338">
        <v>384255</v>
      </c>
      <c r="IF25" s="336">
        <v>923683</v>
      </c>
      <c r="IG25" s="335">
        <v>16105</v>
      </c>
      <c r="IH25" s="336">
        <v>250126</v>
      </c>
      <c r="II25" s="339">
        <v>1895701</v>
      </c>
      <c r="IJ25" s="340">
        <v>1960836</v>
      </c>
      <c r="IK25" s="341">
        <v>0</v>
      </c>
      <c r="IL25" s="342">
        <v>0</v>
      </c>
      <c r="IM25" s="343">
        <v>0</v>
      </c>
      <c r="IN25" s="403">
        <v>0</v>
      </c>
      <c r="IO25" s="344">
        <v>0</v>
      </c>
      <c r="IP25" s="344">
        <v>0</v>
      </c>
      <c r="IQ25" s="344">
        <v>0</v>
      </c>
      <c r="IR25" s="344">
        <v>0</v>
      </c>
      <c r="IS25" s="344">
        <v>0</v>
      </c>
      <c r="IT25" s="345">
        <v>0</v>
      </c>
      <c r="IU25" s="346">
        <v>0</v>
      </c>
      <c r="IV25" s="347">
        <v>0</v>
      </c>
      <c r="IW25" s="344">
        <v>0</v>
      </c>
      <c r="IX25" s="348">
        <v>0</v>
      </c>
      <c r="IY25" s="403">
        <v>0</v>
      </c>
      <c r="IZ25" s="344">
        <v>0</v>
      </c>
      <c r="JA25" s="344">
        <v>0</v>
      </c>
      <c r="JB25" s="344">
        <v>0</v>
      </c>
      <c r="JC25" s="344">
        <v>0</v>
      </c>
      <c r="JD25" s="344">
        <v>0</v>
      </c>
      <c r="JE25" s="348">
        <v>0</v>
      </c>
      <c r="JF25" s="349">
        <v>0</v>
      </c>
      <c r="JG25" s="347">
        <v>0</v>
      </c>
      <c r="JH25" s="344">
        <v>0</v>
      </c>
      <c r="JI25" s="345">
        <v>0</v>
      </c>
      <c r="JJ25" s="350">
        <v>0</v>
      </c>
      <c r="JK25" s="344">
        <v>212304</v>
      </c>
      <c r="JL25" s="344">
        <v>163027</v>
      </c>
      <c r="JM25" s="344">
        <v>72361</v>
      </c>
      <c r="JN25" s="344">
        <v>16105</v>
      </c>
      <c r="JO25" s="344">
        <v>0</v>
      </c>
      <c r="JP25" s="348">
        <v>463797</v>
      </c>
      <c r="JQ25" s="346">
        <v>463797</v>
      </c>
      <c r="JR25" s="347">
        <v>0</v>
      </c>
      <c r="JS25" s="344">
        <v>0</v>
      </c>
      <c r="JT25" s="345">
        <v>0</v>
      </c>
      <c r="JU25" s="350">
        <v>0</v>
      </c>
      <c r="JV25" s="344">
        <v>0</v>
      </c>
      <c r="JW25" s="344">
        <v>0</v>
      </c>
      <c r="JX25" s="344">
        <v>68232</v>
      </c>
      <c r="JY25" s="344">
        <v>0</v>
      </c>
      <c r="JZ25" s="344">
        <v>0</v>
      </c>
      <c r="KA25" s="348">
        <v>68232</v>
      </c>
      <c r="KB25" s="346">
        <v>68232</v>
      </c>
      <c r="KC25" s="351">
        <v>0</v>
      </c>
      <c r="KD25" s="352">
        <v>65135</v>
      </c>
      <c r="KE25" s="348">
        <v>65135</v>
      </c>
      <c r="KF25" s="350">
        <v>0</v>
      </c>
      <c r="KG25" s="344">
        <v>109228</v>
      </c>
      <c r="KH25" s="344">
        <v>0</v>
      </c>
      <c r="KI25" s="344">
        <v>104974</v>
      </c>
      <c r="KJ25" s="344">
        <v>0</v>
      </c>
      <c r="KK25" s="344">
        <v>250126</v>
      </c>
      <c r="KL25" s="348">
        <v>464328</v>
      </c>
      <c r="KM25" s="353">
        <v>529463</v>
      </c>
      <c r="KN25" s="341">
        <v>0</v>
      </c>
      <c r="KO25" s="342">
        <v>0</v>
      </c>
      <c r="KP25" s="343">
        <v>0</v>
      </c>
      <c r="KQ25" s="403">
        <v>0</v>
      </c>
      <c r="KR25" s="344">
        <v>0</v>
      </c>
      <c r="KS25" s="344">
        <v>221228</v>
      </c>
      <c r="KT25" s="344">
        <v>678116</v>
      </c>
      <c r="KU25" s="344">
        <v>0</v>
      </c>
      <c r="KV25" s="344">
        <v>0</v>
      </c>
      <c r="KW25" s="348">
        <v>899344</v>
      </c>
      <c r="KX25" s="346">
        <v>899344</v>
      </c>
      <c r="KY25" s="347">
        <v>0</v>
      </c>
      <c r="KZ25" s="344">
        <v>0</v>
      </c>
      <c r="LA25" s="348">
        <v>0</v>
      </c>
      <c r="LB25" s="403">
        <v>0</v>
      </c>
      <c r="LC25" s="344">
        <v>0</v>
      </c>
      <c r="LD25" s="344">
        <v>0</v>
      </c>
      <c r="LE25" s="344">
        <v>0</v>
      </c>
      <c r="LF25" s="344">
        <v>0</v>
      </c>
      <c r="LG25" s="344">
        <v>0</v>
      </c>
      <c r="LH25" s="348">
        <v>0</v>
      </c>
      <c r="LI25" s="349">
        <v>0</v>
      </c>
      <c r="LJ25" s="347">
        <v>0</v>
      </c>
      <c r="LK25" s="344">
        <v>0</v>
      </c>
      <c r="LL25" s="348">
        <v>0</v>
      </c>
      <c r="LM25" s="403">
        <v>0</v>
      </c>
      <c r="LN25" s="344">
        <v>0</v>
      </c>
      <c r="LO25" s="344">
        <v>0</v>
      </c>
      <c r="LP25" s="344">
        <v>0</v>
      </c>
      <c r="LQ25" s="344">
        <v>0</v>
      </c>
      <c r="LR25" s="344">
        <v>0</v>
      </c>
      <c r="LS25" s="348">
        <v>0</v>
      </c>
      <c r="LT25" s="346">
        <v>0</v>
      </c>
      <c r="LU25" s="347">
        <v>0</v>
      </c>
      <c r="LV25" s="344">
        <v>0</v>
      </c>
      <c r="LW25" s="348">
        <v>0</v>
      </c>
      <c r="LX25" s="403">
        <v>0</v>
      </c>
      <c r="LY25" s="344">
        <v>0</v>
      </c>
      <c r="LZ25" s="344">
        <v>0</v>
      </c>
      <c r="MA25" s="344">
        <v>0</v>
      </c>
      <c r="MB25" s="344">
        <v>0</v>
      </c>
      <c r="MC25" s="344">
        <v>0</v>
      </c>
      <c r="MD25" s="348">
        <v>0</v>
      </c>
      <c r="ME25" s="349">
        <v>0</v>
      </c>
      <c r="MF25" s="347">
        <v>0</v>
      </c>
      <c r="MG25" s="344">
        <v>0</v>
      </c>
      <c r="MH25" s="348">
        <v>0</v>
      </c>
      <c r="MI25" s="403">
        <v>0</v>
      </c>
      <c r="MJ25" s="344">
        <v>622309</v>
      </c>
      <c r="MK25" s="344">
        <v>854434</v>
      </c>
      <c r="ML25" s="344">
        <v>925428</v>
      </c>
      <c r="MM25" s="344">
        <v>3428296</v>
      </c>
      <c r="MN25" s="344">
        <v>1587053</v>
      </c>
      <c r="MO25" s="348">
        <v>7417520</v>
      </c>
      <c r="MP25" s="353">
        <v>7417520</v>
      </c>
      <c r="MQ25" s="347">
        <v>0</v>
      </c>
      <c r="MR25" s="344">
        <v>0</v>
      </c>
      <c r="MS25" s="348">
        <v>0</v>
      </c>
      <c r="MT25" s="403">
        <v>0</v>
      </c>
      <c r="MU25" s="344">
        <v>0</v>
      </c>
      <c r="MV25" s="344">
        <v>390345</v>
      </c>
      <c r="MW25" s="344">
        <v>426440</v>
      </c>
      <c r="MX25" s="344">
        <v>1893856</v>
      </c>
      <c r="MY25" s="344">
        <v>1587053</v>
      </c>
      <c r="MZ25" s="348">
        <v>4297694</v>
      </c>
      <c r="NA25" s="353">
        <v>4297694</v>
      </c>
      <c r="NB25" s="347">
        <v>0</v>
      </c>
      <c r="NC25" s="344">
        <v>0</v>
      </c>
      <c r="ND25" s="348">
        <v>0</v>
      </c>
      <c r="NE25" s="403">
        <v>0</v>
      </c>
      <c r="NF25" s="344">
        <v>622309</v>
      </c>
      <c r="NG25" s="344">
        <v>464089</v>
      </c>
      <c r="NH25" s="344">
        <v>498988</v>
      </c>
      <c r="NI25" s="344">
        <v>1534440</v>
      </c>
      <c r="NJ25" s="344">
        <v>0</v>
      </c>
      <c r="NK25" s="348">
        <v>3119826</v>
      </c>
      <c r="NL25" s="346">
        <v>3119826</v>
      </c>
      <c r="NM25" s="347">
        <v>0</v>
      </c>
      <c r="NN25" s="344">
        <v>0</v>
      </c>
      <c r="NO25" s="348">
        <v>0</v>
      </c>
      <c r="NP25" s="403">
        <v>0</v>
      </c>
      <c r="NQ25" s="344">
        <v>0</v>
      </c>
      <c r="NR25" s="344">
        <v>0</v>
      </c>
      <c r="NS25" s="344">
        <v>0</v>
      </c>
      <c r="NT25" s="344">
        <v>0</v>
      </c>
      <c r="NU25" s="344">
        <v>0</v>
      </c>
      <c r="NV25" s="348">
        <v>0</v>
      </c>
      <c r="NW25" s="349">
        <v>0</v>
      </c>
      <c r="NX25" s="347">
        <v>0</v>
      </c>
      <c r="NY25" s="344">
        <v>0</v>
      </c>
      <c r="NZ25" s="348">
        <v>0</v>
      </c>
      <c r="OA25" s="403">
        <v>0</v>
      </c>
      <c r="OB25" s="344">
        <v>0</v>
      </c>
      <c r="OC25" s="344">
        <v>0</v>
      </c>
      <c r="OD25" s="344">
        <v>0</v>
      </c>
      <c r="OE25" s="344">
        <v>0</v>
      </c>
      <c r="OF25" s="344">
        <v>0</v>
      </c>
      <c r="OG25" s="348">
        <v>0</v>
      </c>
      <c r="OH25" s="349">
        <v>0</v>
      </c>
      <c r="OI25" s="347">
        <v>228641</v>
      </c>
      <c r="OJ25" s="344">
        <v>619788</v>
      </c>
      <c r="OK25" s="345">
        <v>848429</v>
      </c>
      <c r="OL25" s="350">
        <v>0</v>
      </c>
      <c r="OM25" s="344">
        <v>3407722</v>
      </c>
      <c r="ON25" s="344">
        <v>5351762</v>
      </c>
      <c r="OO25" s="344">
        <v>4922298</v>
      </c>
      <c r="OP25" s="344">
        <v>7026510</v>
      </c>
      <c r="OQ25" s="344">
        <v>4787850</v>
      </c>
      <c r="OR25" s="348">
        <v>25496142</v>
      </c>
      <c r="OS25" s="353">
        <v>26344571</v>
      </c>
    </row>
    <row r="26" spans="2:409" s="70" customFormat="1" ht="21" customHeight="1" x14ac:dyDescent="0.2">
      <c r="B26" s="409" t="s">
        <v>21</v>
      </c>
      <c r="C26" s="325">
        <v>181064</v>
      </c>
      <c r="D26" s="326">
        <v>397656</v>
      </c>
      <c r="E26" s="327">
        <v>578720</v>
      </c>
      <c r="F26" s="328">
        <v>0</v>
      </c>
      <c r="G26" s="326">
        <v>2836448</v>
      </c>
      <c r="H26" s="326">
        <v>2433983</v>
      </c>
      <c r="I26" s="326">
        <v>2839051</v>
      </c>
      <c r="J26" s="326">
        <v>3373050</v>
      </c>
      <c r="K26" s="326">
        <v>1266005</v>
      </c>
      <c r="L26" s="366">
        <v>12748537</v>
      </c>
      <c r="M26" s="329">
        <v>13327257</v>
      </c>
      <c r="N26" s="325">
        <v>31486</v>
      </c>
      <c r="O26" s="326">
        <v>156640</v>
      </c>
      <c r="P26" s="327">
        <v>188126</v>
      </c>
      <c r="Q26" s="325">
        <v>0</v>
      </c>
      <c r="R26" s="326">
        <v>905501</v>
      </c>
      <c r="S26" s="326">
        <v>1099336</v>
      </c>
      <c r="T26" s="326">
        <v>814208</v>
      </c>
      <c r="U26" s="326">
        <v>1183444</v>
      </c>
      <c r="V26" s="326">
        <v>486073</v>
      </c>
      <c r="W26" s="327">
        <v>4488562</v>
      </c>
      <c r="X26" s="329">
        <v>4676688</v>
      </c>
      <c r="Y26" s="325">
        <v>0</v>
      </c>
      <c r="Z26" s="326">
        <v>0</v>
      </c>
      <c r="AA26" s="327">
        <v>0</v>
      </c>
      <c r="AB26" s="325">
        <v>0</v>
      </c>
      <c r="AC26" s="326">
        <v>410669</v>
      </c>
      <c r="AD26" s="326">
        <v>461028</v>
      </c>
      <c r="AE26" s="326">
        <v>388455</v>
      </c>
      <c r="AF26" s="326">
        <v>821634</v>
      </c>
      <c r="AG26" s="326">
        <v>-309432</v>
      </c>
      <c r="AH26" s="327">
        <v>1772354</v>
      </c>
      <c r="AI26" s="329">
        <v>1772354</v>
      </c>
      <c r="AJ26" s="325">
        <v>0</v>
      </c>
      <c r="AK26" s="326">
        <v>0</v>
      </c>
      <c r="AL26" s="327">
        <v>0</v>
      </c>
      <c r="AM26" s="325">
        <v>0</v>
      </c>
      <c r="AN26" s="326">
        <v>0</v>
      </c>
      <c r="AO26" s="326">
        <v>40917</v>
      </c>
      <c r="AP26" s="326">
        <v>0</v>
      </c>
      <c r="AQ26" s="326">
        <v>0</v>
      </c>
      <c r="AR26" s="326">
        <v>249762</v>
      </c>
      <c r="AS26" s="327">
        <v>290679</v>
      </c>
      <c r="AT26" s="329">
        <v>290679</v>
      </c>
      <c r="AU26" s="325">
        <v>0</v>
      </c>
      <c r="AV26" s="326">
        <v>16657</v>
      </c>
      <c r="AW26" s="327">
        <v>16657</v>
      </c>
      <c r="AX26" s="325">
        <v>0</v>
      </c>
      <c r="AY26" s="326">
        <v>270202</v>
      </c>
      <c r="AZ26" s="326">
        <v>394713</v>
      </c>
      <c r="BA26" s="326">
        <v>283191</v>
      </c>
      <c r="BB26" s="326">
        <v>124510</v>
      </c>
      <c r="BC26" s="326">
        <v>381599</v>
      </c>
      <c r="BD26" s="327">
        <v>1454215</v>
      </c>
      <c r="BE26" s="329">
        <v>1470872</v>
      </c>
      <c r="BF26" s="325">
        <v>0</v>
      </c>
      <c r="BG26" s="326">
        <v>56361</v>
      </c>
      <c r="BH26" s="330">
        <v>56361</v>
      </c>
      <c r="BI26" s="331">
        <v>0</v>
      </c>
      <c r="BJ26" s="326">
        <v>0</v>
      </c>
      <c r="BK26" s="326">
        <v>0</v>
      </c>
      <c r="BL26" s="326">
        <v>0</v>
      </c>
      <c r="BM26" s="326">
        <v>0</v>
      </c>
      <c r="BN26" s="326">
        <v>84078</v>
      </c>
      <c r="BO26" s="327">
        <v>84078</v>
      </c>
      <c r="BP26" s="329">
        <v>140439</v>
      </c>
      <c r="BQ26" s="325">
        <v>31486</v>
      </c>
      <c r="BR26" s="326">
        <v>83622</v>
      </c>
      <c r="BS26" s="327">
        <v>115108</v>
      </c>
      <c r="BT26" s="325">
        <v>0</v>
      </c>
      <c r="BU26" s="326">
        <v>224630</v>
      </c>
      <c r="BV26" s="326">
        <v>202678</v>
      </c>
      <c r="BW26" s="326">
        <v>142562</v>
      </c>
      <c r="BX26" s="326">
        <v>237300</v>
      </c>
      <c r="BY26" s="326">
        <v>80066</v>
      </c>
      <c r="BZ26" s="327">
        <v>887236</v>
      </c>
      <c r="CA26" s="329">
        <v>1002344</v>
      </c>
      <c r="CB26" s="325">
        <v>0</v>
      </c>
      <c r="CC26" s="326">
        <v>33187</v>
      </c>
      <c r="CD26" s="327">
        <v>33187</v>
      </c>
      <c r="CE26" s="325">
        <v>0</v>
      </c>
      <c r="CF26" s="326">
        <v>855876</v>
      </c>
      <c r="CG26" s="326">
        <v>578363</v>
      </c>
      <c r="CH26" s="326">
        <v>453778</v>
      </c>
      <c r="CI26" s="326">
        <v>139532</v>
      </c>
      <c r="CJ26" s="326">
        <v>256605</v>
      </c>
      <c r="CK26" s="327">
        <v>2284154</v>
      </c>
      <c r="CL26" s="329">
        <v>2317341</v>
      </c>
      <c r="CM26" s="325">
        <v>0</v>
      </c>
      <c r="CN26" s="326">
        <v>0</v>
      </c>
      <c r="CO26" s="327">
        <v>0</v>
      </c>
      <c r="CP26" s="331">
        <v>0</v>
      </c>
      <c r="CQ26" s="326">
        <v>679644</v>
      </c>
      <c r="CR26" s="326">
        <v>479081</v>
      </c>
      <c r="CS26" s="326">
        <v>355220</v>
      </c>
      <c r="CT26" s="326">
        <v>139532</v>
      </c>
      <c r="CU26" s="326">
        <v>-105628</v>
      </c>
      <c r="CV26" s="327">
        <v>1547849</v>
      </c>
      <c r="CW26" s="329">
        <v>1547849</v>
      </c>
      <c r="CX26" s="325">
        <v>0</v>
      </c>
      <c r="CY26" s="326">
        <v>33187</v>
      </c>
      <c r="CZ26" s="327">
        <v>33187</v>
      </c>
      <c r="DA26" s="325">
        <v>0</v>
      </c>
      <c r="DB26" s="326">
        <v>176232</v>
      </c>
      <c r="DC26" s="326">
        <v>99282</v>
      </c>
      <c r="DD26" s="326">
        <v>98558</v>
      </c>
      <c r="DE26" s="326">
        <v>0</v>
      </c>
      <c r="DF26" s="326">
        <v>362233</v>
      </c>
      <c r="DG26" s="327">
        <v>736305</v>
      </c>
      <c r="DH26" s="329">
        <v>769492</v>
      </c>
      <c r="DI26" s="325">
        <v>0</v>
      </c>
      <c r="DJ26" s="326">
        <v>59101</v>
      </c>
      <c r="DK26" s="330">
        <v>59101</v>
      </c>
      <c r="DL26" s="331">
        <v>0</v>
      </c>
      <c r="DM26" s="326">
        <v>87231</v>
      </c>
      <c r="DN26" s="326">
        <v>55741</v>
      </c>
      <c r="DO26" s="326">
        <v>176595</v>
      </c>
      <c r="DP26" s="326">
        <v>218432</v>
      </c>
      <c r="DQ26" s="326">
        <v>0</v>
      </c>
      <c r="DR26" s="327">
        <v>537999</v>
      </c>
      <c r="DS26" s="329">
        <v>597100</v>
      </c>
      <c r="DT26" s="325">
        <v>0</v>
      </c>
      <c r="DU26" s="326">
        <v>59101</v>
      </c>
      <c r="DV26" s="327">
        <v>59101</v>
      </c>
      <c r="DW26" s="325">
        <v>0</v>
      </c>
      <c r="DX26" s="326">
        <v>87231</v>
      </c>
      <c r="DY26" s="326">
        <v>55741</v>
      </c>
      <c r="DZ26" s="326">
        <v>85721</v>
      </c>
      <c r="EA26" s="326">
        <v>0</v>
      </c>
      <c r="EB26" s="326">
        <v>0</v>
      </c>
      <c r="EC26" s="327">
        <v>228693</v>
      </c>
      <c r="ED26" s="329">
        <v>287794</v>
      </c>
      <c r="EE26" s="325">
        <v>0</v>
      </c>
      <c r="EF26" s="330">
        <v>0</v>
      </c>
      <c r="EG26" s="327">
        <v>0</v>
      </c>
      <c r="EH26" s="325">
        <v>0</v>
      </c>
      <c r="EI26" s="326">
        <v>0</v>
      </c>
      <c r="EJ26" s="326">
        <v>0</v>
      </c>
      <c r="EK26" s="326">
        <v>90874</v>
      </c>
      <c r="EL26" s="326">
        <v>218432</v>
      </c>
      <c r="EM26" s="326">
        <v>0</v>
      </c>
      <c r="EN26" s="330">
        <v>309306</v>
      </c>
      <c r="EO26" s="329">
        <v>309306</v>
      </c>
      <c r="EP26" s="325">
        <v>0</v>
      </c>
      <c r="EQ26" s="326">
        <v>0</v>
      </c>
      <c r="ER26" s="330">
        <v>0</v>
      </c>
      <c r="ES26" s="331">
        <v>0</v>
      </c>
      <c r="ET26" s="326">
        <v>0</v>
      </c>
      <c r="EU26" s="326">
        <v>0</v>
      </c>
      <c r="EV26" s="326">
        <v>0</v>
      </c>
      <c r="EW26" s="326">
        <v>0</v>
      </c>
      <c r="EX26" s="326">
        <v>0</v>
      </c>
      <c r="EY26" s="327">
        <v>0</v>
      </c>
      <c r="EZ26" s="329">
        <v>0</v>
      </c>
      <c r="FA26" s="325">
        <v>0</v>
      </c>
      <c r="FB26" s="326">
        <v>0</v>
      </c>
      <c r="FC26" s="330">
        <v>0</v>
      </c>
      <c r="FD26" s="403">
        <v>0</v>
      </c>
      <c r="FE26" s="326">
        <v>0</v>
      </c>
      <c r="FF26" s="326">
        <v>0</v>
      </c>
      <c r="FG26" s="326">
        <v>0</v>
      </c>
      <c r="FH26" s="326">
        <v>0</v>
      </c>
      <c r="FI26" s="326">
        <v>0</v>
      </c>
      <c r="FJ26" s="327">
        <v>0</v>
      </c>
      <c r="FK26" s="329">
        <v>0</v>
      </c>
      <c r="FL26" s="325">
        <v>52164</v>
      </c>
      <c r="FM26" s="326">
        <v>67788</v>
      </c>
      <c r="FN26" s="327">
        <v>119952</v>
      </c>
      <c r="FO26" s="325">
        <v>0</v>
      </c>
      <c r="FP26" s="326">
        <v>116949</v>
      </c>
      <c r="FQ26" s="326">
        <v>212590</v>
      </c>
      <c r="FR26" s="326">
        <v>134099</v>
      </c>
      <c r="FS26" s="326">
        <v>141946</v>
      </c>
      <c r="FT26" s="326">
        <v>213780</v>
      </c>
      <c r="FU26" s="327">
        <v>819364</v>
      </c>
      <c r="FV26" s="329">
        <v>939316</v>
      </c>
      <c r="FW26" s="332">
        <v>52164</v>
      </c>
      <c r="FX26" s="326">
        <v>67788</v>
      </c>
      <c r="FY26" s="330">
        <v>119952</v>
      </c>
      <c r="FZ26" s="331">
        <v>0</v>
      </c>
      <c r="GA26" s="326">
        <v>116949</v>
      </c>
      <c r="GB26" s="326">
        <v>212590</v>
      </c>
      <c r="GC26" s="326">
        <v>134099</v>
      </c>
      <c r="GD26" s="326">
        <v>141946</v>
      </c>
      <c r="GE26" s="326">
        <v>213780</v>
      </c>
      <c r="GF26" s="327">
        <v>819364</v>
      </c>
      <c r="GG26" s="333">
        <v>939316</v>
      </c>
      <c r="GH26" s="332">
        <v>0</v>
      </c>
      <c r="GI26" s="326">
        <v>0</v>
      </c>
      <c r="GJ26" s="330">
        <v>0</v>
      </c>
      <c r="GK26" s="331">
        <v>0</v>
      </c>
      <c r="GL26" s="326">
        <v>0</v>
      </c>
      <c r="GM26" s="326">
        <v>0</v>
      </c>
      <c r="GN26" s="326">
        <v>0</v>
      </c>
      <c r="GO26" s="326">
        <v>0</v>
      </c>
      <c r="GP26" s="326">
        <v>0</v>
      </c>
      <c r="GQ26" s="327">
        <v>0</v>
      </c>
      <c r="GR26" s="329">
        <v>0</v>
      </c>
      <c r="GS26" s="325">
        <v>0</v>
      </c>
      <c r="GT26" s="326">
        <v>0</v>
      </c>
      <c r="GU26" s="327">
        <v>0</v>
      </c>
      <c r="GV26" s="325">
        <v>0</v>
      </c>
      <c r="GW26" s="326">
        <v>0</v>
      </c>
      <c r="GX26" s="326">
        <v>0</v>
      </c>
      <c r="GY26" s="326">
        <v>0</v>
      </c>
      <c r="GZ26" s="326">
        <v>0</v>
      </c>
      <c r="HA26" s="326">
        <v>0</v>
      </c>
      <c r="HB26" s="330">
        <v>0</v>
      </c>
      <c r="HC26" s="329">
        <v>0</v>
      </c>
      <c r="HD26" s="325">
        <v>97414</v>
      </c>
      <c r="HE26" s="326">
        <v>80940</v>
      </c>
      <c r="HF26" s="330">
        <v>178354</v>
      </c>
      <c r="HG26" s="331">
        <v>0</v>
      </c>
      <c r="HH26" s="326">
        <v>870891</v>
      </c>
      <c r="HI26" s="326">
        <v>487953</v>
      </c>
      <c r="HJ26" s="326">
        <v>1260371</v>
      </c>
      <c r="HK26" s="326">
        <v>1689696</v>
      </c>
      <c r="HL26" s="326">
        <v>309547</v>
      </c>
      <c r="HM26" s="327">
        <v>4618458</v>
      </c>
      <c r="HN26" s="328">
        <v>4796812</v>
      </c>
      <c r="HO26" s="332">
        <v>0</v>
      </c>
      <c r="HP26" s="326">
        <v>0</v>
      </c>
      <c r="HQ26" s="327">
        <v>0</v>
      </c>
      <c r="HR26" s="325">
        <v>0</v>
      </c>
      <c r="HS26" s="326">
        <v>0</v>
      </c>
      <c r="HT26" s="326">
        <v>0</v>
      </c>
      <c r="HU26" s="326">
        <v>0</v>
      </c>
      <c r="HV26" s="326">
        <v>0</v>
      </c>
      <c r="HW26" s="326">
        <v>0</v>
      </c>
      <c r="HX26" s="330">
        <v>0</v>
      </c>
      <c r="HY26" s="329">
        <v>0</v>
      </c>
      <c r="HZ26" s="357">
        <v>0</v>
      </c>
      <c r="IA26" s="355">
        <v>0</v>
      </c>
      <c r="IB26" s="357">
        <v>0</v>
      </c>
      <c r="IC26" s="354">
        <v>0</v>
      </c>
      <c r="ID26" s="355">
        <v>593456</v>
      </c>
      <c r="IE26" s="356">
        <v>448443</v>
      </c>
      <c r="IF26" s="357">
        <v>447098</v>
      </c>
      <c r="IG26" s="355">
        <v>928254</v>
      </c>
      <c r="IH26" s="357">
        <v>281693</v>
      </c>
      <c r="II26" s="358">
        <v>2698944</v>
      </c>
      <c r="IJ26" s="357">
        <v>2698944</v>
      </c>
      <c r="IK26" s="341">
        <v>0</v>
      </c>
      <c r="IL26" s="342">
        <v>0</v>
      </c>
      <c r="IM26" s="343">
        <v>0</v>
      </c>
      <c r="IN26" s="403">
        <v>0</v>
      </c>
      <c r="IO26" s="344">
        <v>55875</v>
      </c>
      <c r="IP26" s="344">
        <v>0</v>
      </c>
      <c r="IQ26" s="344">
        <v>0</v>
      </c>
      <c r="IR26" s="344">
        <v>0</v>
      </c>
      <c r="IS26" s="344">
        <v>0</v>
      </c>
      <c r="IT26" s="345">
        <v>55875</v>
      </c>
      <c r="IU26" s="346">
        <v>55875</v>
      </c>
      <c r="IV26" s="347">
        <v>0</v>
      </c>
      <c r="IW26" s="344">
        <v>0</v>
      </c>
      <c r="IX26" s="348">
        <v>0</v>
      </c>
      <c r="IY26" s="403">
        <v>0</v>
      </c>
      <c r="IZ26" s="344">
        <v>0</v>
      </c>
      <c r="JA26" s="344">
        <v>0</v>
      </c>
      <c r="JB26" s="344">
        <v>0</v>
      </c>
      <c r="JC26" s="344">
        <v>0</v>
      </c>
      <c r="JD26" s="344">
        <v>0</v>
      </c>
      <c r="JE26" s="348">
        <v>0</v>
      </c>
      <c r="JF26" s="349">
        <v>0</v>
      </c>
      <c r="JG26" s="347">
        <v>0</v>
      </c>
      <c r="JH26" s="344">
        <v>0</v>
      </c>
      <c r="JI26" s="345">
        <v>0</v>
      </c>
      <c r="JJ26" s="350">
        <v>0</v>
      </c>
      <c r="JK26" s="344">
        <v>448378</v>
      </c>
      <c r="JL26" s="344">
        <v>222915</v>
      </c>
      <c r="JM26" s="344">
        <v>59646</v>
      </c>
      <c r="JN26" s="344">
        <v>33121</v>
      </c>
      <c r="JO26" s="344">
        <v>0</v>
      </c>
      <c r="JP26" s="348">
        <v>764060</v>
      </c>
      <c r="JQ26" s="346">
        <v>764060</v>
      </c>
      <c r="JR26" s="347">
        <v>0</v>
      </c>
      <c r="JS26" s="344">
        <v>0</v>
      </c>
      <c r="JT26" s="345">
        <v>0</v>
      </c>
      <c r="JU26" s="350">
        <v>0</v>
      </c>
      <c r="JV26" s="344">
        <v>0</v>
      </c>
      <c r="JW26" s="344">
        <v>0</v>
      </c>
      <c r="JX26" s="344">
        <v>0</v>
      </c>
      <c r="JY26" s="344">
        <v>0</v>
      </c>
      <c r="JZ26" s="344">
        <v>0</v>
      </c>
      <c r="KA26" s="348">
        <v>0</v>
      </c>
      <c r="KB26" s="346">
        <v>0</v>
      </c>
      <c r="KC26" s="351">
        <v>0</v>
      </c>
      <c r="KD26" s="352">
        <v>0</v>
      </c>
      <c r="KE26" s="348">
        <v>0</v>
      </c>
      <c r="KF26" s="350">
        <v>0</v>
      </c>
      <c r="KG26" s="344">
        <v>89203</v>
      </c>
      <c r="KH26" s="344">
        <v>0</v>
      </c>
      <c r="KI26" s="344">
        <v>387452</v>
      </c>
      <c r="KJ26" s="344">
        <v>0</v>
      </c>
      <c r="KK26" s="344">
        <v>0</v>
      </c>
      <c r="KL26" s="348">
        <v>476655</v>
      </c>
      <c r="KM26" s="353">
        <v>476655</v>
      </c>
      <c r="KN26" s="341">
        <v>0</v>
      </c>
      <c r="KO26" s="342">
        <v>0</v>
      </c>
      <c r="KP26" s="343">
        <v>0</v>
      </c>
      <c r="KQ26" s="403">
        <v>0</v>
      </c>
      <c r="KR26" s="344">
        <v>0</v>
      </c>
      <c r="KS26" s="344">
        <v>225528</v>
      </c>
      <c r="KT26" s="344">
        <v>0</v>
      </c>
      <c r="KU26" s="344">
        <v>895133</v>
      </c>
      <c r="KV26" s="344">
        <v>0</v>
      </c>
      <c r="KW26" s="348">
        <v>1120661</v>
      </c>
      <c r="KX26" s="346">
        <v>1120661</v>
      </c>
      <c r="KY26" s="347">
        <v>0</v>
      </c>
      <c r="KZ26" s="344">
        <v>0</v>
      </c>
      <c r="LA26" s="348">
        <v>0</v>
      </c>
      <c r="LB26" s="403">
        <v>0</v>
      </c>
      <c r="LC26" s="344">
        <v>0</v>
      </c>
      <c r="LD26" s="344">
        <v>0</v>
      </c>
      <c r="LE26" s="344">
        <v>0</v>
      </c>
      <c r="LF26" s="344">
        <v>0</v>
      </c>
      <c r="LG26" s="344">
        <v>0</v>
      </c>
      <c r="LH26" s="348">
        <v>0</v>
      </c>
      <c r="LI26" s="349">
        <v>0</v>
      </c>
      <c r="LJ26" s="347">
        <v>0</v>
      </c>
      <c r="LK26" s="344">
        <v>0</v>
      </c>
      <c r="LL26" s="348">
        <v>0</v>
      </c>
      <c r="LM26" s="403">
        <v>0</v>
      </c>
      <c r="LN26" s="344">
        <v>0</v>
      </c>
      <c r="LO26" s="344">
        <v>0</v>
      </c>
      <c r="LP26" s="344">
        <v>0</v>
      </c>
      <c r="LQ26" s="344">
        <v>0</v>
      </c>
      <c r="LR26" s="344">
        <v>0</v>
      </c>
      <c r="LS26" s="348">
        <v>0</v>
      </c>
      <c r="LT26" s="346">
        <v>0</v>
      </c>
      <c r="LU26" s="347">
        <v>0</v>
      </c>
      <c r="LV26" s="344">
        <v>0</v>
      </c>
      <c r="LW26" s="348">
        <v>0</v>
      </c>
      <c r="LX26" s="403">
        <v>0</v>
      </c>
      <c r="LY26" s="344">
        <v>0</v>
      </c>
      <c r="LZ26" s="344">
        <v>0</v>
      </c>
      <c r="MA26" s="344">
        <v>0</v>
      </c>
      <c r="MB26" s="344">
        <v>0</v>
      </c>
      <c r="MC26" s="344">
        <v>281693</v>
      </c>
      <c r="MD26" s="348">
        <v>281693</v>
      </c>
      <c r="ME26" s="349">
        <v>281693</v>
      </c>
      <c r="MF26" s="347">
        <v>0</v>
      </c>
      <c r="MG26" s="344">
        <v>0</v>
      </c>
      <c r="MH26" s="348">
        <v>0</v>
      </c>
      <c r="MI26" s="403">
        <v>0</v>
      </c>
      <c r="MJ26" s="344">
        <v>0</v>
      </c>
      <c r="MK26" s="344">
        <v>636195</v>
      </c>
      <c r="ML26" s="344">
        <v>1300288</v>
      </c>
      <c r="MM26" s="344">
        <v>1953843</v>
      </c>
      <c r="MN26" s="344">
        <v>1288191</v>
      </c>
      <c r="MO26" s="348">
        <v>5178517</v>
      </c>
      <c r="MP26" s="353">
        <v>5178517</v>
      </c>
      <c r="MQ26" s="347">
        <v>0</v>
      </c>
      <c r="MR26" s="344">
        <v>0</v>
      </c>
      <c r="MS26" s="348">
        <v>0</v>
      </c>
      <c r="MT26" s="403">
        <v>0</v>
      </c>
      <c r="MU26" s="344">
        <v>0</v>
      </c>
      <c r="MV26" s="344">
        <v>0</v>
      </c>
      <c r="MW26" s="344">
        <v>451027</v>
      </c>
      <c r="MX26" s="344">
        <v>1651555</v>
      </c>
      <c r="MY26" s="344">
        <v>1288191</v>
      </c>
      <c r="MZ26" s="348">
        <v>3390773</v>
      </c>
      <c r="NA26" s="353">
        <v>3390773</v>
      </c>
      <c r="NB26" s="347">
        <v>0</v>
      </c>
      <c r="NC26" s="344">
        <v>0</v>
      </c>
      <c r="ND26" s="348">
        <v>0</v>
      </c>
      <c r="NE26" s="403">
        <v>0</v>
      </c>
      <c r="NF26" s="344">
        <v>0</v>
      </c>
      <c r="NG26" s="344">
        <v>636195</v>
      </c>
      <c r="NH26" s="344">
        <v>524348</v>
      </c>
      <c r="NI26" s="344">
        <v>302288</v>
      </c>
      <c r="NJ26" s="344">
        <v>0</v>
      </c>
      <c r="NK26" s="348">
        <v>1462831</v>
      </c>
      <c r="NL26" s="346">
        <v>1462831</v>
      </c>
      <c r="NM26" s="347">
        <v>0</v>
      </c>
      <c r="NN26" s="344">
        <v>0</v>
      </c>
      <c r="NO26" s="348">
        <v>0</v>
      </c>
      <c r="NP26" s="403">
        <v>0</v>
      </c>
      <c r="NQ26" s="344">
        <v>0</v>
      </c>
      <c r="NR26" s="344">
        <v>0</v>
      </c>
      <c r="NS26" s="344">
        <v>0</v>
      </c>
      <c r="NT26" s="344">
        <v>0</v>
      </c>
      <c r="NU26" s="344">
        <v>0</v>
      </c>
      <c r="NV26" s="348">
        <v>0</v>
      </c>
      <c r="NW26" s="349">
        <v>0</v>
      </c>
      <c r="NX26" s="347">
        <v>0</v>
      </c>
      <c r="NY26" s="344">
        <v>0</v>
      </c>
      <c r="NZ26" s="348">
        <v>0</v>
      </c>
      <c r="OA26" s="403">
        <v>0</v>
      </c>
      <c r="OB26" s="344">
        <v>0</v>
      </c>
      <c r="OC26" s="344">
        <v>0</v>
      </c>
      <c r="OD26" s="344">
        <v>324913</v>
      </c>
      <c r="OE26" s="344">
        <v>0</v>
      </c>
      <c r="OF26" s="344">
        <v>0</v>
      </c>
      <c r="OG26" s="348">
        <v>324913</v>
      </c>
      <c r="OH26" s="349">
        <v>324913</v>
      </c>
      <c r="OI26" s="347">
        <v>181064</v>
      </c>
      <c r="OJ26" s="344">
        <v>397656</v>
      </c>
      <c r="OK26" s="345">
        <v>578720</v>
      </c>
      <c r="OL26" s="350">
        <v>0</v>
      </c>
      <c r="OM26" s="344">
        <v>3429904</v>
      </c>
      <c r="ON26" s="344">
        <v>3518621</v>
      </c>
      <c r="OO26" s="344">
        <v>4586437</v>
      </c>
      <c r="OP26" s="344">
        <v>6255147</v>
      </c>
      <c r="OQ26" s="344">
        <v>2835889</v>
      </c>
      <c r="OR26" s="348">
        <v>20625998</v>
      </c>
      <c r="OS26" s="353">
        <v>21204718</v>
      </c>
    </row>
    <row r="27" spans="2:409" s="70" customFormat="1" ht="21" customHeight="1" x14ac:dyDescent="0.2">
      <c r="B27" s="409" t="s">
        <v>22</v>
      </c>
      <c r="C27" s="325">
        <v>47278</v>
      </c>
      <c r="D27" s="326">
        <v>51408</v>
      </c>
      <c r="E27" s="327">
        <v>98686</v>
      </c>
      <c r="F27" s="328">
        <v>0</v>
      </c>
      <c r="G27" s="326">
        <v>921952</v>
      </c>
      <c r="H27" s="326">
        <v>1060644</v>
      </c>
      <c r="I27" s="326">
        <v>1355814</v>
      </c>
      <c r="J27" s="326">
        <v>1387397</v>
      </c>
      <c r="K27" s="326">
        <v>2145275</v>
      </c>
      <c r="L27" s="366">
        <v>6871082</v>
      </c>
      <c r="M27" s="329">
        <v>6969768</v>
      </c>
      <c r="N27" s="325">
        <v>0</v>
      </c>
      <c r="O27" s="326">
        <v>0</v>
      </c>
      <c r="P27" s="327">
        <v>0</v>
      </c>
      <c r="Q27" s="325">
        <v>0</v>
      </c>
      <c r="R27" s="326">
        <v>284063</v>
      </c>
      <c r="S27" s="326">
        <v>100815</v>
      </c>
      <c r="T27" s="326">
        <v>333461</v>
      </c>
      <c r="U27" s="326">
        <v>348028</v>
      </c>
      <c r="V27" s="326">
        <v>1433586</v>
      </c>
      <c r="W27" s="327">
        <v>2499953</v>
      </c>
      <c r="X27" s="329">
        <v>2499953</v>
      </c>
      <c r="Y27" s="325">
        <v>0</v>
      </c>
      <c r="Z27" s="326">
        <v>0</v>
      </c>
      <c r="AA27" s="327">
        <v>0</v>
      </c>
      <c r="AB27" s="325">
        <v>0</v>
      </c>
      <c r="AC27" s="326">
        <v>76083</v>
      </c>
      <c r="AD27" s="326">
        <v>25963</v>
      </c>
      <c r="AE27" s="326">
        <v>144769</v>
      </c>
      <c r="AF27" s="326">
        <v>189149</v>
      </c>
      <c r="AG27" s="326">
        <v>635959</v>
      </c>
      <c r="AH27" s="327">
        <v>1071923</v>
      </c>
      <c r="AI27" s="329">
        <v>1071923</v>
      </c>
      <c r="AJ27" s="325">
        <v>0</v>
      </c>
      <c r="AK27" s="326">
        <v>0</v>
      </c>
      <c r="AL27" s="327">
        <v>0</v>
      </c>
      <c r="AM27" s="325">
        <v>0</v>
      </c>
      <c r="AN27" s="326">
        <v>0</v>
      </c>
      <c r="AO27" s="326">
        <v>0</v>
      </c>
      <c r="AP27" s="326">
        <v>0</v>
      </c>
      <c r="AQ27" s="326">
        <v>0</v>
      </c>
      <c r="AR27" s="326">
        <v>400801</v>
      </c>
      <c r="AS27" s="327">
        <v>400801</v>
      </c>
      <c r="AT27" s="329">
        <v>400801</v>
      </c>
      <c r="AU27" s="325">
        <v>0</v>
      </c>
      <c r="AV27" s="326">
        <v>0</v>
      </c>
      <c r="AW27" s="327">
        <v>0</v>
      </c>
      <c r="AX27" s="325">
        <v>0</v>
      </c>
      <c r="AY27" s="326">
        <v>147598</v>
      </c>
      <c r="AZ27" s="326">
        <v>38760</v>
      </c>
      <c r="BA27" s="326">
        <v>117698</v>
      </c>
      <c r="BB27" s="326">
        <v>35546</v>
      </c>
      <c r="BC27" s="326">
        <v>370716</v>
      </c>
      <c r="BD27" s="327">
        <v>710318</v>
      </c>
      <c r="BE27" s="329">
        <v>710318</v>
      </c>
      <c r="BF27" s="325">
        <v>0</v>
      </c>
      <c r="BG27" s="326">
        <v>0</v>
      </c>
      <c r="BH27" s="330">
        <v>0</v>
      </c>
      <c r="BI27" s="331">
        <v>0</v>
      </c>
      <c r="BJ27" s="326">
        <v>46844</v>
      </c>
      <c r="BK27" s="326">
        <v>26768</v>
      </c>
      <c r="BL27" s="326">
        <v>0</v>
      </c>
      <c r="BM27" s="326">
        <v>60228</v>
      </c>
      <c r="BN27" s="326">
        <v>0</v>
      </c>
      <c r="BO27" s="327">
        <v>133840</v>
      </c>
      <c r="BP27" s="329">
        <v>133840</v>
      </c>
      <c r="BQ27" s="325">
        <v>0</v>
      </c>
      <c r="BR27" s="326">
        <v>0</v>
      </c>
      <c r="BS27" s="327">
        <v>0</v>
      </c>
      <c r="BT27" s="325">
        <v>0</v>
      </c>
      <c r="BU27" s="326">
        <v>13538</v>
      </c>
      <c r="BV27" s="326">
        <v>9324</v>
      </c>
      <c r="BW27" s="326">
        <v>70994</v>
      </c>
      <c r="BX27" s="326">
        <v>63105</v>
      </c>
      <c r="BY27" s="326">
        <v>26110</v>
      </c>
      <c r="BZ27" s="327">
        <v>183071</v>
      </c>
      <c r="CA27" s="329">
        <v>183071</v>
      </c>
      <c r="CB27" s="325">
        <v>32452</v>
      </c>
      <c r="CC27" s="326">
        <v>29848</v>
      </c>
      <c r="CD27" s="327">
        <v>62300</v>
      </c>
      <c r="CE27" s="325">
        <v>0</v>
      </c>
      <c r="CF27" s="326">
        <v>170632</v>
      </c>
      <c r="CG27" s="326">
        <v>513967</v>
      </c>
      <c r="CH27" s="326">
        <v>359758</v>
      </c>
      <c r="CI27" s="326">
        <v>458588</v>
      </c>
      <c r="CJ27" s="326">
        <v>121226</v>
      </c>
      <c r="CK27" s="327">
        <v>1624171</v>
      </c>
      <c r="CL27" s="329">
        <v>1686471</v>
      </c>
      <c r="CM27" s="325">
        <v>0</v>
      </c>
      <c r="CN27" s="326">
        <v>0</v>
      </c>
      <c r="CO27" s="327">
        <v>0</v>
      </c>
      <c r="CP27" s="331">
        <v>0</v>
      </c>
      <c r="CQ27" s="326">
        <v>114205</v>
      </c>
      <c r="CR27" s="326">
        <v>274927</v>
      </c>
      <c r="CS27" s="326">
        <v>291431</v>
      </c>
      <c r="CT27" s="326">
        <v>440008</v>
      </c>
      <c r="CU27" s="326">
        <v>121226</v>
      </c>
      <c r="CV27" s="327">
        <v>1241797</v>
      </c>
      <c r="CW27" s="329">
        <v>1241797</v>
      </c>
      <c r="CX27" s="325">
        <v>32452</v>
      </c>
      <c r="CY27" s="326">
        <v>29848</v>
      </c>
      <c r="CZ27" s="327">
        <v>62300</v>
      </c>
      <c r="DA27" s="325">
        <v>0</v>
      </c>
      <c r="DB27" s="326">
        <v>56427</v>
      </c>
      <c r="DC27" s="326">
        <v>239040</v>
      </c>
      <c r="DD27" s="326">
        <v>68327</v>
      </c>
      <c r="DE27" s="326">
        <v>18580</v>
      </c>
      <c r="DF27" s="326">
        <v>0</v>
      </c>
      <c r="DG27" s="327">
        <v>382374</v>
      </c>
      <c r="DH27" s="329">
        <v>444674</v>
      </c>
      <c r="DI27" s="325">
        <v>0</v>
      </c>
      <c r="DJ27" s="326">
        <v>0</v>
      </c>
      <c r="DK27" s="330">
        <v>0</v>
      </c>
      <c r="DL27" s="331">
        <v>0</v>
      </c>
      <c r="DM27" s="326">
        <v>0</v>
      </c>
      <c r="DN27" s="326">
        <v>204237</v>
      </c>
      <c r="DO27" s="326">
        <v>17598</v>
      </c>
      <c r="DP27" s="326">
        <v>119628</v>
      </c>
      <c r="DQ27" s="326">
        <v>0</v>
      </c>
      <c r="DR27" s="327">
        <v>341463</v>
      </c>
      <c r="DS27" s="329">
        <v>341463</v>
      </c>
      <c r="DT27" s="325">
        <v>0</v>
      </c>
      <c r="DU27" s="326">
        <v>0</v>
      </c>
      <c r="DV27" s="327">
        <v>0</v>
      </c>
      <c r="DW27" s="325">
        <v>0</v>
      </c>
      <c r="DX27" s="326">
        <v>0</v>
      </c>
      <c r="DY27" s="326">
        <v>204237</v>
      </c>
      <c r="DZ27" s="326">
        <v>17598</v>
      </c>
      <c r="EA27" s="326">
        <v>119628</v>
      </c>
      <c r="EB27" s="326">
        <v>0</v>
      </c>
      <c r="EC27" s="327">
        <v>341463</v>
      </c>
      <c r="ED27" s="329">
        <v>341463</v>
      </c>
      <c r="EE27" s="325">
        <v>0</v>
      </c>
      <c r="EF27" s="330">
        <v>0</v>
      </c>
      <c r="EG27" s="327">
        <v>0</v>
      </c>
      <c r="EH27" s="325">
        <v>0</v>
      </c>
      <c r="EI27" s="326">
        <v>0</v>
      </c>
      <c r="EJ27" s="326">
        <v>0</v>
      </c>
      <c r="EK27" s="326">
        <v>0</v>
      </c>
      <c r="EL27" s="326">
        <v>0</v>
      </c>
      <c r="EM27" s="326">
        <v>0</v>
      </c>
      <c r="EN27" s="330">
        <v>0</v>
      </c>
      <c r="EO27" s="329">
        <v>0</v>
      </c>
      <c r="EP27" s="325">
        <v>0</v>
      </c>
      <c r="EQ27" s="326">
        <v>0</v>
      </c>
      <c r="ER27" s="330">
        <v>0</v>
      </c>
      <c r="ES27" s="331">
        <v>0</v>
      </c>
      <c r="ET27" s="326">
        <v>0</v>
      </c>
      <c r="EU27" s="326">
        <v>0</v>
      </c>
      <c r="EV27" s="326">
        <v>0</v>
      </c>
      <c r="EW27" s="326">
        <v>0</v>
      </c>
      <c r="EX27" s="326">
        <v>0</v>
      </c>
      <c r="EY27" s="327">
        <v>0</v>
      </c>
      <c r="EZ27" s="329">
        <v>0</v>
      </c>
      <c r="FA27" s="325">
        <v>0</v>
      </c>
      <c r="FB27" s="326">
        <v>0</v>
      </c>
      <c r="FC27" s="330">
        <v>0</v>
      </c>
      <c r="FD27" s="403">
        <v>0</v>
      </c>
      <c r="FE27" s="326">
        <v>0</v>
      </c>
      <c r="FF27" s="326">
        <v>0</v>
      </c>
      <c r="FG27" s="326">
        <v>0</v>
      </c>
      <c r="FH27" s="326">
        <v>0</v>
      </c>
      <c r="FI27" s="326">
        <v>0</v>
      </c>
      <c r="FJ27" s="327">
        <v>0</v>
      </c>
      <c r="FK27" s="329">
        <v>0</v>
      </c>
      <c r="FL27" s="325">
        <v>14826</v>
      </c>
      <c r="FM27" s="326">
        <v>21560</v>
      </c>
      <c r="FN27" s="327">
        <v>36386</v>
      </c>
      <c r="FO27" s="325">
        <v>0</v>
      </c>
      <c r="FP27" s="326">
        <v>64260</v>
      </c>
      <c r="FQ27" s="326">
        <v>80549</v>
      </c>
      <c r="FR27" s="326">
        <v>130767</v>
      </c>
      <c r="FS27" s="326">
        <v>95921</v>
      </c>
      <c r="FT27" s="326">
        <v>170478</v>
      </c>
      <c r="FU27" s="327">
        <v>541975</v>
      </c>
      <c r="FV27" s="329">
        <v>578361</v>
      </c>
      <c r="FW27" s="332">
        <v>14826</v>
      </c>
      <c r="FX27" s="326">
        <v>21560</v>
      </c>
      <c r="FY27" s="330">
        <v>36386</v>
      </c>
      <c r="FZ27" s="331">
        <v>0</v>
      </c>
      <c r="GA27" s="326">
        <v>64260</v>
      </c>
      <c r="GB27" s="326">
        <v>80549</v>
      </c>
      <c r="GC27" s="326">
        <v>81067</v>
      </c>
      <c r="GD27" s="326">
        <v>95921</v>
      </c>
      <c r="GE27" s="326">
        <v>170478</v>
      </c>
      <c r="GF27" s="327">
        <v>492275</v>
      </c>
      <c r="GG27" s="333">
        <v>528661</v>
      </c>
      <c r="GH27" s="332">
        <v>0</v>
      </c>
      <c r="GI27" s="326">
        <v>0</v>
      </c>
      <c r="GJ27" s="330">
        <v>0</v>
      </c>
      <c r="GK27" s="331">
        <v>0</v>
      </c>
      <c r="GL27" s="326">
        <v>0</v>
      </c>
      <c r="GM27" s="326">
        <v>0</v>
      </c>
      <c r="GN27" s="326">
        <v>0</v>
      </c>
      <c r="GO27" s="326">
        <v>0</v>
      </c>
      <c r="GP27" s="326">
        <v>0</v>
      </c>
      <c r="GQ27" s="327">
        <v>0</v>
      </c>
      <c r="GR27" s="329">
        <v>0</v>
      </c>
      <c r="GS27" s="325">
        <v>0</v>
      </c>
      <c r="GT27" s="326">
        <v>0</v>
      </c>
      <c r="GU27" s="327">
        <v>0</v>
      </c>
      <c r="GV27" s="325">
        <v>0</v>
      </c>
      <c r="GW27" s="326">
        <v>0</v>
      </c>
      <c r="GX27" s="326">
        <v>0</v>
      </c>
      <c r="GY27" s="326">
        <v>49700</v>
      </c>
      <c r="GZ27" s="326">
        <v>0</v>
      </c>
      <c r="HA27" s="326">
        <v>0</v>
      </c>
      <c r="HB27" s="330">
        <v>49700</v>
      </c>
      <c r="HC27" s="329">
        <v>49700</v>
      </c>
      <c r="HD27" s="325">
        <v>0</v>
      </c>
      <c r="HE27" s="326">
        <v>0</v>
      </c>
      <c r="HF27" s="330">
        <v>0</v>
      </c>
      <c r="HG27" s="331">
        <v>0</v>
      </c>
      <c r="HH27" s="326">
        <v>402997</v>
      </c>
      <c r="HI27" s="326">
        <v>161076</v>
      </c>
      <c r="HJ27" s="326">
        <v>514230</v>
      </c>
      <c r="HK27" s="326">
        <v>365232</v>
      </c>
      <c r="HL27" s="326">
        <v>419985</v>
      </c>
      <c r="HM27" s="327">
        <v>1863520</v>
      </c>
      <c r="HN27" s="328">
        <v>1863520</v>
      </c>
      <c r="HO27" s="332">
        <v>0</v>
      </c>
      <c r="HP27" s="326">
        <v>0</v>
      </c>
      <c r="HQ27" s="327">
        <v>0</v>
      </c>
      <c r="HR27" s="325">
        <v>0</v>
      </c>
      <c r="HS27" s="326">
        <v>0</v>
      </c>
      <c r="HT27" s="326">
        <v>0</v>
      </c>
      <c r="HU27" s="326">
        <v>0</v>
      </c>
      <c r="HV27" s="326">
        <v>0</v>
      </c>
      <c r="HW27" s="326">
        <v>0</v>
      </c>
      <c r="HX27" s="330">
        <v>0</v>
      </c>
      <c r="HY27" s="329">
        <v>0</v>
      </c>
      <c r="HZ27" s="334">
        <v>0</v>
      </c>
      <c r="IA27" s="335">
        <v>0</v>
      </c>
      <c r="IB27" s="336">
        <v>0</v>
      </c>
      <c r="IC27" s="337">
        <v>0</v>
      </c>
      <c r="ID27" s="335">
        <v>237167</v>
      </c>
      <c r="IE27" s="338">
        <v>614432</v>
      </c>
      <c r="IF27" s="336">
        <v>140952</v>
      </c>
      <c r="IG27" s="335">
        <v>201005</v>
      </c>
      <c r="IH27" s="336">
        <v>0</v>
      </c>
      <c r="II27" s="339">
        <v>1193556</v>
      </c>
      <c r="IJ27" s="340">
        <v>1193556</v>
      </c>
      <c r="IK27" s="341">
        <v>0</v>
      </c>
      <c r="IL27" s="342">
        <v>0</v>
      </c>
      <c r="IM27" s="343">
        <v>0</v>
      </c>
      <c r="IN27" s="403">
        <v>0</v>
      </c>
      <c r="IO27" s="344">
        <v>0</v>
      </c>
      <c r="IP27" s="344">
        <v>0</v>
      </c>
      <c r="IQ27" s="344">
        <v>140952</v>
      </c>
      <c r="IR27" s="344">
        <v>165942</v>
      </c>
      <c r="IS27" s="344">
        <v>0</v>
      </c>
      <c r="IT27" s="345">
        <v>306894</v>
      </c>
      <c r="IU27" s="346">
        <v>306894</v>
      </c>
      <c r="IV27" s="347">
        <v>0</v>
      </c>
      <c r="IW27" s="344">
        <v>0</v>
      </c>
      <c r="IX27" s="348">
        <v>0</v>
      </c>
      <c r="IY27" s="403">
        <v>0</v>
      </c>
      <c r="IZ27" s="344">
        <v>0</v>
      </c>
      <c r="JA27" s="344">
        <v>0</v>
      </c>
      <c r="JB27" s="344">
        <v>0</v>
      </c>
      <c r="JC27" s="344">
        <v>0</v>
      </c>
      <c r="JD27" s="344">
        <v>0</v>
      </c>
      <c r="JE27" s="348">
        <v>0</v>
      </c>
      <c r="JF27" s="349">
        <v>0</v>
      </c>
      <c r="JG27" s="347">
        <v>0</v>
      </c>
      <c r="JH27" s="344">
        <v>0</v>
      </c>
      <c r="JI27" s="345">
        <v>0</v>
      </c>
      <c r="JJ27" s="350">
        <v>0</v>
      </c>
      <c r="JK27" s="344">
        <v>237167</v>
      </c>
      <c r="JL27" s="344">
        <v>212107</v>
      </c>
      <c r="JM27" s="344">
        <v>0</v>
      </c>
      <c r="JN27" s="344">
        <v>35063</v>
      </c>
      <c r="JO27" s="344">
        <v>0</v>
      </c>
      <c r="JP27" s="348">
        <v>484337</v>
      </c>
      <c r="JQ27" s="346">
        <v>484337</v>
      </c>
      <c r="JR27" s="347">
        <v>0</v>
      </c>
      <c r="JS27" s="344">
        <v>0</v>
      </c>
      <c r="JT27" s="345">
        <v>0</v>
      </c>
      <c r="JU27" s="350">
        <v>0</v>
      </c>
      <c r="JV27" s="344">
        <v>0</v>
      </c>
      <c r="JW27" s="344">
        <v>0</v>
      </c>
      <c r="JX27" s="344">
        <v>0</v>
      </c>
      <c r="JY27" s="344">
        <v>0</v>
      </c>
      <c r="JZ27" s="344">
        <v>0</v>
      </c>
      <c r="KA27" s="348">
        <v>0</v>
      </c>
      <c r="KB27" s="346">
        <v>0</v>
      </c>
      <c r="KC27" s="351">
        <v>0</v>
      </c>
      <c r="KD27" s="352">
        <v>0</v>
      </c>
      <c r="KE27" s="348">
        <v>0</v>
      </c>
      <c r="KF27" s="350">
        <v>0</v>
      </c>
      <c r="KG27" s="344">
        <v>0</v>
      </c>
      <c r="KH27" s="344">
        <v>402325</v>
      </c>
      <c r="KI27" s="344">
        <v>0</v>
      </c>
      <c r="KJ27" s="344">
        <v>0</v>
      </c>
      <c r="KK27" s="344">
        <v>0</v>
      </c>
      <c r="KL27" s="348">
        <v>402325</v>
      </c>
      <c r="KM27" s="353">
        <v>402325</v>
      </c>
      <c r="KN27" s="341">
        <v>0</v>
      </c>
      <c r="KO27" s="342">
        <v>0</v>
      </c>
      <c r="KP27" s="343">
        <v>0</v>
      </c>
      <c r="KQ27" s="403">
        <v>0</v>
      </c>
      <c r="KR27" s="344">
        <v>0</v>
      </c>
      <c r="KS27" s="344">
        <v>0</v>
      </c>
      <c r="KT27" s="344">
        <v>0</v>
      </c>
      <c r="KU27" s="344">
        <v>0</v>
      </c>
      <c r="KV27" s="344">
        <v>0</v>
      </c>
      <c r="KW27" s="348">
        <v>0</v>
      </c>
      <c r="KX27" s="346">
        <v>0</v>
      </c>
      <c r="KY27" s="347">
        <v>0</v>
      </c>
      <c r="KZ27" s="344">
        <v>0</v>
      </c>
      <c r="LA27" s="348">
        <v>0</v>
      </c>
      <c r="LB27" s="403">
        <v>0</v>
      </c>
      <c r="LC27" s="344">
        <v>0</v>
      </c>
      <c r="LD27" s="344">
        <v>0</v>
      </c>
      <c r="LE27" s="344">
        <v>0</v>
      </c>
      <c r="LF27" s="344">
        <v>0</v>
      </c>
      <c r="LG27" s="344">
        <v>0</v>
      </c>
      <c r="LH27" s="348">
        <v>0</v>
      </c>
      <c r="LI27" s="349">
        <v>0</v>
      </c>
      <c r="LJ27" s="347">
        <v>0</v>
      </c>
      <c r="LK27" s="344">
        <v>0</v>
      </c>
      <c r="LL27" s="348">
        <v>0</v>
      </c>
      <c r="LM27" s="403">
        <v>0</v>
      </c>
      <c r="LN27" s="344">
        <v>0</v>
      </c>
      <c r="LO27" s="344">
        <v>0</v>
      </c>
      <c r="LP27" s="344">
        <v>0</v>
      </c>
      <c r="LQ27" s="344">
        <v>0</v>
      </c>
      <c r="LR27" s="344">
        <v>0</v>
      </c>
      <c r="LS27" s="348">
        <v>0</v>
      </c>
      <c r="LT27" s="346">
        <v>0</v>
      </c>
      <c r="LU27" s="347">
        <v>0</v>
      </c>
      <c r="LV27" s="344">
        <v>0</v>
      </c>
      <c r="LW27" s="348">
        <v>0</v>
      </c>
      <c r="LX27" s="403">
        <v>0</v>
      </c>
      <c r="LY27" s="344">
        <v>0</v>
      </c>
      <c r="LZ27" s="344">
        <v>0</v>
      </c>
      <c r="MA27" s="344">
        <v>0</v>
      </c>
      <c r="MB27" s="344">
        <v>0</v>
      </c>
      <c r="MC27" s="344">
        <v>0</v>
      </c>
      <c r="MD27" s="348">
        <v>0</v>
      </c>
      <c r="ME27" s="349">
        <v>0</v>
      </c>
      <c r="MF27" s="347">
        <v>0</v>
      </c>
      <c r="MG27" s="344">
        <v>0</v>
      </c>
      <c r="MH27" s="348">
        <v>0</v>
      </c>
      <c r="MI27" s="403">
        <v>0</v>
      </c>
      <c r="MJ27" s="344">
        <v>0</v>
      </c>
      <c r="MK27" s="344">
        <v>407876</v>
      </c>
      <c r="ML27" s="344">
        <v>355770</v>
      </c>
      <c r="MM27" s="344">
        <v>497865</v>
      </c>
      <c r="MN27" s="344">
        <v>0</v>
      </c>
      <c r="MO27" s="348">
        <v>1261511</v>
      </c>
      <c r="MP27" s="353">
        <v>1261511</v>
      </c>
      <c r="MQ27" s="347">
        <v>0</v>
      </c>
      <c r="MR27" s="344">
        <v>0</v>
      </c>
      <c r="MS27" s="348">
        <v>0</v>
      </c>
      <c r="MT27" s="403">
        <v>0</v>
      </c>
      <c r="MU27" s="344">
        <v>0</v>
      </c>
      <c r="MV27" s="344">
        <v>195230</v>
      </c>
      <c r="MW27" s="344">
        <v>355770</v>
      </c>
      <c r="MX27" s="344">
        <v>238746</v>
      </c>
      <c r="MY27" s="344">
        <v>0</v>
      </c>
      <c r="MZ27" s="348">
        <v>789746</v>
      </c>
      <c r="NA27" s="353">
        <v>789746</v>
      </c>
      <c r="NB27" s="347">
        <v>0</v>
      </c>
      <c r="NC27" s="344">
        <v>0</v>
      </c>
      <c r="ND27" s="348">
        <v>0</v>
      </c>
      <c r="NE27" s="403">
        <v>0</v>
      </c>
      <c r="NF27" s="344">
        <v>0</v>
      </c>
      <c r="NG27" s="344">
        <v>212646</v>
      </c>
      <c r="NH27" s="344">
        <v>0</v>
      </c>
      <c r="NI27" s="344">
        <v>259119</v>
      </c>
      <c r="NJ27" s="344">
        <v>0</v>
      </c>
      <c r="NK27" s="348">
        <v>471765</v>
      </c>
      <c r="NL27" s="346">
        <v>471765</v>
      </c>
      <c r="NM27" s="347">
        <v>0</v>
      </c>
      <c r="NN27" s="344">
        <v>0</v>
      </c>
      <c r="NO27" s="348">
        <v>0</v>
      </c>
      <c r="NP27" s="403">
        <v>0</v>
      </c>
      <c r="NQ27" s="344">
        <v>0</v>
      </c>
      <c r="NR27" s="344">
        <v>0</v>
      </c>
      <c r="NS27" s="344">
        <v>0</v>
      </c>
      <c r="NT27" s="344">
        <v>0</v>
      </c>
      <c r="NU27" s="344">
        <v>0</v>
      </c>
      <c r="NV27" s="348">
        <v>0</v>
      </c>
      <c r="NW27" s="349">
        <v>0</v>
      </c>
      <c r="NX27" s="347">
        <v>0</v>
      </c>
      <c r="NY27" s="344">
        <v>0</v>
      </c>
      <c r="NZ27" s="348">
        <v>0</v>
      </c>
      <c r="OA27" s="403">
        <v>0</v>
      </c>
      <c r="OB27" s="344">
        <v>0</v>
      </c>
      <c r="OC27" s="344">
        <v>0</v>
      </c>
      <c r="OD27" s="344">
        <v>0</v>
      </c>
      <c r="OE27" s="344">
        <v>0</v>
      </c>
      <c r="OF27" s="344">
        <v>0</v>
      </c>
      <c r="OG27" s="348">
        <v>0</v>
      </c>
      <c r="OH27" s="349">
        <v>0</v>
      </c>
      <c r="OI27" s="347">
        <v>47278</v>
      </c>
      <c r="OJ27" s="344">
        <v>51408</v>
      </c>
      <c r="OK27" s="345">
        <v>98686</v>
      </c>
      <c r="OL27" s="350">
        <v>0</v>
      </c>
      <c r="OM27" s="344">
        <v>1159119</v>
      </c>
      <c r="ON27" s="344">
        <v>2082952</v>
      </c>
      <c r="OO27" s="344">
        <v>1852536</v>
      </c>
      <c r="OP27" s="344">
        <v>2086267</v>
      </c>
      <c r="OQ27" s="344">
        <v>2145275</v>
      </c>
      <c r="OR27" s="348">
        <v>9326149</v>
      </c>
      <c r="OS27" s="353">
        <v>9424835</v>
      </c>
    </row>
    <row r="28" spans="2:409" s="70" customFormat="1" ht="21" customHeight="1" x14ac:dyDescent="0.2">
      <c r="B28" s="409" t="s">
        <v>23</v>
      </c>
      <c r="C28" s="325">
        <v>74799</v>
      </c>
      <c r="D28" s="326">
        <v>140104</v>
      </c>
      <c r="E28" s="327">
        <v>214903</v>
      </c>
      <c r="F28" s="328">
        <v>0</v>
      </c>
      <c r="G28" s="326">
        <v>1523985</v>
      </c>
      <c r="H28" s="326">
        <v>2258269</v>
      </c>
      <c r="I28" s="326">
        <v>1556314</v>
      </c>
      <c r="J28" s="326">
        <v>2843233</v>
      </c>
      <c r="K28" s="326">
        <v>1862615</v>
      </c>
      <c r="L28" s="366">
        <v>10044416</v>
      </c>
      <c r="M28" s="329">
        <v>10259319</v>
      </c>
      <c r="N28" s="325">
        <v>64985</v>
      </c>
      <c r="O28" s="326">
        <v>94464</v>
      </c>
      <c r="P28" s="327">
        <v>159449</v>
      </c>
      <c r="Q28" s="325">
        <v>0</v>
      </c>
      <c r="R28" s="326">
        <v>226973</v>
      </c>
      <c r="S28" s="326">
        <v>796208</v>
      </c>
      <c r="T28" s="326">
        <v>864731</v>
      </c>
      <c r="U28" s="326">
        <v>404114</v>
      </c>
      <c r="V28" s="326">
        <v>227168</v>
      </c>
      <c r="W28" s="327">
        <v>2519194</v>
      </c>
      <c r="X28" s="329">
        <v>2678643</v>
      </c>
      <c r="Y28" s="325">
        <v>0</v>
      </c>
      <c r="Z28" s="326">
        <v>0</v>
      </c>
      <c r="AA28" s="327">
        <v>0</v>
      </c>
      <c r="AB28" s="325">
        <v>0</v>
      </c>
      <c r="AC28" s="326">
        <v>26558</v>
      </c>
      <c r="AD28" s="326">
        <v>185587</v>
      </c>
      <c r="AE28" s="326">
        <v>453840</v>
      </c>
      <c r="AF28" s="326">
        <v>130698</v>
      </c>
      <c r="AG28" s="326">
        <v>0</v>
      </c>
      <c r="AH28" s="327">
        <v>796683</v>
      </c>
      <c r="AI28" s="329">
        <v>796683</v>
      </c>
      <c r="AJ28" s="325">
        <v>0</v>
      </c>
      <c r="AK28" s="326">
        <v>0</v>
      </c>
      <c r="AL28" s="327">
        <v>0</v>
      </c>
      <c r="AM28" s="325">
        <v>0</v>
      </c>
      <c r="AN28" s="326">
        <v>0</v>
      </c>
      <c r="AO28" s="326">
        <v>81842</v>
      </c>
      <c r="AP28" s="326">
        <v>42786</v>
      </c>
      <c r="AQ28" s="326">
        <v>0</v>
      </c>
      <c r="AR28" s="326">
        <v>0</v>
      </c>
      <c r="AS28" s="327">
        <v>124628</v>
      </c>
      <c r="AT28" s="329">
        <v>124628</v>
      </c>
      <c r="AU28" s="325">
        <v>46301</v>
      </c>
      <c r="AV28" s="326">
        <v>67423</v>
      </c>
      <c r="AW28" s="327">
        <v>113724</v>
      </c>
      <c r="AX28" s="325">
        <v>0</v>
      </c>
      <c r="AY28" s="326">
        <v>154082</v>
      </c>
      <c r="AZ28" s="326">
        <v>389754</v>
      </c>
      <c r="BA28" s="326">
        <v>252031</v>
      </c>
      <c r="BB28" s="326">
        <v>100768</v>
      </c>
      <c r="BC28" s="326">
        <v>95512</v>
      </c>
      <c r="BD28" s="327">
        <v>992147</v>
      </c>
      <c r="BE28" s="329">
        <v>1105871</v>
      </c>
      <c r="BF28" s="325">
        <v>18684</v>
      </c>
      <c r="BG28" s="326">
        <v>27041</v>
      </c>
      <c r="BH28" s="330">
        <v>45725</v>
      </c>
      <c r="BI28" s="331">
        <v>0</v>
      </c>
      <c r="BJ28" s="326">
        <v>0</v>
      </c>
      <c r="BK28" s="326">
        <v>57048</v>
      </c>
      <c r="BL28" s="326">
        <v>0</v>
      </c>
      <c r="BM28" s="326">
        <v>0</v>
      </c>
      <c r="BN28" s="326">
        <v>0</v>
      </c>
      <c r="BO28" s="327">
        <v>57048</v>
      </c>
      <c r="BP28" s="329">
        <v>102773</v>
      </c>
      <c r="BQ28" s="325">
        <v>0</v>
      </c>
      <c r="BR28" s="326">
        <v>0</v>
      </c>
      <c r="BS28" s="327">
        <v>0</v>
      </c>
      <c r="BT28" s="325">
        <v>0</v>
      </c>
      <c r="BU28" s="326">
        <v>46333</v>
      </c>
      <c r="BV28" s="326">
        <v>81977</v>
      </c>
      <c r="BW28" s="326">
        <v>116074</v>
      </c>
      <c r="BX28" s="326">
        <v>172648</v>
      </c>
      <c r="BY28" s="326">
        <v>131656</v>
      </c>
      <c r="BZ28" s="327">
        <v>548688</v>
      </c>
      <c r="CA28" s="329">
        <v>548688</v>
      </c>
      <c r="CB28" s="325">
        <v>0</v>
      </c>
      <c r="CC28" s="326">
        <v>0</v>
      </c>
      <c r="CD28" s="327">
        <v>0</v>
      </c>
      <c r="CE28" s="325">
        <v>0</v>
      </c>
      <c r="CF28" s="326">
        <v>516439</v>
      </c>
      <c r="CG28" s="326">
        <v>686908</v>
      </c>
      <c r="CH28" s="326">
        <v>403075</v>
      </c>
      <c r="CI28" s="326">
        <v>500254</v>
      </c>
      <c r="CJ28" s="326">
        <v>346432</v>
      </c>
      <c r="CK28" s="327">
        <v>2453108</v>
      </c>
      <c r="CL28" s="329">
        <v>2453108</v>
      </c>
      <c r="CM28" s="325">
        <v>0</v>
      </c>
      <c r="CN28" s="326">
        <v>0</v>
      </c>
      <c r="CO28" s="327">
        <v>0</v>
      </c>
      <c r="CP28" s="331">
        <v>0</v>
      </c>
      <c r="CQ28" s="326">
        <v>449776</v>
      </c>
      <c r="CR28" s="326">
        <v>652188</v>
      </c>
      <c r="CS28" s="326">
        <v>270660</v>
      </c>
      <c r="CT28" s="326">
        <v>331619</v>
      </c>
      <c r="CU28" s="326">
        <v>273476</v>
      </c>
      <c r="CV28" s="327">
        <v>1977719</v>
      </c>
      <c r="CW28" s="329">
        <v>1977719</v>
      </c>
      <c r="CX28" s="325">
        <v>0</v>
      </c>
      <c r="CY28" s="326">
        <v>0</v>
      </c>
      <c r="CZ28" s="327">
        <v>0</v>
      </c>
      <c r="DA28" s="325">
        <v>0</v>
      </c>
      <c r="DB28" s="326">
        <v>66663</v>
      </c>
      <c r="DC28" s="326">
        <v>34720</v>
      </c>
      <c r="DD28" s="326">
        <v>132415</v>
      </c>
      <c r="DE28" s="326">
        <v>168635</v>
      </c>
      <c r="DF28" s="326">
        <v>72956</v>
      </c>
      <c r="DG28" s="327">
        <v>475389</v>
      </c>
      <c r="DH28" s="329">
        <v>475389</v>
      </c>
      <c r="DI28" s="325">
        <v>0</v>
      </c>
      <c r="DJ28" s="326">
        <v>0</v>
      </c>
      <c r="DK28" s="330">
        <v>0</v>
      </c>
      <c r="DL28" s="331">
        <v>0</v>
      </c>
      <c r="DM28" s="326">
        <v>158981</v>
      </c>
      <c r="DN28" s="326">
        <v>260052</v>
      </c>
      <c r="DO28" s="326">
        <v>154248</v>
      </c>
      <c r="DP28" s="326">
        <v>231207</v>
      </c>
      <c r="DQ28" s="326">
        <v>121852</v>
      </c>
      <c r="DR28" s="327">
        <v>926340</v>
      </c>
      <c r="DS28" s="329">
        <v>926340</v>
      </c>
      <c r="DT28" s="325">
        <v>0</v>
      </c>
      <c r="DU28" s="326">
        <v>0</v>
      </c>
      <c r="DV28" s="327">
        <v>0</v>
      </c>
      <c r="DW28" s="325">
        <v>0</v>
      </c>
      <c r="DX28" s="326">
        <v>158981</v>
      </c>
      <c r="DY28" s="326">
        <v>260052</v>
      </c>
      <c r="DZ28" s="326">
        <v>154248</v>
      </c>
      <c r="EA28" s="326">
        <v>231207</v>
      </c>
      <c r="EB28" s="326">
        <v>121852</v>
      </c>
      <c r="EC28" s="327">
        <v>926340</v>
      </c>
      <c r="ED28" s="329">
        <v>926340</v>
      </c>
      <c r="EE28" s="325">
        <v>0</v>
      </c>
      <c r="EF28" s="330">
        <v>0</v>
      </c>
      <c r="EG28" s="327">
        <v>0</v>
      </c>
      <c r="EH28" s="325">
        <v>0</v>
      </c>
      <c r="EI28" s="326">
        <v>0</v>
      </c>
      <c r="EJ28" s="326">
        <v>0</v>
      </c>
      <c r="EK28" s="326">
        <v>0</v>
      </c>
      <c r="EL28" s="326">
        <v>0</v>
      </c>
      <c r="EM28" s="326">
        <v>0</v>
      </c>
      <c r="EN28" s="330">
        <v>0</v>
      </c>
      <c r="EO28" s="329">
        <v>0</v>
      </c>
      <c r="EP28" s="325">
        <v>0</v>
      </c>
      <c r="EQ28" s="326">
        <v>0</v>
      </c>
      <c r="ER28" s="330">
        <v>0</v>
      </c>
      <c r="ES28" s="331">
        <v>0</v>
      </c>
      <c r="ET28" s="326">
        <v>0</v>
      </c>
      <c r="EU28" s="326">
        <v>0</v>
      </c>
      <c r="EV28" s="326">
        <v>0</v>
      </c>
      <c r="EW28" s="326">
        <v>0</v>
      </c>
      <c r="EX28" s="326">
        <v>0</v>
      </c>
      <c r="EY28" s="327">
        <v>0</v>
      </c>
      <c r="EZ28" s="329">
        <v>0</v>
      </c>
      <c r="FA28" s="325">
        <v>0</v>
      </c>
      <c r="FB28" s="326">
        <v>0</v>
      </c>
      <c r="FC28" s="330">
        <v>0</v>
      </c>
      <c r="FD28" s="403">
        <v>0</v>
      </c>
      <c r="FE28" s="326">
        <v>0</v>
      </c>
      <c r="FF28" s="326">
        <v>0</v>
      </c>
      <c r="FG28" s="326">
        <v>0</v>
      </c>
      <c r="FH28" s="326">
        <v>0</v>
      </c>
      <c r="FI28" s="326">
        <v>0</v>
      </c>
      <c r="FJ28" s="327">
        <v>0</v>
      </c>
      <c r="FK28" s="329">
        <v>0</v>
      </c>
      <c r="FL28" s="325">
        <v>9814</v>
      </c>
      <c r="FM28" s="326">
        <v>45640</v>
      </c>
      <c r="FN28" s="327">
        <v>55454</v>
      </c>
      <c r="FO28" s="325">
        <v>0</v>
      </c>
      <c r="FP28" s="326">
        <v>195034</v>
      </c>
      <c r="FQ28" s="326">
        <v>193067</v>
      </c>
      <c r="FR28" s="326">
        <v>134260</v>
      </c>
      <c r="FS28" s="326">
        <v>151795</v>
      </c>
      <c r="FT28" s="326">
        <v>120008</v>
      </c>
      <c r="FU28" s="327">
        <v>794164</v>
      </c>
      <c r="FV28" s="329">
        <v>849618</v>
      </c>
      <c r="FW28" s="332">
        <v>9814</v>
      </c>
      <c r="FX28" s="326">
        <v>45640</v>
      </c>
      <c r="FY28" s="330">
        <v>55454</v>
      </c>
      <c r="FZ28" s="331">
        <v>0</v>
      </c>
      <c r="GA28" s="326">
        <v>55034</v>
      </c>
      <c r="GB28" s="326">
        <v>193067</v>
      </c>
      <c r="GC28" s="326">
        <v>134260</v>
      </c>
      <c r="GD28" s="326">
        <v>131467</v>
      </c>
      <c r="GE28" s="326">
        <v>120008</v>
      </c>
      <c r="GF28" s="327">
        <v>633836</v>
      </c>
      <c r="GG28" s="333">
        <v>689290</v>
      </c>
      <c r="GH28" s="332">
        <v>0</v>
      </c>
      <c r="GI28" s="326">
        <v>0</v>
      </c>
      <c r="GJ28" s="330">
        <v>0</v>
      </c>
      <c r="GK28" s="331">
        <v>0</v>
      </c>
      <c r="GL28" s="326">
        <v>0</v>
      </c>
      <c r="GM28" s="326">
        <v>0</v>
      </c>
      <c r="GN28" s="326">
        <v>0</v>
      </c>
      <c r="GO28" s="326">
        <v>20328</v>
      </c>
      <c r="GP28" s="326">
        <v>0</v>
      </c>
      <c r="GQ28" s="327">
        <v>20328</v>
      </c>
      <c r="GR28" s="329">
        <v>20328</v>
      </c>
      <c r="GS28" s="325">
        <v>0</v>
      </c>
      <c r="GT28" s="326">
        <v>0</v>
      </c>
      <c r="GU28" s="327">
        <v>0</v>
      </c>
      <c r="GV28" s="325">
        <v>0</v>
      </c>
      <c r="GW28" s="326">
        <v>140000</v>
      </c>
      <c r="GX28" s="326">
        <v>0</v>
      </c>
      <c r="GY28" s="326">
        <v>0</v>
      </c>
      <c r="GZ28" s="326">
        <v>0</v>
      </c>
      <c r="HA28" s="326">
        <v>0</v>
      </c>
      <c r="HB28" s="330">
        <v>140000</v>
      </c>
      <c r="HC28" s="329">
        <v>140000</v>
      </c>
      <c r="HD28" s="325">
        <v>0</v>
      </c>
      <c r="HE28" s="326">
        <v>0</v>
      </c>
      <c r="HF28" s="330">
        <v>0</v>
      </c>
      <c r="HG28" s="331">
        <v>0</v>
      </c>
      <c r="HH28" s="326">
        <v>426558</v>
      </c>
      <c r="HI28" s="326">
        <v>322034</v>
      </c>
      <c r="HJ28" s="326">
        <v>0</v>
      </c>
      <c r="HK28" s="326">
        <v>1555863</v>
      </c>
      <c r="HL28" s="326">
        <v>1047155</v>
      </c>
      <c r="HM28" s="327">
        <v>3351610</v>
      </c>
      <c r="HN28" s="328">
        <v>3351610</v>
      </c>
      <c r="HO28" s="332">
        <v>0</v>
      </c>
      <c r="HP28" s="326">
        <v>0</v>
      </c>
      <c r="HQ28" s="327">
        <v>0</v>
      </c>
      <c r="HR28" s="325">
        <v>0</v>
      </c>
      <c r="HS28" s="326">
        <v>0</v>
      </c>
      <c r="HT28" s="326">
        <v>0</v>
      </c>
      <c r="HU28" s="326">
        <v>0</v>
      </c>
      <c r="HV28" s="326">
        <v>0</v>
      </c>
      <c r="HW28" s="326">
        <v>0</v>
      </c>
      <c r="HX28" s="330">
        <v>0</v>
      </c>
      <c r="HY28" s="329">
        <v>0</v>
      </c>
      <c r="HZ28" s="357">
        <v>0</v>
      </c>
      <c r="IA28" s="355">
        <v>0</v>
      </c>
      <c r="IB28" s="357">
        <v>0</v>
      </c>
      <c r="IC28" s="354">
        <v>0</v>
      </c>
      <c r="ID28" s="355">
        <v>243369</v>
      </c>
      <c r="IE28" s="356">
        <v>321836</v>
      </c>
      <c r="IF28" s="357">
        <v>818229</v>
      </c>
      <c r="IG28" s="355">
        <v>0</v>
      </c>
      <c r="IH28" s="357">
        <v>232199</v>
      </c>
      <c r="II28" s="358">
        <v>1615633</v>
      </c>
      <c r="IJ28" s="357">
        <v>1615633</v>
      </c>
      <c r="IK28" s="341">
        <v>0</v>
      </c>
      <c r="IL28" s="342">
        <v>0</v>
      </c>
      <c r="IM28" s="343">
        <v>0</v>
      </c>
      <c r="IN28" s="403">
        <v>0</v>
      </c>
      <c r="IO28" s="344">
        <v>0</v>
      </c>
      <c r="IP28" s="344">
        <v>0</v>
      </c>
      <c r="IQ28" s="344">
        <v>0</v>
      </c>
      <c r="IR28" s="344">
        <v>0</v>
      </c>
      <c r="IS28" s="344">
        <v>232199</v>
      </c>
      <c r="IT28" s="345">
        <v>232199</v>
      </c>
      <c r="IU28" s="346">
        <v>232199</v>
      </c>
      <c r="IV28" s="347">
        <v>0</v>
      </c>
      <c r="IW28" s="344">
        <v>0</v>
      </c>
      <c r="IX28" s="348">
        <v>0</v>
      </c>
      <c r="IY28" s="403">
        <v>0</v>
      </c>
      <c r="IZ28" s="344">
        <v>0</v>
      </c>
      <c r="JA28" s="344">
        <v>0</v>
      </c>
      <c r="JB28" s="344">
        <v>0</v>
      </c>
      <c r="JC28" s="344">
        <v>0</v>
      </c>
      <c r="JD28" s="344">
        <v>0</v>
      </c>
      <c r="JE28" s="348">
        <v>0</v>
      </c>
      <c r="JF28" s="349">
        <v>0</v>
      </c>
      <c r="JG28" s="347">
        <v>0</v>
      </c>
      <c r="JH28" s="344">
        <v>0</v>
      </c>
      <c r="JI28" s="345">
        <v>0</v>
      </c>
      <c r="JJ28" s="350">
        <v>0</v>
      </c>
      <c r="JK28" s="344">
        <v>31725</v>
      </c>
      <c r="JL28" s="344">
        <v>104362</v>
      </c>
      <c r="JM28" s="344">
        <v>138785</v>
      </c>
      <c r="JN28" s="344">
        <v>0</v>
      </c>
      <c r="JO28" s="344">
        <v>0</v>
      </c>
      <c r="JP28" s="348">
        <v>274872</v>
      </c>
      <c r="JQ28" s="346">
        <v>274872</v>
      </c>
      <c r="JR28" s="347">
        <v>0</v>
      </c>
      <c r="JS28" s="344">
        <v>0</v>
      </c>
      <c r="JT28" s="345">
        <v>0</v>
      </c>
      <c r="JU28" s="350">
        <v>0</v>
      </c>
      <c r="JV28" s="344">
        <v>0</v>
      </c>
      <c r="JW28" s="344">
        <v>0</v>
      </c>
      <c r="JX28" s="344">
        <v>0</v>
      </c>
      <c r="JY28" s="344">
        <v>0</v>
      </c>
      <c r="JZ28" s="344">
        <v>0</v>
      </c>
      <c r="KA28" s="348">
        <v>0</v>
      </c>
      <c r="KB28" s="346">
        <v>0</v>
      </c>
      <c r="KC28" s="351">
        <v>0</v>
      </c>
      <c r="KD28" s="352">
        <v>0</v>
      </c>
      <c r="KE28" s="348">
        <v>0</v>
      </c>
      <c r="KF28" s="350">
        <v>0</v>
      </c>
      <c r="KG28" s="344">
        <v>0</v>
      </c>
      <c r="KH28" s="344">
        <v>0</v>
      </c>
      <c r="KI28" s="344">
        <v>0</v>
      </c>
      <c r="KJ28" s="344">
        <v>0</v>
      </c>
      <c r="KK28" s="344">
        <v>0</v>
      </c>
      <c r="KL28" s="348">
        <v>0</v>
      </c>
      <c r="KM28" s="353">
        <v>0</v>
      </c>
      <c r="KN28" s="341">
        <v>0</v>
      </c>
      <c r="KO28" s="342">
        <v>0</v>
      </c>
      <c r="KP28" s="343">
        <v>0</v>
      </c>
      <c r="KQ28" s="403">
        <v>0</v>
      </c>
      <c r="KR28" s="344">
        <v>211644</v>
      </c>
      <c r="KS28" s="344">
        <v>217474</v>
      </c>
      <c r="KT28" s="344">
        <v>679444</v>
      </c>
      <c r="KU28" s="344">
        <v>0</v>
      </c>
      <c r="KV28" s="344">
        <v>0</v>
      </c>
      <c r="KW28" s="348">
        <v>1108562</v>
      </c>
      <c r="KX28" s="346">
        <v>1108562</v>
      </c>
      <c r="KY28" s="347">
        <v>0</v>
      </c>
      <c r="KZ28" s="344">
        <v>0</v>
      </c>
      <c r="LA28" s="348">
        <v>0</v>
      </c>
      <c r="LB28" s="403">
        <v>0</v>
      </c>
      <c r="LC28" s="344">
        <v>0</v>
      </c>
      <c r="LD28" s="344">
        <v>0</v>
      </c>
      <c r="LE28" s="344">
        <v>0</v>
      </c>
      <c r="LF28" s="344">
        <v>0</v>
      </c>
      <c r="LG28" s="344">
        <v>0</v>
      </c>
      <c r="LH28" s="348">
        <v>0</v>
      </c>
      <c r="LI28" s="349">
        <v>0</v>
      </c>
      <c r="LJ28" s="347">
        <v>0</v>
      </c>
      <c r="LK28" s="344">
        <v>0</v>
      </c>
      <c r="LL28" s="348">
        <v>0</v>
      </c>
      <c r="LM28" s="403">
        <v>0</v>
      </c>
      <c r="LN28" s="344">
        <v>0</v>
      </c>
      <c r="LO28" s="344">
        <v>0</v>
      </c>
      <c r="LP28" s="344">
        <v>0</v>
      </c>
      <c r="LQ28" s="344">
        <v>0</v>
      </c>
      <c r="LR28" s="344">
        <v>0</v>
      </c>
      <c r="LS28" s="348">
        <v>0</v>
      </c>
      <c r="LT28" s="346">
        <v>0</v>
      </c>
      <c r="LU28" s="347">
        <v>0</v>
      </c>
      <c r="LV28" s="344">
        <v>0</v>
      </c>
      <c r="LW28" s="348">
        <v>0</v>
      </c>
      <c r="LX28" s="403">
        <v>0</v>
      </c>
      <c r="LY28" s="344">
        <v>0</v>
      </c>
      <c r="LZ28" s="344">
        <v>0</v>
      </c>
      <c r="MA28" s="344">
        <v>0</v>
      </c>
      <c r="MB28" s="344">
        <v>0</v>
      </c>
      <c r="MC28" s="344">
        <v>0</v>
      </c>
      <c r="MD28" s="348">
        <v>0</v>
      </c>
      <c r="ME28" s="349">
        <v>0</v>
      </c>
      <c r="MF28" s="347">
        <v>0</v>
      </c>
      <c r="MG28" s="344">
        <v>0</v>
      </c>
      <c r="MH28" s="348">
        <v>0</v>
      </c>
      <c r="MI28" s="403">
        <v>0</v>
      </c>
      <c r="MJ28" s="344">
        <v>208397</v>
      </c>
      <c r="MK28" s="344">
        <v>0</v>
      </c>
      <c r="ML28" s="344">
        <v>579542</v>
      </c>
      <c r="MM28" s="344">
        <v>662217</v>
      </c>
      <c r="MN28" s="344">
        <v>1159722</v>
      </c>
      <c r="MO28" s="348">
        <v>2609878</v>
      </c>
      <c r="MP28" s="353">
        <v>2609878</v>
      </c>
      <c r="MQ28" s="347">
        <v>0</v>
      </c>
      <c r="MR28" s="344">
        <v>0</v>
      </c>
      <c r="MS28" s="348">
        <v>0</v>
      </c>
      <c r="MT28" s="403">
        <v>0</v>
      </c>
      <c r="MU28" s="344">
        <v>0</v>
      </c>
      <c r="MV28" s="344">
        <v>0</v>
      </c>
      <c r="MW28" s="344">
        <v>579542</v>
      </c>
      <c r="MX28" s="344">
        <v>662217</v>
      </c>
      <c r="MY28" s="344">
        <v>586251</v>
      </c>
      <c r="MZ28" s="348">
        <v>1828010</v>
      </c>
      <c r="NA28" s="353">
        <v>1828010</v>
      </c>
      <c r="NB28" s="347">
        <v>0</v>
      </c>
      <c r="NC28" s="344">
        <v>0</v>
      </c>
      <c r="ND28" s="348">
        <v>0</v>
      </c>
      <c r="NE28" s="403">
        <v>0</v>
      </c>
      <c r="NF28" s="344">
        <v>208397</v>
      </c>
      <c r="NG28" s="344">
        <v>0</v>
      </c>
      <c r="NH28" s="344">
        <v>0</v>
      </c>
      <c r="NI28" s="344">
        <v>0</v>
      </c>
      <c r="NJ28" s="344">
        <v>244635</v>
      </c>
      <c r="NK28" s="348">
        <v>453032</v>
      </c>
      <c r="NL28" s="346">
        <v>453032</v>
      </c>
      <c r="NM28" s="347">
        <v>0</v>
      </c>
      <c r="NN28" s="344">
        <v>0</v>
      </c>
      <c r="NO28" s="348">
        <v>0</v>
      </c>
      <c r="NP28" s="403">
        <v>0</v>
      </c>
      <c r="NQ28" s="344">
        <v>0</v>
      </c>
      <c r="NR28" s="344">
        <v>0</v>
      </c>
      <c r="NS28" s="344">
        <v>0</v>
      </c>
      <c r="NT28" s="344">
        <v>0</v>
      </c>
      <c r="NU28" s="344">
        <v>0</v>
      </c>
      <c r="NV28" s="348">
        <v>0</v>
      </c>
      <c r="NW28" s="349">
        <v>0</v>
      </c>
      <c r="NX28" s="347">
        <v>0</v>
      </c>
      <c r="NY28" s="344">
        <v>0</v>
      </c>
      <c r="NZ28" s="348">
        <v>0</v>
      </c>
      <c r="OA28" s="403">
        <v>0</v>
      </c>
      <c r="OB28" s="344">
        <v>0</v>
      </c>
      <c r="OC28" s="344">
        <v>0</v>
      </c>
      <c r="OD28" s="344">
        <v>0</v>
      </c>
      <c r="OE28" s="344">
        <v>0</v>
      </c>
      <c r="OF28" s="344">
        <v>328836</v>
      </c>
      <c r="OG28" s="348">
        <v>328836</v>
      </c>
      <c r="OH28" s="349">
        <v>328836</v>
      </c>
      <c r="OI28" s="347">
        <v>74799</v>
      </c>
      <c r="OJ28" s="344">
        <v>140104</v>
      </c>
      <c r="OK28" s="345">
        <v>214903</v>
      </c>
      <c r="OL28" s="350">
        <v>0</v>
      </c>
      <c r="OM28" s="344">
        <v>1975751</v>
      </c>
      <c r="ON28" s="344">
        <v>2580105</v>
      </c>
      <c r="OO28" s="344">
        <v>2954085</v>
      </c>
      <c r="OP28" s="344">
        <v>3505450</v>
      </c>
      <c r="OQ28" s="344">
        <v>3254536</v>
      </c>
      <c r="OR28" s="348">
        <v>14269927</v>
      </c>
      <c r="OS28" s="353">
        <v>14484830</v>
      </c>
    </row>
    <row r="29" spans="2:409" s="70" customFormat="1" ht="21" customHeight="1" x14ac:dyDescent="0.2">
      <c r="B29" s="409" t="s">
        <v>24</v>
      </c>
      <c r="C29" s="325">
        <v>184947</v>
      </c>
      <c r="D29" s="326">
        <v>332006</v>
      </c>
      <c r="E29" s="327">
        <v>516953</v>
      </c>
      <c r="F29" s="328">
        <v>0</v>
      </c>
      <c r="G29" s="326">
        <v>2164351</v>
      </c>
      <c r="H29" s="326">
        <v>1989454</v>
      </c>
      <c r="I29" s="326">
        <v>1290833</v>
      </c>
      <c r="J29" s="326">
        <v>1889603</v>
      </c>
      <c r="K29" s="326">
        <v>2248452</v>
      </c>
      <c r="L29" s="366">
        <v>9582693</v>
      </c>
      <c r="M29" s="329">
        <v>10099646</v>
      </c>
      <c r="N29" s="325">
        <v>40496</v>
      </c>
      <c r="O29" s="326">
        <v>83481</v>
      </c>
      <c r="P29" s="327">
        <v>123977</v>
      </c>
      <c r="Q29" s="325">
        <v>0</v>
      </c>
      <c r="R29" s="326">
        <v>689348</v>
      </c>
      <c r="S29" s="326">
        <v>581652</v>
      </c>
      <c r="T29" s="326">
        <v>485928</v>
      </c>
      <c r="U29" s="326">
        <v>905482</v>
      </c>
      <c r="V29" s="326">
        <v>777743</v>
      </c>
      <c r="W29" s="327">
        <v>3440153</v>
      </c>
      <c r="X29" s="329">
        <v>3564130</v>
      </c>
      <c r="Y29" s="325">
        <v>0</v>
      </c>
      <c r="Z29" s="326">
        <v>0</v>
      </c>
      <c r="AA29" s="327">
        <v>0</v>
      </c>
      <c r="AB29" s="325">
        <v>0</v>
      </c>
      <c r="AC29" s="326">
        <v>220561</v>
      </c>
      <c r="AD29" s="326">
        <v>196549</v>
      </c>
      <c r="AE29" s="326">
        <v>228130</v>
      </c>
      <c r="AF29" s="326">
        <v>398241</v>
      </c>
      <c r="AG29" s="326">
        <v>394588</v>
      </c>
      <c r="AH29" s="327">
        <v>1438069</v>
      </c>
      <c r="AI29" s="329">
        <v>1438069</v>
      </c>
      <c r="AJ29" s="325">
        <v>0</v>
      </c>
      <c r="AK29" s="326">
        <v>0</v>
      </c>
      <c r="AL29" s="327">
        <v>0</v>
      </c>
      <c r="AM29" s="325">
        <v>0</v>
      </c>
      <c r="AN29" s="326">
        <v>52822</v>
      </c>
      <c r="AO29" s="326">
        <v>0</v>
      </c>
      <c r="AP29" s="326">
        <v>0</v>
      </c>
      <c r="AQ29" s="326">
        <v>0</v>
      </c>
      <c r="AR29" s="326">
        <v>93739</v>
      </c>
      <c r="AS29" s="327">
        <v>146561</v>
      </c>
      <c r="AT29" s="329">
        <v>146561</v>
      </c>
      <c r="AU29" s="325">
        <v>36870</v>
      </c>
      <c r="AV29" s="326">
        <v>70307</v>
      </c>
      <c r="AW29" s="327">
        <v>107177</v>
      </c>
      <c r="AX29" s="325">
        <v>0</v>
      </c>
      <c r="AY29" s="326">
        <v>248203</v>
      </c>
      <c r="AZ29" s="326">
        <v>292164</v>
      </c>
      <c r="BA29" s="326">
        <v>168919</v>
      </c>
      <c r="BB29" s="326">
        <v>369922</v>
      </c>
      <c r="BC29" s="326">
        <v>139887</v>
      </c>
      <c r="BD29" s="327">
        <v>1219095</v>
      </c>
      <c r="BE29" s="329">
        <v>1326272</v>
      </c>
      <c r="BF29" s="325">
        <v>0</v>
      </c>
      <c r="BG29" s="326">
        <v>0</v>
      </c>
      <c r="BH29" s="330">
        <v>0</v>
      </c>
      <c r="BI29" s="331">
        <v>0</v>
      </c>
      <c r="BJ29" s="326">
        <v>0</v>
      </c>
      <c r="BK29" s="326">
        <v>0</v>
      </c>
      <c r="BL29" s="326">
        <v>0</v>
      </c>
      <c r="BM29" s="326">
        <v>0</v>
      </c>
      <c r="BN29" s="326">
        <v>18993</v>
      </c>
      <c r="BO29" s="327">
        <v>18993</v>
      </c>
      <c r="BP29" s="329">
        <v>18993</v>
      </c>
      <c r="BQ29" s="325">
        <v>3626</v>
      </c>
      <c r="BR29" s="326">
        <v>13174</v>
      </c>
      <c r="BS29" s="327">
        <v>16800</v>
      </c>
      <c r="BT29" s="325">
        <v>0</v>
      </c>
      <c r="BU29" s="326">
        <v>167762</v>
      </c>
      <c r="BV29" s="326">
        <v>92939</v>
      </c>
      <c r="BW29" s="326">
        <v>88879</v>
      </c>
      <c r="BX29" s="326">
        <v>137319</v>
      </c>
      <c r="BY29" s="326">
        <v>130536</v>
      </c>
      <c r="BZ29" s="327">
        <v>617435</v>
      </c>
      <c r="CA29" s="329">
        <v>634235</v>
      </c>
      <c r="CB29" s="325">
        <v>35733</v>
      </c>
      <c r="CC29" s="326">
        <v>35660</v>
      </c>
      <c r="CD29" s="327">
        <v>71393</v>
      </c>
      <c r="CE29" s="325">
        <v>0</v>
      </c>
      <c r="CF29" s="326">
        <v>525889</v>
      </c>
      <c r="CG29" s="326">
        <v>447398</v>
      </c>
      <c r="CH29" s="326">
        <v>129338</v>
      </c>
      <c r="CI29" s="326">
        <v>129585</v>
      </c>
      <c r="CJ29" s="326">
        <v>366459</v>
      </c>
      <c r="CK29" s="327">
        <v>1598669</v>
      </c>
      <c r="CL29" s="329">
        <v>1670062</v>
      </c>
      <c r="CM29" s="325">
        <v>0</v>
      </c>
      <c r="CN29" s="326">
        <v>0</v>
      </c>
      <c r="CO29" s="327">
        <v>0</v>
      </c>
      <c r="CP29" s="331">
        <v>0</v>
      </c>
      <c r="CQ29" s="326">
        <v>315298</v>
      </c>
      <c r="CR29" s="326">
        <v>374474</v>
      </c>
      <c r="CS29" s="326">
        <v>43399</v>
      </c>
      <c r="CT29" s="326">
        <v>0</v>
      </c>
      <c r="CU29" s="326">
        <v>149343</v>
      </c>
      <c r="CV29" s="327">
        <v>882514</v>
      </c>
      <c r="CW29" s="329">
        <v>882514</v>
      </c>
      <c r="CX29" s="325">
        <v>35733</v>
      </c>
      <c r="CY29" s="326">
        <v>35660</v>
      </c>
      <c r="CZ29" s="327">
        <v>71393</v>
      </c>
      <c r="DA29" s="325">
        <v>0</v>
      </c>
      <c r="DB29" s="326">
        <v>210591</v>
      </c>
      <c r="DC29" s="326">
        <v>72924</v>
      </c>
      <c r="DD29" s="326">
        <v>85939</v>
      </c>
      <c r="DE29" s="326">
        <v>129585</v>
      </c>
      <c r="DF29" s="326">
        <v>217116</v>
      </c>
      <c r="DG29" s="327">
        <v>716155</v>
      </c>
      <c r="DH29" s="329">
        <v>787548</v>
      </c>
      <c r="DI29" s="325">
        <v>0</v>
      </c>
      <c r="DJ29" s="326">
        <v>0</v>
      </c>
      <c r="DK29" s="330">
        <v>0</v>
      </c>
      <c r="DL29" s="331">
        <v>0</v>
      </c>
      <c r="DM29" s="326">
        <v>14671</v>
      </c>
      <c r="DN29" s="326">
        <v>0</v>
      </c>
      <c r="DO29" s="326">
        <v>22383</v>
      </c>
      <c r="DP29" s="326">
        <v>0</v>
      </c>
      <c r="DQ29" s="326">
        <v>90882</v>
      </c>
      <c r="DR29" s="327">
        <v>127936</v>
      </c>
      <c r="DS29" s="329">
        <v>127936</v>
      </c>
      <c r="DT29" s="325">
        <v>0</v>
      </c>
      <c r="DU29" s="326">
        <v>0</v>
      </c>
      <c r="DV29" s="327">
        <v>0</v>
      </c>
      <c r="DW29" s="325">
        <v>0</v>
      </c>
      <c r="DX29" s="326">
        <v>14671</v>
      </c>
      <c r="DY29" s="326">
        <v>0</v>
      </c>
      <c r="DZ29" s="326">
        <v>22383</v>
      </c>
      <c r="EA29" s="326">
        <v>0</v>
      </c>
      <c r="EB29" s="326">
        <v>90882</v>
      </c>
      <c r="EC29" s="327">
        <v>127936</v>
      </c>
      <c r="ED29" s="329">
        <v>127936</v>
      </c>
      <c r="EE29" s="325">
        <v>0</v>
      </c>
      <c r="EF29" s="330">
        <v>0</v>
      </c>
      <c r="EG29" s="327">
        <v>0</v>
      </c>
      <c r="EH29" s="325">
        <v>0</v>
      </c>
      <c r="EI29" s="326">
        <v>0</v>
      </c>
      <c r="EJ29" s="326">
        <v>0</v>
      </c>
      <c r="EK29" s="326">
        <v>0</v>
      </c>
      <c r="EL29" s="326">
        <v>0</v>
      </c>
      <c r="EM29" s="326">
        <v>0</v>
      </c>
      <c r="EN29" s="330">
        <v>0</v>
      </c>
      <c r="EO29" s="329">
        <v>0</v>
      </c>
      <c r="EP29" s="325">
        <v>0</v>
      </c>
      <c r="EQ29" s="326">
        <v>0</v>
      </c>
      <c r="ER29" s="330">
        <v>0</v>
      </c>
      <c r="ES29" s="331">
        <v>0</v>
      </c>
      <c r="ET29" s="326">
        <v>0</v>
      </c>
      <c r="EU29" s="326">
        <v>0</v>
      </c>
      <c r="EV29" s="326">
        <v>0</v>
      </c>
      <c r="EW29" s="326">
        <v>0</v>
      </c>
      <c r="EX29" s="326">
        <v>0</v>
      </c>
      <c r="EY29" s="327">
        <v>0</v>
      </c>
      <c r="EZ29" s="329">
        <v>0</v>
      </c>
      <c r="FA29" s="325">
        <v>0</v>
      </c>
      <c r="FB29" s="326">
        <v>0</v>
      </c>
      <c r="FC29" s="330">
        <v>0</v>
      </c>
      <c r="FD29" s="403">
        <v>0</v>
      </c>
      <c r="FE29" s="326">
        <v>0</v>
      </c>
      <c r="FF29" s="326">
        <v>0</v>
      </c>
      <c r="FG29" s="326">
        <v>0</v>
      </c>
      <c r="FH29" s="326">
        <v>0</v>
      </c>
      <c r="FI29" s="326">
        <v>0</v>
      </c>
      <c r="FJ29" s="327">
        <v>0</v>
      </c>
      <c r="FK29" s="329">
        <v>0</v>
      </c>
      <c r="FL29" s="325">
        <v>17038</v>
      </c>
      <c r="FM29" s="326">
        <v>38906</v>
      </c>
      <c r="FN29" s="327">
        <v>55944</v>
      </c>
      <c r="FO29" s="325">
        <v>0</v>
      </c>
      <c r="FP29" s="326">
        <v>54740</v>
      </c>
      <c r="FQ29" s="326">
        <v>160426</v>
      </c>
      <c r="FR29" s="326">
        <v>114618</v>
      </c>
      <c r="FS29" s="326">
        <v>170996</v>
      </c>
      <c r="FT29" s="326">
        <v>172963</v>
      </c>
      <c r="FU29" s="327">
        <v>673743</v>
      </c>
      <c r="FV29" s="329">
        <v>729687</v>
      </c>
      <c r="FW29" s="332">
        <v>17038</v>
      </c>
      <c r="FX29" s="326">
        <v>38906</v>
      </c>
      <c r="FY29" s="330">
        <v>55944</v>
      </c>
      <c r="FZ29" s="331">
        <v>0</v>
      </c>
      <c r="GA29" s="326">
        <v>54740</v>
      </c>
      <c r="GB29" s="326">
        <v>160426</v>
      </c>
      <c r="GC29" s="326">
        <v>114618</v>
      </c>
      <c r="GD29" s="326">
        <v>170996</v>
      </c>
      <c r="GE29" s="326">
        <v>172963</v>
      </c>
      <c r="GF29" s="327">
        <v>673743</v>
      </c>
      <c r="GG29" s="333">
        <v>729687</v>
      </c>
      <c r="GH29" s="332">
        <v>0</v>
      </c>
      <c r="GI29" s="326">
        <v>0</v>
      </c>
      <c r="GJ29" s="330">
        <v>0</v>
      </c>
      <c r="GK29" s="331">
        <v>0</v>
      </c>
      <c r="GL29" s="326">
        <v>0</v>
      </c>
      <c r="GM29" s="326">
        <v>0</v>
      </c>
      <c r="GN29" s="326">
        <v>0</v>
      </c>
      <c r="GO29" s="326">
        <v>0</v>
      </c>
      <c r="GP29" s="326">
        <v>0</v>
      </c>
      <c r="GQ29" s="327">
        <v>0</v>
      </c>
      <c r="GR29" s="329">
        <v>0</v>
      </c>
      <c r="GS29" s="325">
        <v>0</v>
      </c>
      <c r="GT29" s="326">
        <v>0</v>
      </c>
      <c r="GU29" s="327">
        <v>0</v>
      </c>
      <c r="GV29" s="325">
        <v>0</v>
      </c>
      <c r="GW29" s="326">
        <v>0</v>
      </c>
      <c r="GX29" s="326">
        <v>0</v>
      </c>
      <c r="GY29" s="326">
        <v>0</v>
      </c>
      <c r="GZ29" s="326">
        <v>0</v>
      </c>
      <c r="HA29" s="326">
        <v>0</v>
      </c>
      <c r="HB29" s="330">
        <v>0</v>
      </c>
      <c r="HC29" s="329">
        <v>0</v>
      </c>
      <c r="HD29" s="325">
        <v>91680</v>
      </c>
      <c r="HE29" s="326">
        <v>173959</v>
      </c>
      <c r="HF29" s="330">
        <v>265639</v>
      </c>
      <c r="HG29" s="331">
        <v>0</v>
      </c>
      <c r="HH29" s="326">
        <v>879703</v>
      </c>
      <c r="HI29" s="326">
        <v>799978</v>
      </c>
      <c r="HJ29" s="326">
        <v>538566</v>
      </c>
      <c r="HK29" s="326">
        <v>683540</v>
      </c>
      <c r="HL29" s="326">
        <v>840405</v>
      </c>
      <c r="HM29" s="327">
        <v>3742192</v>
      </c>
      <c r="HN29" s="328">
        <v>4007831</v>
      </c>
      <c r="HO29" s="332">
        <v>0</v>
      </c>
      <c r="HP29" s="326">
        <v>0</v>
      </c>
      <c r="HQ29" s="327">
        <v>0</v>
      </c>
      <c r="HR29" s="325">
        <v>0</v>
      </c>
      <c r="HS29" s="326">
        <v>0</v>
      </c>
      <c r="HT29" s="326">
        <v>0</v>
      </c>
      <c r="HU29" s="326">
        <v>0</v>
      </c>
      <c r="HV29" s="326">
        <v>0</v>
      </c>
      <c r="HW29" s="326">
        <v>0</v>
      </c>
      <c r="HX29" s="330">
        <v>0</v>
      </c>
      <c r="HY29" s="329">
        <v>0</v>
      </c>
      <c r="HZ29" s="334">
        <v>0</v>
      </c>
      <c r="IA29" s="335">
        <v>0</v>
      </c>
      <c r="IB29" s="336">
        <v>0</v>
      </c>
      <c r="IC29" s="337">
        <v>0</v>
      </c>
      <c r="ID29" s="335">
        <v>274319</v>
      </c>
      <c r="IE29" s="338">
        <v>432119</v>
      </c>
      <c r="IF29" s="336">
        <v>179039</v>
      </c>
      <c r="IG29" s="335">
        <v>715542</v>
      </c>
      <c r="IH29" s="336">
        <v>285675</v>
      </c>
      <c r="II29" s="339">
        <v>1886694</v>
      </c>
      <c r="IJ29" s="340">
        <v>1886694</v>
      </c>
      <c r="IK29" s="341">
        <v>0</v>
      </c>
      <c r="IL29" s="342">
        <v>0</v>
      </c>
      <c r="IM29" s="343">
        <v>0</v>
      </c>
      <c r="IN29" s="403">
        <v>0</v>
      </c>
      <c r="IO29" s="344">
        <v>0</v>
      </c>
      <c r="IP29" s="344">
        <v>0</v>
      </c>
      <c r="IQ29" s="344">
        <v>0</v>
      </c>
      <c r="IR29" s="344">
        <v>378658</v>
      </c>
      <c r="IS29" s="344">
        <v>0</v>
      </c>
      <c r="IT29" s="345">
        <v>378658</v>
      </c>
      <c r="IU29" s="346">
        <v>378658</v>
      </c>
      <c r="IV29" s="347">
        <v>0</v>
      </c>
      <c r="IW29" s="344">
        <v>0</v>
      </c>
      <c r="IX29" s="348">
        <v>0</v>
      </c>
      <c r="IY29" s="403">
        <v>0</v>
      </c>
      <c r="IZ29" s="344">
        <v>0</v>
      </c>
      <c r="JA29" s="344">
        <v>0</v>
      </c>
      <c r="JB29" s="344">
        <v>0</v>
      </c>
      <c r="JC29" s="344">
        <v>0</v>
      </c>
      <c r="JD29" s="344">
        <v>0</v>
      </c>
      <c r="JE29" s="348">
        <v>0</v>
      </c>
      <c r="JF29" s="349">
        <v>0</v>
      </c>
      <c r="JG29" s="347">
        <v>0</v>
      </c>
      <c r="JH29" s="344">
        <v>0</v>
      </c>
      <c r="JI29" s="345">
        <v>0</v>
      </c>
      <c r="JJ29" s="350">
        <v>0</v>
      </c>
      <c r="JK29" s="344">
        <v>0</v>
      </c>
      <c r="JL29" s="344">
        <v>0</v>
      </c>
      <c r="JM29" s="344">
        <v>0</v>
      </c>
      <c r="JN29" s="344">
        <v>141076</v>
      </c>
      <c r="JO29" s="344">
        <v>0</v>
      </c>
      <c r="JP29" s="348">
        <v>141076</v>
      </c>
      <c r="JQ29" s="346">
        <v>141076</v>
      </c>
      <c r="JR29" s="347">
        <v>0</v>
      </c>
      <c r="JS29" s="344">
        <v>0</v>
      </c>
      <c r="JT29" s="345">
        <v>0</v>
      </c>
      <c r="JU29" s="350">
        <v>0</v>
      </c>
      <c r="JV29" s="344">
        <v>0</v>
      </c>
      <c r="JW29" s="344">
        <v>0</v>
      </c>
      <c r="JX29" s="344">
        <v>0</v>
      </c>
      <c r="JY29" s="344">
        <v>0</v>
      </c>
      <c r="JZ29" s="344">
        <v>65476</v>
      </c>
      <c r="KA29" s="348">
        <v>65476</v>
      </c>
      <c r="KB29" s="346">
        <v>65476</v>
      </c>
      <c r="KC29" s="351">
        <v>0</v>
      </c>
      <c r="KD29" s="352">
        <v>0</v>
      </c>
      <c r="KE29" s="348">
        <v>0</v>
      </c>
      <c r="KF29" s="350">
        <v>0</v>
      </c>
      <c r="KG29" s="344">
        <v>274319</v>
      </c>
      <c r="KH29" s="344">
        <v>227399</v>
      </c>
      <c r="KI29" s="344">
        <v>179039</v>
      </c>
      <c r="KJ29" s="344">
        <v>195808</v>
      </c>
      <c r="KK29" s="344">
        <v>0</v>
      </c>
      <c r="KL29" s="348">
        <v>876565</v>
      </c>
      <c r="KM29" s="353">
        <v>876565</v>
      </c>
      <c r="KN29" s="341">
        <v>0</v>
      </c>
      <c r="KO29" s="342">
        <v>0</v>
      </c>
      <c r="KP29" s="343">
        <v>0</v>
      </c>
      <c r="KQ29" s="403">
        <v>0</v>
      </c>
      <c r="KR29" s="344">
        <v>0</v>
      </c>
      <c r="KS29" s="344">
        <v>204720</v>
      </c>
      <c r="KT29" s="344">
        <v>0</v>
      </c>
      <c r="KU29" s="344">
        <v>0</v>
      </c>
      <c r="KV29" s="344">
        <v>220199</v>
      </c>
      <c r="KW29" s="348">
        <v>424919</v>
      </c>
      <c r="KX29" s="346">
        <v>424919</v>
      </c>
      <c r="KY29" s="347">
        <v>0</v>
      </c>
      <c r="KZ29" s="344">
        <v>0</v>
      </c>
      <c r="LA29" s="348">
        <v>0</v>
      </c>
      <c r="LB29" s="403">
        <v>0</v>
      </c>
      <c r="LC29" s="344">
        <v>0</v>
      </c>
      <c r="LD29" s="344">
        <v>0</v>
      </c>
      <c r="LE29" s="344">
        <v>0</v>
      </c>
      <c r="LF29" s="344">
        <v>0</v>
      </c>
      <c r="LG29" s="344">
        <v>0</v>
      </c>
      <c r="LH29" s="348">
        <v>0</v>
      </c>
      <c r="LI29" s="349">
        <v>0</v>
      </c>
      <c r="LJ29" s="347">
        <v>0</v>
      </c>
      <c r="LK29" s="344">
        <v>0</v>
      </c>
      <c r="LL29" s="348">
        <v>0</v>
      </c>
      <c r="LM29" s="403">
        <v>0</v>
      </c>
      <c r="LN29" s="344">
        <v>0</v>
      </c>
      <c r="LO29" s="344">
        <v>0</v>
      </c>
      <c r="LP29" s="344">
        <v>0</v>
      </c>
      <c r="LQ29" s="344">
        <v>0</v>
      </c>
      <c r="LR29" s="344">
        <v>0</v>
      </c>
      <c r="LS29" s="348">
        <v>0</v>
      </c>
      <c r="LT29" s="346">
        <v>0</v>
      </c>
      <c r="LU29" s="347">
        <v>0</v>
      </c>
      <c r="LV29" s="344">
        <v>0</v>
      </c>
      <c r="LW29" s="348">
        <v>0</v>
      </c>
      <c r="LX29" s="403">
        <v>0</v>
      </c>
      <c r="LY29" s="344">
        <v>0</v>
      </c>
      <c r="LZ29" s="344">
        <v>0</v>
      </c>
      <c r="MA29" s="344">
        <v>0</v>
      </c>
      <c r="MB29" s="344">
        <v>0</v>
      </c>
      <c r="MC29" s="344">
        <v>0</v>
      </c>
      <c r="MD29" s="348">
        <v>0</v>
      </c>
      <c r="ME29" s="349">
        <v>0</v>
      </c>
      <c r="MF29" s="347">
        <v>0</v>
      </c>
      <c r="MG29" s="344">
        <v>0</v>
      </c>
      <c r="MH29" s="348">
        <v>0</v>
      </c>
      <c r="MI29" s="403">
        <v>0</v>
      </c>
      <c r="MJ29" s="344">
        <v>0</v>
      </c>
      <c r="MK29" s="344">
        <v>0</v>
      </c>
      <c r="ML29" s="344">
        <v>678344</v>
      </c>
      <c r="MM29" s="344">
        <v>709431</v>
      </c>
      <c r="MN29" s="344">
        <v>238315</v>
      </c>
      <c r="MO29" s="348">
        <v>1626090</v>
      </c>
      <c r="MP29" s="353">
        <v>1626090</v>
      </c>
      <c r="MQ29" s="347">
        <v>0</v>
      </c>
      <c r="MR29" s="344">
        <v>0</v>
      </c>
      <c r="MS29" s="348">
        <v>0</v>
      </c>
      <c r="MT29" s="403">
        <v>0</v>
      </c>
      <c r="MU29" s="344">
        <v>0</v>
      </c>
      <c r="MV29" s="344">
        <v>0</v>
      </c>
      <c r="MW29" s="344">
        <v>217315</v>
      </c>
      <c r="MX29" s="344">
        <v>709431</v>
      </c>
      <c r="MY29" s="344">
        <v>238315</v>
      </c>
      <c r="MZ29" s="348">
        <v>1165061</v>
      </c>
      <c r="NA29" s="353">
        <v>1165061</v>
      </c>
      <c r="NB29" s="347">
        <v>0</v>
      </c>
      <c r="NC29" s="344">
        <v>0</v>
      </c>
      <c r="ND29" s="348">
        <v>0</v>
      </c>
      <c r="NE29" s="403">
        <v>0</v>
      </c>
      <c r="NF29" s="344">
        <v>0</v>
      </c>
      <c r="NG29" s="344">
        <v>0</v>
      </c>
      <c r="NH29" s="344">
        <v>461029</v>
      </c>
      <c r="NI29" s="344">
        <v>0</v>
      </c>
      <c r="NJ29" s="344">
        <v>0</v>
      </c>
      <c r="NK29" s="348">
        <v>461029</v>
      </c>
      <c r="NL29" s="346">
        <v>461029</v>
      </c>
      <c r="NM29" s="347">
        <v>0</v>
      </c>
      <c r="NN29" s="344">
        <v>0</v>
      </c>
      <c r="NO29" s="348">
        <v>0</v>
      </c>
      <c r="NP29" s="403">
        <v>0</v>
      </c>
      <c r="NQ29" s="344">
        <v>0</v>
      </c>
      <c r="NR29" s="344">
        <v>0</v>
      </c>
      <c r="NS29" s="344">
        <v>0</v>
      </c>
      <c r="NT29" s="344">
        <v>0</v>
      </c>
      <c r="NU29" s="344">
        <v>0</v>
      </c>
      <c r="NV29" s="348">
        <v>0</v>
      </c>
      <c r="NW29" s="349">
        <v>0</v>
      </c>
      <c r="NX29" s="347">
        <v>0</v>
      </c>
      <c r="NY29" s="344">
        <v>0</v>
      </c>
      <c r="NZ29" s="348">
        <v>0</v>
      </c>
      <c r="OA29" s="403">
        <v>0</v>
      </c>
      <c r="OB29" s="344">
        <v>0</v>
      </c>
      <c r="OC29" s="344">
        <v>0</v>
      </c>
      <c r="OD29" s="344">
        <v>0</v>
      </c>
      <c r="OE29" s="344">
        <v>0</v>
      </c>
      <c r="OF29" s="344">
        <v>0</v>
      </c>
      <c r="OG29" s="348">
        <v>0</v>
      </c>
      <c r="OH29" s="349">
        <v>0</v>
      </c>
      <c r="OI29" s="347">
        <v>184947</v>
      </c>
      <c r="OJ29" s="344">
        <v>332006</v>
      </c>
      <c r="OK29" s="345">
        <v>516953</v>
      </c>
      <c r="OL29" s="350">
        <v>0</v>
      </c>
      <c r="OM29" s="344">
        <v>2438670</v>
      </c>
      <c r="ON29" s="344">
        <v>2421573</v>
      </c>
      <c r="OO29" s="344">
        <v>2148216</v>
      </c>
      <c r="OP29" s="344">
        <v>3314576</v>
      </c>
      <c r="OQ29" s="344">
        <v>2772442</v>
      </c>
      <c r="OR29" s="348">
        <v>13095477</v>
      </c>
      <c r="OS29" s="353">
        <v>13612430</v>
      </c>
    </row>
    <row r="30" spans="2:409" s="70" customFormat="1" ht="21" customHeight="1" x14ac:dyDescent="0.2">
      <c r="B30" s="409" t="s">
        <v>25</v>
      </c>
      <c r="C30" s="325">
        <v>120796</v>
      </c>
      <c r="D30" s="326">
        <v>151690</v>
      </c>
      <c r="E30" s="327">
        <v>272486</v>
      </c>
      <c r="F30" s="328">
        <v>0</v>
      </c>
      <c r="G30" s="326">
        <v>519612</v>
      </c>
      <c r="H30" s="326">
        <v>750896</v>
      </c>
      <c r="I30" s="326">
        <v>900182</v>
      </c>
      <c r="J30" s="326">
        <v>294011</v>
      </c>
      <c r="K30" s="326">
        <v>617924</v>
      </c>
      <c r="L30" s="366">
        <v>3082625</v>
      </c>
      <c r="M30" s="329">
        <v>3355111</v>
      </c>
      <c r="N30" s="325">
        <v>17080</v>
      </c>
      <c r="O30" s="326">
        <v>103628</v>
      </c>
      <c r="P30" s="327">
        <v>120708</v>
      </c>
      <c r="Q30" s="325">
        <v>0</v>
      </c>
      <c r="R30" s="326">
        <v>171866</v>
      </c>
      <c r="S30" s="326">
        <v>220445</v>
      </c>
      <c r="T30" s="326">
        <v>69351</v>
      </c>
      <c r="U30" s="326">
        <v>107033</v>
      </c>
      <c r="V30" s="326">
        <v>436046</v>
      </c>
      <c r="W30" s="327">
        <v>1004741</v>
      </c>
      <c r="X30" s="329">
        <v>1125449</v>
      </c>
      <c r="Y30" s="325">
        <v>0</v>
      </c>
      <c r="Z30" s="326">
        <v>0</v>
      </c>
      <c r="AA30" s="327">
        <v>0</v>
      </c>
      <c r="AB30" s="325">
        <v>0</v>
      </c>
      <c r="AC30" s="326">
        <v>72030</v>
      </c>
      <c r="AD30" s="326">
        <v>101427</v>
      </c>
      <c r="AE30" s="326">
        <v>14275</v>
      </c>
      <c r="AF30" s="326">
        <v>69125</v>
      </c>
      <c r="AG30" s="326">
        <v>279245</v>
      </c>
      <c r="AH30" s="327">
        <v>536102</v>
      </c>
      <c r="AI30" s="329">
        <v>536102</v>
      </c>
      <c r="AJ30" s="325">
        <v>0</v>
      </c>
      <c r="AK30" s="326">
        <v>0</v>
      </c>
      <c r="AL30" s="327">
        <v>0</v>
      </c>
      <c r="AM30" s="325">
        <v>0</v>
      </c>
      <c r="AN30" s="326">
        <v>40917</v>
      </c>
      <c r="AO30" s="326">
        <v>0</v>
      </c>
      <c r="AP30" s="326">
        <v>0</v>
      </c>
      <c r="AQ30" s="326">
        <v>0</v>
      </c>
      <c r="AR30" s="326">
        <v>61372</v>
      </c>
      <c r="AS30" s="327">
        <v>102289</v>
      </c>
      <c r="AT30" s="329">
        <v>102289</v>
      </c>
      <c r="AU30" s="325">
        <v>6741</v>
      </c>
      <c r="AV30" s="326">
        <v>98196</v>
      </c>
      <c r="AW30" s="327">
        <v>104937</v>
      </c>
      <c r="AX30" s="325">
        <v>0</v>
      </c>
      <c r="AY30" s="326">
        <v>32991</v>
      </c>
      <c r="AZ30" s="326">
        <v>104605</v>
      </c>
      <c r="BA30" s="326">
        <v>25466</v>
      </c>
      <c r="BB30" s="326">
        <v>25882</v>
      </c>
      <c r="BC30" s="326">
        <v>63117</v>
      </c>
      <c r="BD30" s="327">
        <v>252061</v>
      </c>
      <c r="BE30" s="329">
        <v>356998</v>
      </c>
      <c r="BF30" s="325">
        <v>0</v>
      </c>
      <c r="BG30" s="326">
        <v>0</v>
      </c>
      <c r="BH30" s="330">
        <v>0</v>
      </c>
      <c r="BI30" s="331">
        <v>0</v>
      </c>
      <c r="BJ30" s="326">
        <v>0</v>
      </c>
      <c r="BK30" s="326">
        <v>0</v>
      </c>
      <c r="BL30" s="326">
        <v>0</v>
      </c>
      <c r="BM30" s="326">
        <v>0</v>
      </c>
      <c r="BN30" s="326">
        <v>0</v>
      </c>
      <c r="BO30" s="327">
        <v>0</v>
      </c>
      <c r="BP30" s="329">
        <v>0</v>
      </c>
      <c r="BQ30" s="325">
        <v>10339</v>
      </c>
      <c r="BR30" s="326">
        <v>5432</v>
      </c>
      <c r="BS30" s="327">
        <v>15771</v>
      </c>
      <c r="BT30" s="325">
        <v>0</v>
      </c>
      <c r="BU30" s="326">
        <v>25928</v>
      </c>
      <c r="BV30" s="326">
        <v>14413</v>
      </c>
      <c r="BW30" s="326">
        <v>29610</v>
      </c>
      <c r="BX30" s="326">
        <v>12026</v>
      </c>
      <c r="BY30" s="326">
        <v>32312</v>
      </c>
      <c r="BZ30" s="327">
        <v>114289</v>
      </c>
      <c r="CA30" s="329">
        <v>130060</v>
      </c>
      <c r="CB30" s="325">
        <v>17028</v>
      </c>
      <c r="CC30" s="326">
        <v>0</v>
      </c>
      <c r="CD30" s="327">
        <v>17028</v>
      </c>
      <c r="CE30" s="325">
        <v>0</v>
      </c>
      <c r="CF30" s="326">
        <v>193749</v>
      </c>
      <c r="CG30" s="326">
        <v>309184</v>
      </c>
      <c r="CH30" s="326">
        <v>260496</v>
      </c>
      <c r="CI30" s="326">
        <v>0</v>
      </c>
      <c r="CJ30" s="326">
        <v>83797</v>
      </c>
      <c r="CK30" s="327">
        <v>847226</v>
      </c>
      <c r="CL30" s="329">
        <v>864254</v>
      </c>
      <c r="CM30" s="325">
        <v>0</v>
      </c>
      <c r="CN30" s="326">
        <v>0</v>
      </c>
      <c r="CO30" s="327">
        <v>0</v>
      </c>
      <c r="CP30" s="331">
        <v>0</v>
      </c>
      <c r="CQ30" s="326">
        <v>60392</v>
      </c>
      <c r="CR30" s="326">
        <v>244544</v>
      </c>
      <c r="CS30" s="326">
        <v>143504</v>
      </c>
      <c r="CT30" s="326">
        <v>0</v>
      </c>
      <c r="CU30" s="326">
        <v>0</v>
      </c>
      <c r="CV30" s="327">
        <v>448440</v>
      </c>
      <c r="CW30" s="329">
        <v>448440</v>
      </c>
      <c r="CX30" s="325">
        <v>17028</v>
      </c>
      <c r="CY30" s="326">
        <v>0</v>
      </c>
      <c r="CZ30" s="327">
        <v>17028</v>
      </c>
      <c r="DA30" s="325">
        <v>0</v>
      </c>
      <c r="DB30" s="326">
        <v>133357</v>
      </c>
      <c r="DC30" s="326">
        <v>64640</v>
      </c>
      <c r="DD30" s="326">
        <v>116992</v>
      </c>
      <c r="DE30" s="326">
        <v>0</v>
      </c>
      <c r="DF30" s="326">
        <v>83797</v>
      </c>
      <c r="DG30" s="327">
        <v>398786</v>
      </c>
      <c r="DH30" s="329">
        <v>415814</v>
      </c>
      <c r="DI30" s="325">
        <v>0</v>
      </c>
      <c r="DJ30" s="326">
        <v>0</v>
      </c>
      <c r="DK30" s="330">
        <v>0</v>
      </c>
      <c r="DL30" s="331">
        <v>0</v>
      </c>
      <c r="DM30" s="326">
        <v>70961</v>
      </c>
      <c r="DN30" s="326">
        <v>0</v>
      </c>
      <c r="DO30" s="326">
        <v>145292</v>
      </c>
      <c r="DP30" s="326">
        <v>0</v>
      </c>
      <c r="DQ30" s="326">
        <v>0</v>
      </c>
      <c r="DR30" s="327">
        <v>216253</v>
      </c>
      <c r="DS30" s="329">
        <v>216253</v>
      </c>
      <c r="DT30" s="325">
        <v>0</v>
      </c>
      <c r="DU30" s="326">
        <v>0</v>
      </c>
      <c r="DV30" s="327">
        <v>0</v>
      </c>
      <c r="DW30" s="325">
        <v>0</v>
      </c>
      <c r="DX30" s="326">
        <v>70961</v>
      </c>
      <c r="DY30" s="326">
        <v>0</v>
      </c>
      <c r="DZ30" s="326">
        <v>145292</v>
      </c>
      <c r="EA30" s="326">
        <v>0</v>
      </c>
      <c r="EB30" s="326">
        <v>0</v>
      </c>
      <c r="EC30" s="327">
        <v>216253</v>
      </c>
      <c r="ED30" s="329">
        <v>216253</v>
      </c>
      <c r="EE30" s="325">
        <v>0</v>
      </c>
      <c r="EF30" s="330">
        <v>0</v>
      </c>
      <c r="EG30" s="327">
        <v>0</v>
      </c>
      <c r="EH30" s="325">
        <v>0</v>
      </c>
      <c r="EI30" s="326">
        <v>0</v>
      </c>
      <c r="EJ30" s="326">
        <v>0</v>
      </c>
      <c r="EK30" s="326">
        <v>0</v>
      </c>
      <c r="EL30" s="326">
        <v>0</v>
      </c>
      <c r="EM30" s="326">
        <v>0</v>
      </c>
      <c r="EN30" s="330">
        <v>0</v>
      </c>
      <c r="EO30" s="329">
        <v>0</v>
      </c>
      <c r="EP30" s="325">
        <v>0</v>
      </c>
      <c r="EQ30" s="326">
        <v>0</v>
      </c>
      <c r="ER30" s="330">
        <v>0</v>
      </c>
      <c r="ES30" s="331">
        <v>0</v>
      </c>
      <c r="ET30" s="326">
        <v>0</v>
      </c>
      <c r="EU30" s="326">
        <v>0</v>
      </c>
      <c r="EV30" s="326">
        <v>0</v>
      </c>
      <c r="EW30" s="326">
        <v>0</v>
      </c>
      <c r="EX30" s="326">
        <v>0</v>
      </c>
      <c r="EY30" s="327">
        <v>0</v>
      </c>
      <c r="EZ30" s="329">
        <v>0</v>
      </c>
      <c r="FA30" s="325">
        <v>0</v>
      </c>
      <c r="FB30" s="326">
        <v>0</v>
      </c>
      <c r="FC30" s="330">
        <v>0</v>
      </c>
      <c r="FD30" s="403">
        <v>0</v>
      </c>
      <c r="FE30" s="326">
        <v>0</v>
      </c>
      <c r="FF30" s="326">
        <v>0</v>
      </c>
      <c r="FG30" s="326">
        <v>0</v>
      </c>
      <c r="FH30" s="326">
        <v>0</v>
      </c>
      <c r="FI30" s="326">
        <v>0</v>
      </c>
      <c r="FJ30" s="327">
        <v>0</v>
      </c>
      <c r="FK30" s="329">
        <v>0</v>
      </c>
      <c r="FL30" s="325">
        <v>86688</v>
      </c>
      <c r="FM30" s="326">
        <v>48062</v>
      </c>
      <c r="FN30" s="327">
        <v>134750</v>
      </c>
      <c r="FO30" s="325">
        <v>0</v>
      </c>
      <c r="FP30" s="326">
        <v>30366</v>
      </c>
      <c r="FQ30" s="326">
        <v>60676</v>
      </c>
      <c r="FR30" s="326">
        <v>83237</v>
      </c>
      <c r="FS30" s="326">
        <v>0</v>
      </c>
      <c r="FT30" s="326">
        <v>58800</v>
      </c>
      <c r="FU30" s="327">
        <v>233079</v>
      </c>
      <c r="FV30" s="329">
        <v>367829</v>
      </c>
      <c r="FW30" s="332">
        <v>11088</v>
      </c>
      <c r="FX30" s="326">
        <v>48062</v>
      </c>
      <c r="FY30" s="330">
        <v>59150</v>
      </c>
      <c r="FZ30" s="331">
        <v>0</v>
      </c>
      <c r="GA30" s="326">
        <v>30366</v>
      </c>
      <c r="GB30" s="326">
        <v>60676</v>
      </c>
      <c r="GC30" s="326">
        <v>83237</v>
      </c>
      <c r="GD30" s="326">
        <v>0</v>
      </c>
      <c r="GE30" s="326">
        <v>58800</v>
      </c>
      <c r="GF30" s="327">
        <v>233079</v>
      </c>
      <c r="GG30" s="333">
        <v>292229</v>
      </c>
      <c r="GH30" s="332">
        <v>0</v>
      </c>
      <c r="GI30" s="326">
        <v>0</v>
      </c>
      <c r="GJ30" s="330">
        <v>0</v>
      </c>
      <c r="GK30" s="331">
        <v>0</v>
      </c>
      <c r="GL30" s="326">
        <v>0</v>
      </c>
      <c r="GM30" s="326">
        <v>0</v>
      </c>
      <c r="GN30" s="326">
        <v>0</v>
      </c>
      <c r="GO30" s="326">
        <v>0</v>
      </c>
      <c r="GP30" s="326">
        <v>0</v>
      </c>
      <c r="GQ30" s="327">
        <v>0</v>
      </c>
      <c r="GR30" s="329">
        <v>0</v>
      </c>
      <c r="GS30" s="325">
        <v>75600</v>
      </c>
      <c r="GT30" s="326">
        <v>0</v>
      </c>
      <c r="GU30" s="327">
        <v>75600</v>
      </c>
      <c r="GV30" s="325">
        <v>0</v>
      </c>
      <c r="GW30" s="326">
        <v>0</v>
      </c>
      <c r="GX30" s="326">
        <v>0</v>
      </c>
      <c r="GY30" s="326">
        <v>0</v>
      </c>
      <c r="GZ30" s="326">
        <v>0</v>
      </c>
      <c r="HA30" s="326">
        <v>0</v>
      </c>
      <c r="HB30" s="330">
        <v>0</v>
      </c>
      <c r="HC30" s="329">
        <v>75600</v>
      </c>
      <c r="HD30" s="325">
        <v>0</v>
      </c>
      <c r="HE30" s="326">
        <v>0</v>
      </c>
      <c r="HF30" s="330">
        <v>0</v>
      </c>
      <c r="HG30" s="331">
        <v>0</v>
      </c>
      <c r="HH30" s="326">
        <v>52670</v>
      </c>
      <c r="HI30" s="326">
        <v>160591</v>
      </c>
      <c r="HJ30" s="326">
        <v>341806</v>
      </c>
      <c r="HK30" s="326">
        <v>186978</v>
      </c>
      <c r="HL30" s="326">
        <v>39281</v>
      </c>
      <c r="HM30" s="327">
        <v>781326</v>
      </c>
      <c r="HN30" s="328">
        <v>781326</v>
      </c>
      <c r="HO30" s="332">
        <v>0</v>
      </c>
      <c r="HP30" s="326">
        <v>0</v>
      </c>
      <c r="HQ30" s="327">
        <v>0</v>
      </c>
      <c r="HR30" s="325">
        <v>0</v>
      </c>
      <c r="HS30" s="326">
        <v>0</v>
      </c>
      <c r="HT30" s="326">
        <v>0</v>
      </c>
      <c r="HU30" s="326">
        <v>0</v>
      </c>
      <c r="HV30" s="326">
        <v>0</v>
      </c>
      <c r="HW30" s="326">
        <v>0</v>
      </c>
      <c r="HX30" s="330">
        <v>0</v>
      </c>
      <c r="HY30" s="329">
        <v>0</v>
      </c>
      <c r="HZ30" s="357">
        <v>0</v>
      </c>
      <c r="IA30" s="355">
        <v>0</v>
      </c>
      <c r="IB30" s="357">
        <v>0</v>
      </c>
      <c r="IC30" s="354">
        <v>0</v>
      </c>
      <c r="ID30" s="355">
        <v>318790</v>
      </c>
      <c r="IE30" s="356">
        <v>75430</v>
      </c>
      <c r="IF30" s="357">
        <v>0</v>
      </c>
      <c r="IG30" s="355">
        <v>0</v>
      </c>
      <c r="IH30" s="357">
        <v>0</v>
      </c>
      <c r="II30" s="358">
        <v>394220</v>
      </c>
      <c r="IJ30" s="357">
        <v>394220</v>
      </c>
      <c r="IK30" s="341">
        <v>0</v>
      </c>
      <c r="IL30" s="342">
        <v>0</v>
      </c>
      <c r="IM30" s="343">
        <v>0</v>
      </c>
      <c r="IN30" s="403">
        <v>0</v>
      </c>
      <c r="IO30" s="344">
        <v>0</v>
      </c>
      <c r="IP30" s="344">
        <v>0</v>
      </c>
      <c r="IQ30" s="344">
        <v>0</v>
      </c>
      <c r="IR30" s="344">
        <v>0</v>
      </c>
      <c r="IS30" s="344">
        <v>0</v>
      </c>
      <c r="IT30" s="345">
        <v>0</v>
      </c>
      <c r="IU30" s="346">
        <v>0</v>
      </c>
      <c r="IV30" s="347">
        <v>0</v>
      </c>
      <c r="IW30" s="344">
        <v>0</v>
      </c>
      <c r="IX30" s="348">
        <v>0</v>
      </c>
      <c r="IY30" s="403">
        <v>0</v>
      </c>
      <c r="IZ30" s="344">
        <v>0</v>
      </c>
      <c r="JA30" s="344">
        <v>0</v>
      </c>
      <c r="JB30" s="344">
        <v>0</v>
      </c>
      <c r="JC30" s="344">
        <v>0</v>
      </c>
      <c r="JD30" s="344">
        <v>0</v>
      </c>
      <c r="JE30" s="348">
        <v>0</v>
      </c>
      <c r="JF30" s="349">
        <v>0</v>
      </c>
      <c r="JG30" s="347">
        <v>0</v>
      </c>
      <c r="JH30" s="344">
        <v>0</v>
      </c>
      <c r="JI30" s="345">
        <v>0</v>
      </c>
      <c r="JJ30" s="350">
        <v>0</v>
      </c>
      <c r="JK30" s="344">
        <v>119508</v>
      </c>
      <c r="JL30" s="344">
        <v>75430</v>
      </c>
      <c r="JM30" s="344">
        <v>0</v>
      </c>
      <c r="JN30" s="344">
        <v>0</v>
      </c>
      <c r="JO30" s="344">
        <v>0</v>
      </c>
      <c r="JP30" s="348">
        <v>194938</v>
      </c>
      <c r="JQ30" s="346">
        <v>194938</v>
      </c>
      <c r="JR30" s="347">
        <v>0</v>
      </c>
      <c r="JS30" s="344">
        <v>0</v>
      </c>
      <c r="JT30" s="345">
        <v>0</v>
      </c>
      <c r="JU30" s="350">
        <v>0</v>
      </c>
      <c r="JV30" s="344">
        <v>0</v>
      </c>
      <c r="JW30" s="344">
        <v>0</v>
      </c>
      <c r="JX30" s="344">
        <v>0</v>
      </c>
      <c r="JY30" s="344">
        <v>0</v>
      </c>
      <c r="JZ30" s="344">
        <v>0</v>
      </c>
      <c r="KA30" s="348">
        <v>0</v>
      </c>
      <c r="KB30" s="346">
        <v>0</v>
      </c>
      <c r="KC30" s="351">
        <v>0</v>
      </c>
      <c r="KD30" s="352">
        <v>0</v>
      </c>
      <c r="KE30" s="348">
        <v>0</v>
      </c>
      <c r="KF30" s="350">
        <v>0</v>
      </c>
      <c r="KG30" s="344">
        <v>0</v>
      </c>
      <c r="KH30" s="344">
        <v>0</v>
      </c>
      <c r="KI30" s="344">
        <v>0</v>
      </c>
      <c r="KJ30" s="344">
        <v>0</v>
      </c>
      <c r="KK30" s="344">
        <v>0</v>
      </c>
      <c r="KL30" s="348">
        <v>0</v>
      </c>
      <c r="KM30" s="353">
        <v>0</v>
      </c>
      <c r="KN30" s="341">
        <v>0</v>
      </c>
      <c r="KO30" s="342">
        <v>0</v>
      </c>
      <c r="KP30" s="343">
        <v>0</v>
      </c>
      <c r="KQ30" s="403">
        <v>0</v>
      </c>
      <c r="KR30" s="344">
        <v>199282</v>
      </c>
      <c r="KS30" s="344">
        <v>0</v>
      </c>
      <c r="KT30" s="344">
        <v>0</v>
      </c>
      <c r="KU30" s="344">
        <v>0</v>
      </c>
      <c r="KV30" s="344">
        <v>0</v>
      </c>
      <c r="KW30" s="348">
        <v>199282</v>
      </c>
      <c r="KX30" s="346">
        <v>199282</v>
      </c>
      <c r="KY30" s="347">
        <v>0</v>
      </c>
      <c r="KZ30" s="344">
        <v>0</v>
      </c>
      <c r="LA30" s="348">
        <v>0</v>
      </c>
      <c r="LB30" s="403">
        <v>0</v>
      </c>
      <c r="LC30" s="344">
        <v>0</v>
      </c>
      <c r="LD30" s="344">
        <v>0</v>
      </c>
      <c r="LE30" s="344">
        <v>0</v>
      </c>
      <c r="LF30" s="344">
        <v>0</v>
      </c>
      <c r="LG30" s="344">
        <v>0</v>
      </c>
      <c r="LH30" s="348">
        <v>0</v>
      </c>
      <c r="LI30" s="349">
        <v>0</v>
      </c>
      <c r="LJ30" s="347">
        <v>0</v>
      </c>
      <c r="LK30" s="344">
        <v>0</v>
      </c>
      <c r="LL30" s="348">
        <v>0</v>
      </c>
      <c r="LM30" s="403">
        <v>0</v>
      </c>
      <c r="LN30" s="344">
        <v>0</v>
      </c>
      <c r="LO30" s="344">
        <v>0</v>
      </c>
      <c r="LP30" s="344">
        <v>0</v>
      </c>
      <c r="LQ30" s="344">
        <v>0</v>
      </c>
      <c r="LR30" s="344">
        <v>0</v>
      </c>
      <c r="LS30" s="348">
        <v>0</v>
      </c>
      <c r="LT30" s="346">
        <v>0</v>
      </c>
      <c r="LU30" s="347">
        <v>0</v>
      </c>
      <c r="LV30" s="344">
        <v>0</v>
      </c>
      <c r="LW30" s="348">
        <v>0</v>
      </c>
      <c r="LX30" s="403">
        <v>0</v>
      </c>
      <c r="LY30" s="344">
        <v>0</v>
      </c>
      <c r="LZ30" s="344">
        <v>0</v>
      </c>
      <c r="MA30" s="344">
        <v>0</v>
      </c>
      <c r="MB30" s="344">
        <v>0</v>
      </c>
      <c r="MC30" s="344">
        <v>0</v>
      </c>
      <c r="MD30" s="348">
        <v>0</v>
      </c>
      <c r="ME30" s="349">
        <v>0</v>
      </c>
      <c r="MF30" s="347">
        <v>0</v>
      </c>
      <c r="MG30" s="344">
        <v>0</v>
      </c>
      <c r="MH30" s="348">
        <v>0</v>
      </c>
      <c r="MI30" s="403">
        <v>0</v>
      </c>
      <c r="MJ30" s="344">
        <v>231256</v>
      </c>
      <c r="MK30" s="344">
        <v>775196</v>
      </c>
      <c r="ML30" s="344">
        <v>512222</v>
      </c>
      <c r="MM30" s="344">
        <v>906491</v>
      </c>
      <c r="MN30" s="344">
        <v>698272</v>
      </c>
      <c r="MO30" s="348">
        <v>3123437</v>
      </c>
      <c r="MP30" s="353">
        <v>3123437</v>
      </c>
      <c r="MQ30" s="347">
        <v>0</v>
      </c>
      <c r="MR30" s="344">
        <v>0</v>
      </c>
      <c r="MS30" s="348">
        <v>0</v>
      </c>
      <c r="MT30" s="403">
        <v>0</v>
      </c>
      <c r="MU30" s="344">
        <v>0</v>
      </c>
      <c r="MV30" s="344">
        <v>0</v>
      </c>
      <c r="MW30" s="344">
        <v>474514</v>
      </c>
      <c r="MX30" s="344">
        <v>428978</v>
      </c>
      <c r="MY30" s="344">
        <v>698272</v>
      </c>
      <c r="MZ30" s="348">
        <v>1601764</v>
      </c>
      <c r="NA30" s="353">
        <v>1601764</v>
      </c>
      <c r="NB30" s="347">
        <v>0</v>
      </c>
      <c r="NC30" s="344">
        <v>0</v>
      </c>
      <c r="ND30" s="348">
        <v>0</v>
      </c>
      <c r="NE30" s="403">
        <v>0</v>
      </c>
      <c r="NF30" s="344">
        <v>231256</v>
      </c>
      <c r="NG30" s="344">
        <v>775196</v>
      </c>
      <c r="NH30" s="344">
        <v>37708</v>
      </c>
      <c r="NI30" s="344">
        <v>477513</v>
      </c>
      <c r="NJ30" s="344">
        <v>0</v>
      </c>
      <c r="NK30" s="348">
        <v>1521673</v>
      </c>
      <c r="NL30" s="346">
        <v>1521673</v>
      </c>
      <c r="NM30" s="347">
        <v>0</v>
      </c>
      <c r="NN30" s="344">
        <v>0</v>
      </c>
      <c r="NO30" s="348">
        <v>0</v>
      </c>
      <c r="NP30" s="403">
        <v>0</v>
      </c>
      <c r="NQ30" s="344">
        <v>0</v>
      </c>
      <c r="NR30" s="344">
        <v>0</v>
      </c>
      <c r="NS30" s="344">
        <v>0</v>
      </c>
      <c r="NT30" s="344">
        <v>0</v>
      </c>
      <c r="NU30" s="344">
        <v>0</v>
      </c>
      <c r="NV30" s="348">
        <v>0</v>
      </c>
      <c r="NW30" s="349">
        <v>0</v>
      </c>
      <c r="NX30" s="347">
        <v>0</v>
      </c>
      <c r="NY30" s="344">
        <v>0</v>
      </c>
      <c r="NZ30" s="348">
        <v>0</v>
      </c>
      <c r="OA30" s="403">
        <v>0</v>
      </c>
      <c r="OB30" s="344">
        <v>0</v>
      </c>
      <c r="OC30" s="344">
        <v>0</v>
      </c>
      <c r="OD30" s="344">
        <v>0</v>
      </c>
      <c r="OE30" s="344">
        <v>0</v>
      </c>
      <c r="OF30" s="344">
        <v>0</v>
      </c>
      <c r="OG30" s="348">
        <v>0</v>
      </c>
      <c r="OH30" s="349">
        <v>0</v>
      </c>
      <c r="OI30" s="347">
        <v>120796</v>
      </c>
      <c r="OJ30" s="344">
        <v>151690</v>
      </c>
      <c r="OK30" s="345">
        <v>272486</v>
      </c>
      <c r="OL30" s="350">
        <v>0</v>
      </c>
      <c r="OM30" s="344">
        <v>1069658</v>
      </c>
      <c r="ON30" s="344">
        <v>1601522</v>
      </c>
      <c r="OO30" s="344">
        <v>1412404</v>
      </c>
      <c r="OP30" s="344">
        <v>1200502</v>
      </c>
      <c r="OQ30" s="344">
        <v>1316196</v>
      </c>
      <c r="OR30" s="348">
        <v>6600282</v>
      </c>
      <c r="OS30" s="353">
        <v>6872768</v>
      </c>
    </row>
    <row r="31" spans="2:409" s="70" customFormat="1" ht="21" customHeight="1" x14ac:dyDescent="0.2">
      <c r="B31" s="409" t="s">
        <v>26</v>
      </c>
      <c r="C31" s="325">
        <v>56252</v>
      </c>
      <c r="D31" s="326">
        <v>244140</v>
      </c>
      <c r="E31" s="327">
        <v>300392</v>
      </c>
      <c r="F31" s="328">
        <v>0</v>
      </c>
      <c r="G31" s="326">
        <v>2163836</v>
      </c>
      <c r="H31" s="326">
        <v>1084242</v>
      </c>
      <c r="I31" s="326">
        <v>716268</v>
      </c>
      <c r="J31" s="326">
        <v>648695</v>
      </c>
      <c r="K31" s="326">
        <v>1244628</v>
      </c>
      <c r="L31" s="366">
        <v>5857669</v>
      </c>
      <c r="M31" s="329">
        <v>6158061</v>
      </c>
      <c r="N31" s="325">
        <v>57222</v>
      </c>
      <c r="O31" s="326">
        <v>91327</v>
      </c>
      <c r="P31" s="327">
        <v>148549</v>
      </c>
      <c r="Q31" s="325">
        <v>0</v>
      </c>
      <c r="R31" s="326">
        <v>397093</v>
      </c>
      <c r="S31" s="326">
        <v>493895</v>
      </c>
      <c r="T31" s="326">
        <v>87938</v>
      </c>
      <c r="U31" s="326">
        <v>80108</v>
      </c>
      <c r="V31" s="326">
        <v>829821</v>
      </c>
      <c r="W31" s="327">
        <v>1888855</v>
      </c>
      <c r="X31" s="329">
        <v>2037404</v>
      </c>
      <c r="Y31" s="325">
        <v>0</v>
      </c>
      <c r="Z31" s="326">
        <v>0</v>
      </c>
      <c r="AA31" s="327">
        <v>0</v>
      </c>
      <c r="AB31" s="325">
        <v>0</v>
      </c>
      <c r="AC31" s="326">
        <v>63867</v>
      </c>
      <c r="AD31" s="326">
        <v>216518</v>
      </c>
      <c r="AE31" s="326">
        <v>33639</v>
      </c>
      <c r="AF31" s="326">
        <v>0</v>
      </c>
      <c r="AG31" s="326">
        <v>483953</v>
      </c>
      <c r="AH31" s="327">
        <v>797977</v>
      </c>
      <c r="AI31" s="329">
        <v>797977</v>
      </c>
      <c r="AJ31" s="325">
        <v>0</v>
      </c>
      <c r="AK31" s="326">
        <v>0</v>
      </c>
      <c r="AL31" s="327">
        <v>0</v>
      </c>
      <c r="AM31" s="325">
        <v>0</v>
      </c>
      <c r="AN31" s="326">
        <v>0</v>
      </c>
      <c r="AO31" s="326">
        <v>0</v>
      </c>
      <c r="AP31" s="326">
        <v>0</v>
      </c>
      <c r="AQ31" s="326">
        <v>0</v>
      </c>
      <c r="AR31" s="326">
        <v>95399</v>
      </c>
      <c r="AS31" s="327">
        <v>95399</v>
      </c>
      <c r="AT31" s="329">
        <v>95399</v>
      </c>
      <c r="AU31" s="325">
        <v>0</v>
      </c>
      <c r="AV31" s="326">
        <v>37009</v>
      </c>
      <c r="AW31" s="327">
        <v>37009</v>
      </c>
      <c r="AX31" s="325">
        <v>0</v>
      </c>
      <c r="AY31" s="326">
        <v>130135</v>
      </c>
      <c r="AZ31" s="326">
        <v>250007</v>
      </c>
      <c r="BA31" s="326">
        <v>0</v>
      </c>
      <c r="BB31" s="326">
        <v>0</v>
      </c>
      <c r="BC31" s="326">
        <v>222532</v>
      </c>
      <c r="BD31" s="327">
        <v>602674</v>
      </c>
      <c r="BE31" s="329">
        <v>639683</v>
      </c>
      <c r="BF31" s="325">
        <v>28634</v>
      </c>
      <c r="BG31" s="326">
        <v>54318</v>
      </c>
      <c r="BH31" s="330">
        <v>82952</v>
      </c>
      <c r="BI31" s="331">
        <v>0</v>
      </c>
      <c r="BJ31" s="326">
        <v>58513</v>
      </c>
      <c r="BK31" s="326">
        <v>0</v>
      </c>
      <c r="BL31" s="326">
        <v>0</v>
      </c>
      <c r="BM31" s="326">
        <v>0</v>
      </c>
      <c r="BN31" s="326">
        <v>0</v>
      </c>
      <c r="BO31" s="327">
        <v>58513</v>
      </c>
      <c r="BP31" s="329">
        <v>141465</v>
      </c>
      <c r="BQ31" s="325">
        <v>28588</v>
      </c>
      <c r="BR31" s="326">
        <v>0</v>
      </c>
      <c r="BS31" s="327">
        <v>28588</v>
      </c>
      <c r="BT31" s="325">
        <v>0</v>
      </c>
      <c r="BU31" s="326">
        <v>144578</v>
      </c>
      <c r="BV31" s="326">
        <v>27370</v>
      </c>
      <c r="BW31" s="326">
        <v>54299</v>
      </c>
      <c r="BX31" s="326">
        <v>80108</v>
      </c>
      <c r="BY31" s="326">
        <v>27937</v>
      </c>
      <c r="BZ31" s="327">
        <v>334292</v>
      </c>
      <c r="CA31" s="329">
        <v>362880</v>
      </c>
      <c r="CB31" s="325">
        <v>0</v>
      </c>
      <c r="CC31" s="326">
        <v>0</v>
      </c>
      <c r="CD31" s="327">
        <v>0</v>
      </c>
      <c r="CE31" s="325">
        <v>0</v>
      </c>
      <c r="CF31" s="326">
        <v>387014</v>
      </c>
      <c r="CG31" s="326">
        <v>263302</v>
      </c>
      <c r="CH31" s="326">
        <v>67669</v>
      </c>
      <c r="CI31" s="326">
        <v>0</v>
      </c>
      <c r="CJ31" s="326">
        <v>42146</v>
      </c>
      <c r="CK31" s="327">
        <v>760131</v>
      </c>
      <c r="CL31" s="329">
        <v>760131</v>
      </c>
      <c r="CM31" s="325">
        <v>0</v>
      </c>
      <c r="CN31" s="326">
        <v>0</v>
      </c>
      <c r="CO31" s="327">
        <v>0</v>
      </c>
      <c r="CP31" s="331">
        <v>0</v>
      </c>
      <c r="CQ31" s="326">
        <v>154251</v>
      </c>
      <c r="CR31" s="326">
        <v>149170</v>
      </c>
      <c r="CS31" s="326">
        <v>67669</v>
      </c>
      <c r="CT31" s="326">
        <v>0</v>
      </c>
      <c r="CU31" s="326">
        <v>42146</v>
      </c>
      <c r="CV31" s="327">
        <v>413236</v>
      </c>
      <c r="CW31" s="329">
        <v>413236</v>
      </c>
      <c r="CX31" s="325">
        <v>0</v>
      </c>
      <c r="CY31" s="326">
        <v>0</v>
      </c>
      <c r="CZ31" s="327">
        <v>0</v>
      </c>
      <c r="DA31" s="325">
        <v>0</v>
      </c>
      <c r="DB31" s="326">
        <v>232763</v>
      </c>
      <c r="DC31" s="326">
        <v>114132</v>
      </c>
      <c r="DD31" s="326">
        <v>0</v>
      </c>
      <c r="DE31" s="326">
        <v>0</v>
      </c>
      <c r="DF31" s="326">
        <v>0</v>
      </c>
      <c r="DG31" s="327">
        <v>346895</v>
      </c>
      <c r="DH31" s="329">
        <v>346895</v>
      </c>
      <c r="DI31" s="325">
        <v>0</v>
      </c>
      <c r="DJ31" s="326">
        <v>0</v>
      </c>
      <c r="DK31" s="330">
        <v>0</v>
      </c>
      <c r="DL31" s="331">
        <v>0</v>
      </c>
      <c r="DM31" s="326">
        <v>138212</v>
      </c>
      <c r="DN31" s="326">
        <v>22863</v>
      </c>
      <c r="DO31" s="326">
        <v>31932</v>
      </c>
      <c r="DP31" s="326">
        <v>0</v>
      </c>
      <c r="DQ31" s="326">
        <v>0</v>
      </c>
      <c r="DR31" s="327">
        <v>193007</v>
      </c>
      <c r="DS31" s="329">
        <v>193007</v>
      </c>
      <c r="DT31" s="325">
        <v>0</v>
      </c>
      <c r="DU31" s="326">
        <v>0</v>
      </c>
      <c r="DV31" s="327">
        <v>0</v>
      </c>
      <c r="DW31" s="325">
        <v>0</v>
      </c>
      <c r="DX31" s="326">
        <v>138212</v>
      </c>
      <c r="DY31" s="326">
        <v>22863</v>
      </c>
      <c r="DZ31" s="326">
        <v>31932</v>
      </c>
      <c r="EA31" s="326">
        <v>0</v>
      </c>
      <c r="EB31" s="326">
        <v>0</v>
      </c>
      <c r="EC31" s="327">
        <v>193007</v>
      </c>
      <c r="ED31" s="329">
        <v>193007</v>
      </c>
      <c r="EE31" s="325">
        <v>0</v>
      </c>
      <c r="EF31" s="330">
        <v>0</v>
      </c>
      <c r="EG31" s="327">
        <v>0</v>
      </c>
      <c r="EH31" s="325">
        <v>0</v>
      </c>
      <c r="EI31" s="326">
        <v>0</v>
      </c>
      <c r="EJ31" s="326">
        <v>0</v>
      </c>
      <c r="EK31" s="326">
        <v>0</v>
      </c>
      <c r="EL31" s="326">
        <v>0</v>
      </c>
      <c r="EM31" s="326">
        <v>0</v>
      </c>
      <c r="EN31" s="330">
        <v>0</v>
      </c>
      <c r="EO31" s="329">
        <v>0</v>
      </c>
      <c r="EP31" s="325">
        <v>0</v>
      </c>
      <c r="EQ31" s="326">
        <v>0</v>
      </c>
      <c r="ER31" s="330">
        <v>0</v>
      </c>
      <c r="ES31" s="331">
        <v>0</v>
      </c>
      <c r="ET31" s="326">
        <v>0</v>
      </c>
      <c r="EU31" s="326">
        <v>0</v>
      </c>
      <c r="EV31" s="326">
        <v>0</v>
      </c>
      <c r="EW31" s="326">
        <v>0</v>
      </c>
      <c r="EX31" s="326">
        <v>0</v>
      </c>
      <c r="EY31" s="327">
        <v>0</v>
      </c>
      <c r="EZ31" s="329">
        <v>0</v>
      </c>
      <c r="FA31" s="325">
        <v>0</v>
      </c>
      <c r="FB31" s="326">
        <v>0</v>
      </c>
      <c r="FC31" s="330">
        <v>0</v>
      </c>
      <c r="FD31" s="403">
        <v>0</v>
      </c>
      <c r="FE31" s="326">
        <v>0</v>
      </c>
      <c r="FF31" s="326">
        <v>0</v>
      </c>
      <c r="FG31" s="326">
        <v>0</v>
      </c>
      <c r="FH31" s="326">
        <v>0</v>
      </c>
      <c r="FI31" s="326">
        <v>0</v>
      </c>
      <c r="FJ31" s="327">
        <v>0</v>
      </c>
      <c r="FK31" s="329">
        <v>0</v>
      </c>
      <c r="FL31" s="325">
        <v>3500</v>
      </c>
      <c r="FM31" s="326">
        <v>65765</v>
      </c>
      <c r="FN31" s="327">
        <v>69265</v>
      </c>
      <c r="FO31" s="325">
        <v>0</v>
      </c>
      <c r="FP31" s="326">
        <v>48720</v>
      </c>
      <c r="FQ31" s="326">
        <v>122164</v>
      </c>
      <c r="FR31" s="326">
        <v>27580</v>
      </c>
      <c r="FS31" s="326">
        <v>0</v>
      </c>
      <c r="FT31" s="326">
        <v>100415</v>
      </c>
      <c r="FU31" s="327">
        <v>298879</v>
      </c>
      <c r="FV31" s="329">
        <v>368144</v>
      </c>
      <c r="FW31" s="332">
        <v>3500</v>
      </c>
      <c r="FX31" s="326">
        <v>19166</v>
      </c>
      <c r="FY31" s="330">
        <v>22666</v>
      </c>
      <c r="FZ31" s="331">
        <v>0</v>
      </c>
      <c r="GA31" s="326">
        <v>48720</v>
      </c>
      <c r="GB31" s="326">
        <v>122164</v>
      </c>
      <c r="GC31" s="326">
        <v>27580</v>
      </c>
      <c r="GD31" s="326">
        <v>0</v>
      </c>
      <c r="GE31" s="326">
        <v>100415</v>
      </c>
      <c r="GF31" s="327">
        <v>298879</v>
      </c>
      <c r="GG31" s="333">
        <v>321545</v>
      </c>
      <c r="GH31" s="332">
        <v>0</v>
      </c>
      <c r="GI31" s="326">
        <v>46599</v>
      </c>
      <c r="GJ31" s="330">
        <v>46599</v>
      </c>
      <c r="GK31" s="331">
        <v>0</v>
      </c>
      <c r="GL31" s="326">
        <v>0</v>
      </c>
      <c r="GM31" s="326">
        <v>0</v>
      </c>
      <c r="GN31" s="326">
        <v>0</v>
      </c>
      <c r="GO31" s="326">
        <v>0</v>
      </c>
      <c r="GP31" s="326">
        <v>0</v>
      </c>
      <c r="GQ31" s="327">
        <v>0</v>
      </c>
      <c r="GR31" s="329">
        <v>46599</v>
      </c>
      <c r="GS31" s="325">
        <v>0</v>
      </c>
      <c r="GT31" s="326">
        <v>0</v>
      </c>
      <c r="GU31" s="327">
        <v>0</v>
      </c>
      <c r="GV31" s="325">
        <v>0</v>
      </c>
      <c r="GW31" s="326">
        <v>0</v>
      </c>
      <c r="GX31" s="326">
        <v>0</v>
      </c>
      <c r="GY31" s="326">
        <v>0</v>
      </c>
      <c r="GZ31" s="326">
        <v>0</v>
      </c>
      <c r="HA31" s="326">
        <v>0</v>
      </c>
      <c r="HB31" s="330">
        <v>0</v>
      </c>
      <c r="HC31" s="329">
        <v>0</v>
      </c>
      <c r="HD31" s="325">
        <v>-4470</v>
      </c>
      <c r="HE31" s="326">
        <v>87048</v>
      </c>
      <c r="HF31" s="330">
        <v>82578</v>
      </c>
      <c r="HG31" s="331">
        <v>0</v>
      </c>
      <c r="HH31" s="326">
        <v>1192797</v>
      </c>
      <c r="HI31" s="326">
        <v>182018</v>
      </c>
      <c r="HJ31" s="326">
        <v>501149</v>
      </c>
      <c r="HK31" s="326">
        <v>568587</v>
      </c>
      <c r="HL31" s="326">
        <v>272246</v>
      </c>
      <c r="HM31" s="327">
        <v>2716797</v>
      </c>
      <c r="HN31" s="328">
        <v>2799375</v>
      </c>
      <c r="HO31" s="332">
        <v>0</v>
      </c>
      <c r="HP31" s="326">
        <v>0</v>
      </c>
      <c r="HQ31" s="327">
        <v>0</v>
      </c>
      <c r="HR31" s="325">
        <v>0</v>
      </c>
      <c r="HS31" s="326">
        <v>0</v>
      </c>
      <c r="HT31" s="326">
        <v>0</v>
      </c>
      <c r="HU31" s="326">
        <v>0</v>
      </c>
      <c r="HV31" s="326">
        <v>0</v>
      </c>
      <c r="HW31" s="326">
        <v>0</v>
      </c>
      <c r="HX31" s="330">
        <v>0</v>
      </c>
      <c r="HY31" s="329">
        <v>0</v>
      </c>
      <c r="HZ31" s="334">
        <v>0</v>
      </c>
      <c r="IA31" s="335">
        <v>0</v>
      </c>
      <c r="IB31" s="336">
        <v>0</v>
      </c>
      <c r="IC31" s="337">
        <v>0</v>
      </c>
      <c r="ID31" s="335">
        <v>16706</v>
      </c>
      <c r="IE31" s="338">
        <v>428092</v>
      </c>
      <c r="IF31" s="336">
        <v>733282</v>
      </c>
      <c r="IG31" s="335">
        <v>221133</v>
      </c>
      <c r="IH31" s="336">
        <v>22077</v>
      </c>
      <c r="II31" s="339">
        <v>1421290</v>
      </c>
      <c r="IJ31" s="340">
        <v>1421290</v>
      </c>
      <c r="IK31" s="341">
        <v>0</v>
      </c>
      <c r="IL31" s="342">
        <v>0</v>
      </c>
      <c r="IM31" s="343">
        <v>0</v>
      </c>
      <c r="IN31" s="403">
        <v>0</v>
      </c>
      <c r="IO31" s="344">
        <v>0</v>
      </c>
      <c r="IP31" s="344">
        <v>0</v>
      </c>
      <c r="IQ31" s="344">
        <v>0</v>
      </c>
      <c r="IR31" s="344">
        <v>0</v>
      </c>
      <c r="IS31" s="344">
        <v>0</v>
      </c>
      <c r="IT31" s="345">
        <v>0</v>
      </c>
      <c r="IU31" s="346">
        <v>0</v>
      </c>
      <c r="IV31" s="347">
        <v>0</v>
      </c>
      <c r="IW31" s="344">
        <v>0</v>
      </c>
      <c r="IX31" s="348">
        <v>0</v>
      </c>
      <c r="IY31" s="403">
        <v>0</v>
      </c>
      <c r="IZ31" s="344">
        <v>0</v>
      </c>
      <c r="JA31" s="344">
        <v>0</v>
      </c>
      <c r="JB31" s="344">
        <v>0</v>
      </c>
      <c r="JC31" s="344">
        <v>0</v>
      </c>
      <c r="JD31" s="344">
        <v>0</v>
      </c>
      <c r="JE31" s="348">
        <v>0</v>
      </c>
      <c r="JF31" s="349">
        <v>0</v>
      </c>
      <c r="JG31" s="347">
        <v>0</v>
      </c>
      <c r="JH31" s="344">
        <v>0</v>
      </c>
      <c r="JI31" s="345">
        <v>0</v>
      </c>
      <c r="JJ31" s="350">
        <v>0</v>
      </c>
      <c r="JK31" s="344">
        <v>16706</v>
      </c>
      <c r="JL31" s="344">
        <v>59236</v>
      </c>
      <c r="JM31" s="344">
        <v>187984</v>
      </c>
      <c r="JN31" s="344">
        <v>0</v>
      </c>
      <c r="JO31" s="344">
        <v>22077</v>
      </c>
      <c r="JP31" s="348">
        <v>286003</v>
      </c>
      <c r="JQ31" s="346">
        <v>286003</v>
      </c>
      <c r="JR31" s="347">
        <v>0</v>
      </c>
      <c r="JS31" s="344">
        <v>0</v>
      </c>
      <c r="JT31" s="345">
        <v>0</v>
      </c>
      <c r="JU31" s="350">
        <v>0</v>
      </c>
      <c r="JV31" s="344">
        <v>0</v>
      </c>
      <c r="JW31" s="344">
        <v>0</v>
      </c>
      <c r="JX31" s="344">
        <v>0</v>
      </c>
      <c r="JY31" s="344">
        <v>0</v>
      </c>
      <c r="JZ31" s="344">
        <v>0</v>
      </c>
      <c r="KA31" s="348">
        <v>0</v>
      </c>
      <c r="KB31" s="346">
        <v>0</v>
      </c>
      <c r="KC31" s="351">
        <v>0</v>
      </c>
      <c r="KD31" s="352">
        <v>0</v>
      </c>
      <c r="KE31" s="348">
        <v>0</v>
      </c>
      <c r="KF31" s="350">
        <v>0</v>
      </c>
      <c r="KG31" s="344">
        <v>0</v>
      </c>
      <c r="KH31" s="344">
        <v>155538</v>
      </c>
      <c r="KI31" s="344">
        <v>0</v>
      </c>
      <c r="KJ31" s="344">
        <v>0</v>
      </c>
      <c r="KK31" s="344">
        <v>0</v>
      </c>
      <c r="KL31" s="348">
        <v>155538</v>
      </c>
      <c r="KM31" s="353">
        <v>155538</v>
      </c>
      <c r="KN31" s="341">
        <v>0</v>
      </c>
      <c r="KO31" s="342">
        <v>0</v>
      </c>
      <c r="KP31" s="343">
        <v>0</v>
      </c>
      <c r="KQ31" s="403">
        <v>0</v>
      </c>
      <c r="KR31" s="344">
        <v>0</v>
      </c>
      <c r="KS31" s="344">
        <v>213318</v>
      </c>
      <c r="KT31" s="344">
        <v>545298</v>
      </c>
      <c r="KU31" s="344">
        <v>221133</v>
      </c>
      <c r="KV31" s="344">
        <v>0</v>
      </c>
      <c r="KW31" s="348">
        <v>979749</v>
      </c>
      <c r="KX31" s="346">
        <v>979749</v>
      </c>
      <c r="KY31" s="347">
        <v>0</v>
      </c>
      <c r="KZ31" s="344">
        <v>0</v>
      </c>
      <c r="LA31" s="348">
        <v>0</v>
      </c>
      <c r="LB31" s="403">
        <v>0</v>
      </c>
      <c r="LC31" s="344">
        <v>0</v>
      </c>
      <c r="LD31" s="344">
        <v>0</v>
      </c>
      <c r="LE31" s="344">
        <v>0</v>
      </c>
      <c r="LF31" s="344">
        <v>0</v>
      </c>
      <c r="LG31" s="344">
        <v>0</v>
      </c>
      <c r="LH31" s="348">
        <v>0</v>
      </c>
      <c r="LI31" s="349">
        <v>0</v>
      </c>
      <c r="LJ31" s="347">
        <v>0</v>
      </c>
      <c r="LK31" s="344">
        <v>0</v>
      </c>
      <c r="LL31" s="348">
        <v>0</v>
      </c>
      <c r="LM31" s="403">
        <v>0</v>
      </c>
      <c r="LN31" s="344">
        <v>0</v>
      </c>
      <c r="LO31" s="344">
        <v>0</v>
      </c>
      <c r="LP31" s="344">
        <v>0</v>
      </c>
      <c r="LQ31" s="344">
        <v>0</v>
      </c>
      <c r="LR31" s="344">
        <v>0</v>
      </c>
      <c r="LS31" s="348">
        <v>0</v>
      </c>
      <c r="LT31" s="346">
        <v>0</v>
      </c>
      <c r="LU31" s="347">
        <v>0</v>
      </c>
      <c r="LV31" s="344">
        <v>0</v>
      </c>
      <c r="LW31" s="348">
        <v>0</v>
      </c>
      <c r="LX31" s="403">
        <v>0</v>
      </c>
      <c r="LY31" s="344">
        <v>0</v>
      </c>
      <c r="LZ31" s="344">
        <v>0</v>
      </c>
      <c r="MA31" s="344">
        <v>0</v>
      </c>
      <c r="MB31" s="344">
        <v>0</v>
      </c>
      <c r="MC31" s="344">
        <v>0</v>
      </c>
      <c r="MD31" s="348">
        <v>0</v>
      </c>
      <c r="ME31" s="349">
        <v>0</v>
      </c>
      <c r="MF31" s="347">
        <v>0</v>
      </c>
      <c r="MG31" s="344">
        <v>0</v>
      </c>
      <c r="MH31" s="348">
        <v>0</v>
      </c>
      <c r="MI31" s="403">
        <v>0</v>
      </c>
      <c r="MJ31" s="344">
        <v>0</v>
      </c>
      <c r="MK31" s="344">
        <v>667121</v>
      </c>
      <c r="ML31" s="344">
        <v>700548</v>
      </c>
      <c r="MM31" s="344">
        <v>692521</v>
      </c>
      <c r="MN31" s="344">
        <v>232376</v>
      </c>
      <c r="MO31" s="348">
        <v>2292566</v>
      </c>
      <c r="MP31" s="353">
        <v>2292566</v>
      </c>
      <c r="MQ31" s="347">
        <v>0</v>
      </c>
      <c r="MR31" s="344">
        <v>0</v>
      </c>
      <c r="MS31" s="348">
        <v>0</v>
      </c>
      <c r="MT31" s="403">
        <v>0</v>
      </c>
      <c r="MU31" s="344">
        <v>0</v>
      </c>
      <c r="MV31" s="344">
        <v>0</v>
      </c>
      <c r="MW31" s="344">
        <v>208821</v>
      </c>
      <c r="MX31" s="344">
        <v>221018</v>
      </c>
      <c r="MY31" s="344">
        <v>232376</v>
      </c>
      <c r="MZ31" s="348">
        <v>662215</v>
      </c>
      <c r="NA31" s="353">
        <v>662215</v>
      </c>
      <c r="NB31" s="347">
        <v>0</v>
      </c>
      <c r="NC31" s="344">
        <v>0</v>
      </c>
      <c r="ND31" s="348">
        <v>0</v>
      </c>
      <c r="NE31" s="403">
        <v>0</v>
      </c>
      <c r="NF31" s="344">
        <v>0</v>
      </c>
      <c r="NG31" s="344">
        <v>667121</v>
      </c>
      <c r="NH31" s="344">
        <v>491727</v>
      </c>
      <c r="NI31" s="344">
        <v>471503</v>
      </c>
      <c r="NJ31" s="344">
        <v>0</v>
      </c>
      <c r="NK31" s="348">
        <v>1630351</v>
      </c>
      <c r="NL31" s="346">
        <v>1630351</v>
      </c>
      <c r="NM31" s="347">
        <v>0</v>
      </c>
      <c r="NN31" s="344">
        <v>0</v>
      </c>
      <c r="NO31" s="348">
        <v>0</v>
      </c>
      <c r="NP31" s="403">
        <v>0</v>
      </c>
      <c r="NQ31" s="344">
        <v>0</v>
      </c>
      <c r="NR31" s="344">
        <v>0</v>
      </c>
      <c r="NS31" s="344">
        <v>0</v>
      </c>
      <c r="NT31" s="344">
        <v>0</v>
      </c>
      <c r="NU31" s="344">
        <v>0</v>
      </c>
      <c r="NV31" s="348">
        <v>0</v>
      </c>
      <c r="NW31" s="349">
        <v>0</v>
      </c>
      <c r="NX31" s="347">
        <v>0</v>
      </c>
      <c r="NY31" s="344">
        <v>0</v>
      </c>
      <c r="NZ31" s="348">
        <v>0</v>
      </c>
      <c r="OA31" s="403">
        <v>0</v>
      </c>
      <c r="OB31" s="344">
        <v>0</v>
      </c>
      <c r="OC31" s="344">
        <v>0</v>
      </c>
      <c r="OD31" s="344">
        <v>0</v>
      </c>
      <c r="OE31" s="344">
        <v>0</v>
      </c>
      <c r="OF31" s="344">
        <v>0</v>
      </c>
      <c r="OG31" s="348">
        <v>0</v>
      </c>
      <c r="OH31" s="349">
        <v>0</v>
      </c>
      <c r="OI31" s="347">
        <v>56252</v>
      </c>
      <c r="OJ31" s="344">
        <v>244140</v>
      </c>
      <c r="OK31" s="345">
        <v>300392</v>
      </c>
      <c r="OL31" s="350">
        <v>0</v>
      </c>
      <c r="OM31" s="344">
        <v>2180542</v>
      </c>
      <c r="ON31" s="344">
        <v>2179455</v>
      </c>
      <c r="OO31" s="344">
        <v>2150098</v>
      </c>
      <c r="OP31" s="344">
        <v>1562349</v>
      </c>
      <c r="OQ31" s="344">
        <v>1499081</v>
      </c>
      <c r="OR31" s="348">
        <v>9571525</v>
      </c>
      <c r="OS31" s="353">
        <v>9871917</v>
      </c>
    </row>
    <row r="32" spans="2:409" s="70" customFormat="1" ht="21" customHeight="1" x14ac:dyDescent="0.2">
      <c r="B32" s="409" t="s">
        <v>27</v>
      </c>
      <c r="C32" s="325">
        <v>96657</v>
      </c>
      <c r="D32" s="326">
        <v>174299</v>
      </c>
      <c r="E32" s="327">
        <v>270956</v>
      </c>
      <c r="F32" s="328">
        <v>0</v>
      </c>
      <c r="G32" s="326">
        <v>796350</v>
      </c>
      <c r="H32" s="326">
        <v>915673</v>
      </c>
      <c r="I32" s="326">
        <v>1573725</v>
      </c>
      <c r="J32" s="326">
        <v>776331</v>
      </c>
      <c r="K32" s="326">
        <v>459585</v>
      </c>
      <c r="L32" s="366">
        <v>4521664</v>
      </c>
      <c r="M32" s="329">
        <v>4792620</v>
      </c>
      <c r="N32" s="325">
        <v>64884</v>
      </c>
      <c r="O32" s="326">
        <v>31287</v>
      </c>
      <c r="P32" s="327">
        <v>96171</v>
      </c>
      <c r="Q32" s="325">
        <v>0</v>
      </c>
      <c r="R32" s="326">
        <v>37796</v>
      </c>
      <c r="S32" s="326">
        <v>293581</v>
      </c>
      <c r="T32" s="326">
        <v>603166</v>
      </c>
      <c r="U32" s="326">
        <v>125667</v>
      </c>
      <c r="V32" s="326">
        <v>35966</v>
      </c>
      <c r="W32" s="327">
        <v>1096176</v>
      </c>
      <c r="X32" s="329">
        <v>1192347</v>
      </c>
      <c r="Y32" s="325">
        <v>0</v>
      </c>
      <c r="Z32" s="326">
        <v>0</v>
      </c>
      <c r="AA32" s="327">
        <v>0</v>
      </c>
      <c r="AB32" s="325">
        <v>0</v>
      </c>
      <c r="AC32" s="326">
        <v>19848</v>
      </c>
      <c r="AD32" s="326">
        <v>164461</v>
      </c>
      <c r="AE32" s="326">
        <v>363655</v>
      </c>
      <c r="AF32" s="326">
        <v>14346</v>
      </c>
      <c r="AG32" s="326">
        <v>0</v>
      </c>
      <c r="AH32" s="327">
        <v>562310</v>
      </c>
      <c r="AI32" s="329">
        <v>562310</v>
      </c>
      <c r="AJ32" s="325">
        <v>0</v>
      </c>
      <c r="AK32" s="326">
        <v>0</v>
      </c>
      <c r="AL32" s="327">
        <v>0</v>
      </c>
      <c r="AM32" s="325">
        <v>0</v>
      </c>
      <c r="AN32" s="326">
        <v>0</v>
      </c>
      <c r="AO32" s="326">
        <v>0</v>
      </c>
      <c r="AP32" s="326">
        <v>19926</v>
      </c>
      <c r="AQ32" s="326">
        <v>53230</v>
      </c>
      <c r="AR32" s="326">
        <v>0</v>
      </c>
      <c r="AS32" s="327">
        <v>73156</v>
      </c>
      <c r="AT32" s="329">
        <v>73156</v>
      </c>
      <c r="AU32" s="325">
        <v>64884</v>
      </c>
      <c r="AV32" s="326">
        <v>25148</v>
      </c>
      <c r="AW32" s="327">
        <v>90032</v>
      </c>
      <c r="AX32" s="325">
        <v>0</v>
      </c>
      <c r="AY32" s="326">
        <v>0</v>
      </c>
      <c r="AZ32" s="326">
        <v>92398</v>
      </c>
      <c r="BA32" s="326">
        <v>139799</v>
      </c>
      <c r="BB32" s="326">
        <v>41340</v>
      </c>
      <c r="BC32" s="326">
        <v>0</v>
      </c>
      <c r="BD32" s="327">
        <v>273537</v>
      </c>
      <c r="BE32" s="329">
        <v>363569</v>
      </c>
      <c r="BF32" s="325">
        <v>0</v>
      </c>
      <c r="BG32" s="326">
        <v>0</v>
      </c>
      <c r="BH32" s="330">
        <v>0</v>
      </c>
      <c r="BI32" s="331">
        <v>0</v>
      </c>
      <c r="BJ32" s="326">
        <v>0</v>
      </c>
      <c r="BK32" s="326">
        <v>0</v>
      </c>
      <c r="BL32" s="326">
        <v>0</v>
      </c>
      <c r="BM32" s="326">
        <v>0</v>
      </c>
      <c r="BN32" s="326">
        <v>0</v>
      </c>
      <c r="BO32" s="327">
        <v>0</v>
      </c>
      <c r="BP32" s="329">
        <v>0</v>
      </c>
      <c r="BQ32" s="325">
        <v>0</v>
      </c>
      <c r="BR32" s="326">
        <v>6139</v>
      </c>
      <c r="BS32" s="327">
        <v>6139</v>
      </c>
      <c r="BT32" s="325">
        <v>0</v>
      </c>
      <c r="BU32" s="326">
        <v>17948</v>
      </c>
      <c r="BV32" s="326">
        <v>36722</v>
      </c>
      <c r="BW32" s="326">
        <v>79786</v>
      </c>
      <c r="BX32" s="326">
        <v>16751</v>
      </c>
      <c r="BY32" s="326">
        <v>35966</v>
      </c>
      <c r="BZ32" s="327">
        <v>187173</v>
      </c>
      <c r="CA32" s="329">
        <v>193312</v>
      </c>
      <c r="CB32" s="325">
        <v>17423</v>
      </c>
      <c r="CC32" s="326">
        <v>68028</v>
      </c>
      <c r="CD32" s="327">
        <v>85451</v>
      </c>
      <c r="CE32" s="325">
        <v>0</v>
      </c>
      <c r="CF32" s="326">
        <v>160708</v>
      </c>
      <c r="CG32" s="326">
        <v>269680</v>
      </c>
      <c r="CH32" s="326">
        <v>209473</v>
      </c>
      <c r="CI32" s="326">
        <v>141783</v>
      </c>
      <c r="CJ32" s="326">
        <v>0</v>
      </c>
      <c r="CK32" s="327">
        <v>781644</v>
      </c>
      <c r="CL32" s="329">
        <v>867095</v>
      </c>
      <c r="CM32" s="325">
        <v>0</v>
      </c>
      <c r="CN32" s="326">
        <v>0</v>
      </c>
      <c r="CO32" s="327">
        <v>0</v>
      </c>
      <c r="CP32" s="331">
        <v>0</v>
      </c>
      <c r="CQ32" s="326">
        <v>77973</v>
      </c>
      <c r="CR32" s="326">
        <v>224545</v>
      </c>
      <c r="CS32" s="326">
        <v>151908</v>
      </c>
      <c r="CT32" s="326">
        <v>141783</v>
      </c>
      <c r="CU32" s="326">
        <v>0</v>
      </c>
      <c r="CV32" s="327">
        <v>596209</v>
      </c>
      <c r="CW32" s="329">
        <v>596209</v>
      </c>
      <c r="CX32" s="325">
        <v>17423</v>
      </c>
      <c r="CY32" s="326">
        <v>68028</v>
      </c>
      <c r="CZ32" s="327">
        <v>85451</v>
      </c>
      <c r="DA32" s="325">
        <v>0</v>
      </c>
      <c r="DB32" s="326">
        <v>82735</v>
      </c>
      <c r="DC32" s="326">
        <v>45135</v>
      </c>
      <c r="DD32" s="326">
        <v>57565</v>
      </c>
      <c r="DE32" s="326">
        <v>0</v>
      </c>
      <c r="DF32" s="326">
        <v>0</v>
      </c>
      <c r="DG32" s="327">
        <v>185435</v>
      </c>
      <c r="DH32" s="329">
        <v>270886</v>
      </c>
      <c r="DI32" s="325">
        <v>0</v>
      </c>
      <c r="DJ32" s="326">
        <v>0</v>
      </c>
      <c r="DK32" s="330">
        <v>0</v>
      </c>
      <c r="DL32" s="331">
        <v>0</v>
      </c>
      <c r="DM32" s="326">
        <v>35908</v>
      </c>
      <c r="DN32" s="326">
        <v>0</v>
      </c>
      <c r="DO32" s="326">
        <v>106656</v>
      </c>
      <c r="DP32" s="326">
        <v>101161</v>
      </c>
      <c r="DQ32" s="326">
        <v>0</v>
      </c>
      <c r="DR32" s="327">
        <v>243725</v>
      </c>
      <c r="DS32" s="329">
        <v>243725</v>
      </c>
      <c r="DT32" s="325">
        <v>0</v>
      </c>
      <c r="DU32" s="326">
        <v>0</v>
      </c>
      <c r="DV32" s="327">
        <v>0</v>
      </c>
      <c r="DW32" s="325">
        <v>0</v>
      </c>
      <c r="DX32" s="326">
        <v>35908</v>
      </c>
      <c r="DY32" s="326">
        <v>0</v>
      </c>
      <c r="DZ32" s="326">
        <v>106656</v>
      </c>
      <c r="EA32" s="326">
        <v>101161</v>
      </c>
      <c r="EB32" s="326">
        <v>0</v>
      </c>
      <c r="EC32" s="327">
        <v>243725</v>
      </c>
      <c r="ED32" s="329">
        <v>243725</v>
      </c>
      <c r="EE32" s="325">
        <v>0</v>
      </c>
      <c r="EF32" s="330">
        <v>0</v>
      </c>
      <c r="EG32" s="327">
        <v>0</v>
      </c>
      <c r="EH32" s="325">
        <v>0</v>
      </c>
      <c r="EI32" s="326">
        <v>0</v>
      </c>
      <c r="EJ32" s="326">
        <v>0</v>
      </c>
      <c r="EK32" s="326">
        <v>0</v>
      </c>
      <c r="EL32" s="326">
        <v>0</v>
      </c>
      <c r="EM32" s="326">
        <v>0</v>
      </c>
      <c r="EN32" s="330">
        <v>0</v>
      </c>
      <c r="EO32" s="329">
        <v>0</v>
      </c>
      <c r="EP32" s="325">
        <v>0</v>
      </c>
      <c r="EQ32" s="326">
        <v>0</v>
      </c>
      <c r="ER32" s="330">
        <v>0</v>
      </c>
      <c r="ES32" s="331">
        <v>0</v>
      </c>
      <c r="ET32" s="326">
        <v>0</v>
      </c>
      <c r="EU32" s="326">
        <v>0</v>
      </c>
      <c r="EV32" s="326">
        <v>0</v>
      </c>
      <c r="EW32" s="326">
        <v>0</v>
      </c>
      <c r="EX32" s="326">
        <v>0</v>
      </c>
      <c r="EY32" s="327">
        <v>0</v>
      </c>
      <c r="EZ32" s="329">
        <v>0</v>
      </c>
      <c r="FA32" s="325">
        <v>0</v>
      </c>
      <c r="FB32" s="326">
        <v>0</v>
      </c>
      <c r="FC32" s="330">
        <v>0</v>
      </c>
      <c r="FD32" s="403">
        <v>0</v>
      </c>
      <c r="FE32" s="326">
        <v>0</v>
      </c>
      <c r="FF32" s="326">
        <v>0</v>
      </c>
      <c r="FG32" s="326">
        <v>0</v>
      </c>
      <c r="FH32" s="326">
        <v>0</v>
      </c>
      <c r="FI32" s="326">
        <v>0</v>
      </c>
      <c r="FJ32" s="327">
        <v>0</v>
      </c>
      <c r="FK32" s="329">
        <v>0</v>
      </c>
      <c r="FL32" s="325">
        <v>14350</v>
      </c>
      <c r="FM32" s="326">
        <v>74984</v>
      </c>
      <c r="FN32" s="327">
        <v>89334</v>
      </c>
      <c r="FO32" s="325">
        <v>0</v>
      </c>
      <c r="FP32" s="326">
        <v>5950</v>
      </c>
      <c r="FQ32" s="326">
        <v>46522</v>
      </c>
      <c r="FR32" s="326">
        <v>130991</v>
      </c>
      <c r="FS32" s="326">
        <v>50190</v>
      </c>
      <c r="FT32" s="326">
        <v>0</v>
      </c>
      <c r="FU32" s="327">
        <v>233653</v>
      </c>
      <c r="FV32" s="329">
        <v>322987</v>
      </c>
      <c r="FW32" s="332">
        <v>14350</v>
      </c>
      <c r="FX32" s="326">
        <v>55580</v>
      </c>
      <c r="FY32" s="330">
        <v>69930</v>
      </c>
      <c r="FZ32" s="331">
        <v>0</v>
      </c>
      <c r="GA32" s="326">
        <v>5950</v>
      </c>
      <c r="GB32" s="326">
        <v>46522</v>
      </c>
      <c r="GC32" s="326">
        <v>130991</v>
      </c>
      <c r="GD32" s="326">
        <v>50190</v>
      </c>
      <c r="GE32" s="326">
        <v>0</v>
      </c>
      <c r="GF32" s="327">
        <v>233653</v>
      </c>
      <c r="GG32" s="333">
        <v>303583</v>
      </c>
      <c r="GH32" s="332">
        <v>0</v>
      </c>
      <c r="GI32" s="326">
        <v>19404</v>
      </c>
      <c r="GJ32" s="330">
        <v>19404</v>
      </c>
      <c r="GK32" s="331">
        <v>0</v>
      </c>
      <c r="GL32" s="326">
        <v>0</v>
      </c>
      <c r="GM32" s="326">
        <v>0</v>
      </c>
      <c r="GN32" s="326">
        <v>0</v>
      </c>
      <c r="GO32" s="326">
        <v>0</v>
      </c>
      <c r="GP32" s="326">
        <v>0</v>
      </c>
      <c r="GQ32" s="327">
        <v>0</v>
      </c>
      <c r="GR32" s="329">
        <v>19404</v>
      </c>
      <c r="GS32" s="325">
        <v>0</v>
      </c>
      <c r="GT32" s="326">
        <v>0</v>
      </c>
      <c r="GU32" s="327">
        <v>0</v>
      </c>
      <c r="GV32" s="325">
        <v>0</v>
      </c>
      <c r="GW32" s="326">
        <v>0</v>
      </c>
      <c r="GX32" s="326">
        <v>0</v>
      </c>
      <c r="GY32" s="326">
        <v>0</v>
      </c>
      <c r="GZ32" s="326">
        <v>0</v>
      </c>
      <c r="HA32" s="326">
        <v>0</v>
      </c>
      <c r="HB32" s="330">
        <v>0</v>
      </c>
      <c r="HC32" s="329">
        <v>0</v>
      </c>
      <c r="HD32" s="325">
        <v>0</v>
      </c>
      <c r="HE32" s="326">
        <v>0</v>
      </c>
      <c r="HF32" s="330">
        <v>0</v>
      </c>
      <c r="HG32" s="331">
        <v>0</v>
      </c>
      <c r="HH32" s="326">
        <v>555988</v>
      </c>
      <c r="HI32" s="326">
        <v>305890</v>
      </c>
      <c r="HJ32" s="326">
        <v>523439</v>
      </c>
      <c r="HK32" s="326">
        <v>357530</v>
      </c>
      <c r="HL32" s="326">
        <v>423619</v>
      </c>
      <c r="HM32" s="327">
        <v>2166466</v>
      </c>
      <c r="HN32" s="328">
        <v>2166466</v>
      </c>
      <c r="HO32" s="332">
        <v>0</v>
      </c>
      <c r="HP32" s="326">
        <v>0</v>
      </c>
      <c r="HQ32" s="327">
        <v>0</v>
      </c>
      <c r="HR32" s="325">
        <v>0</v>
      </c>
      <c r="HS32" s="326">
        <v>0</v>
      </c>
      <c r="HT32" s="326">
        <v>0</v>
      </c>
      <c r="HU32" s="326">
        <v>0</v>
      </c>
      <c r="HV32" s="326">
        <v>0</v>
      </c>
      <c r="HW32" s="326">
        <v>0</v>
      </c>
      <c r="HX32" s="330">
        <v>0</v>
      </c>
      <c r="HY32" s="329">
        <v>0</v>
      </c>
      <c r="HZ32" s="357">
        <v>0</v>
      </c>
      <c r="IA32" s="355">
        <v>0</v>
      </c>
      <c r="IB32" s="357">
        <v>0</v>
      </c>
      <c r="IC32" s="354">
        <v>0</v>
      </c>
      <c r="ID32" s="355">
        <v>142346</v>
      </c>
      <c r="IE32" s="356">
        <v>107241</v>
      </c>
      <c r="IF32" s="357">
        <v>92652</v>
      </c>
      <c r="IG32" s="355">
        <v>0</v>
      </c>
      <c r="IH32" s="357">
        <v>0</v>
      </c>
      <c r="II32" s="358">
        <v>342239</v>
      </c>
      <c r="IJ32" s="357">
        <v>342239</v>
      </c>
      <c r="IK32" s="341">
        <v>0</v>
      </c>
      <c r="IL32" s="342">
        <v>0</v>
      </c>
      <c r="IM32" s="343">
        <v>0</v>
      </c>
      <c r="IN32" s="403">
        <v>0</v>
      </c>
      <c r="IO32" s="344">
        <v>0</v>
      </c>
      <c r="IP32" s="344">
        <v>0</v>
      </c>
      <c r="IQ32" s="344">
        <v>0</v>
      </c>
      <c r="IR32" s="344">
        <v>0</v>
      </c>
      <c r="IS32" s="344">
        <v>0</v>
      </c>
      <c r="IT32" s="345">
        <v>0</v>
      </c>
      <c r="IU32" s="346">
        <v>0</v>
      </c>
      <c r="IV32" s="347">
        <v>0</v>
      </c>
      <c r="IW32" s="344">
        <v>0</v>
      </c>
      <c r="IX32" s="348">
        <v>0</v>
      </c>
      <c r="IY32" s="403">
        <v>0</v>
      </c>
      <c r="IZ32" s="344">
        <v>0</v>
      </c>
      <c r="JA32" s="344">
        <v>0</v>
      </c>
      <c r="JB32" s="344">
        <v>0</v>
      </c>
      <c r="JC32" s="344">
        <v>0</v>
      </c>
      <c r="JD32" s="344">
        <v>0</v>
      </c>
      <c r="JE32" s="348">
        <v>0</v>
      </c>
      <c r="JF32" s="349">
        <v>0</v>
      </c>
      <c r="JG32" s="347">
        <v>0</v>
      </c>
      <c r="JH32" s="344">
        <v>0</v>
      </c>
      <c r="JI32" s="345">
        <v>0</v>
      </c>
      <c r="JJ32" s="350">
        <v>0</v>
      </c>
      <c r="JK32" s="344">
        <v>142346</v>
      </c>
      <c r="JL32" s="344">
        <v>50730</v>
      </c>
      <c r="JM32" s="344">
        <v>0</v>
      </c>
      <c r="JN32" s="344">
        <v>0</v>
      </c>
      <c r="JO32" s="344">
        <v>0</v>
      </c>
      <c r="JP32" s="348">
        <v>193076</v>
      </c>
      <c r="JQ32" s="346">
        <v>193076</v>
      </c>
      <c r="JR32" s="347">
        <v>0</v>
      </c>
      <c r="JS32" s="344">
        <v>0</v>
      </c>
      <c r="JT32" s="345">
        <v>0</v>
      </c>
      <c r="JU32" s="350">
        <v>0</v>
      </c>
      <c r="JV32" s="344">
        <v>0</v>
      </c>
      <c r="JW32" s="344">
        <v>56511</v>
      </c>
      <c r="JX32" s="344">
        <v>92652</v>
      </c>
      <c r="JY32" s="344">
        <v>0</v>
      </c>
      <c r="JZ32" s="344">
        <v>0</v>
      </c>
      <c r="KA32" s="348">
        <v>149163</v>
      </c>
      <c r="KB32" s="346">
        <v>149163</v>
      </c>
      <c r="KC32" s="351">
        <v>0</v>
      </c>
      <c r="KD32" s="352">
        <v>0</v>
      </c>
      <c r="KE32" s="348">
        <v>0</v>
      </c>
      <c r="KF32" s="350">
        <v>0</v>
      </c>
      <c r="KG32" s="344">
        <v>0</v>
      </c>
      <c r="KH32" s="344">
        <v>0</v>
      </c>
      <c r="KI32" s="344">
        <v>0</v>
      </c>
      <c r="KJ32" s="344">
        <v>0</v>
      </c>
      <c r="KK32" s="344">
        <v>0</v>
      </c>
      <c r="KL32" s="348">
        <v>0</v>
      </c>
      <c r="KM32" s="353">
        <v>0</v>
      </c>
      <c r="KN32" s="341">
        <v>0</v>
      </c>
      <c r="KO32" s="342">
        <v>0</v>
      </c>
      <c r="KP32" s="343">
        <v>0</v>
      </c>
      <c r="KQ32" s="403">
        <v>0</v>
      </c>
      <c r="KR32" s="344">
        <v>0</v>
      </c>
      <c r="KS32" s="344">
        <v>0</v>
      </c>
      <c r="KT32" s="344">
        <v>0</v>
      </c>
      <c r="KU32" s="344">
        <v>0</v>
      </c>
      <c r="KV32" s="344">
        <v>0</v>
      </c>
      <c r="KW32" s="348">
        <v>0</v>
      </c>
      <c r="KX32" s="346">
        <v>0</v>
      </c>
      <c r="KY32" s="347">
        <v>0</v>
      </c>
      <c r="KZ32" s="344">
        <v>0</v>
      </c>
      <c r="LA32" s="348">
        <v>0</v>
      </c>
      <c r="LB32" s="403">
        <v>0</v>
      </c>
      <c r="LC32" s="344">
        <v>0</v>
      </c>
      <c r="LD32" s="344">
        <v>0</v>
      </c>
      <c r="LE32" s="344">
        <v>0</v>
      </c>
      <c r="LF32" s="344">
        <v>0</v>
      </c>
      <c r="LG32" s="344">
        <v>0</v>
      </c>
      <c r="LH32" s="348">
        <v>0</v>
      </c>
      <c r="LI32" s="349">
        <v>0</v>
      </c>
      <c r="LJ32" s="347">
        <v>0</v>
      </c>
      <c r="LK32" s="344">
        <v>0</v>
      </c>
      <c r="LL32" s="348">
        <v>0</v>
      </c>
      <c r="LM32" s="403">
        <v>0</v>
      </c>
      <c r="LN32" s="344">
        <v>0</v>
      </c>
      <c r="LO32" s="344">
        <v>0</v>
      </c>
      <c r="LP32" s="344">
        <v>0</v>
      </c>
      <c r="LQ32" s="344">
        <v>0</v>
      </c>
      <c r="LR32" s="344">
        <v>0</v>
      </c>
      <c r="LS32" s="348">
        <v>0</v>
      </c>
      <c r="LT32" s="346">
        <v>0</v>
      </c>
      <c r="LU32" s="347">
        <v>0</v>
      </c>
      <c r="LV32" s="344">
        <v>0</v>
      </c>
      <c r="LW32" s="348">
        <v>0</v>
      </c>
      <c r="LX32" s="403">
        <v>0</v>
      </c>
      <c r="LY32" s="344">
        <v>0</v>
      </c>
      <c r="LZ32" s="344">
        <v>0</v>
      </c>
      <c r="MA32" s="344">
        <v>0</v>
      </c>
      <c r="MB32" s="344">
        <v>0</v>
      </c>
      <c r="MC32" s="344">
        <v>0</v>
      </c>
      <c r="MD32" s="348">
        <v>0</v>
      </c>
      <c r="ME32" s="349">
        <v>0</v>
      </c>
      <c r="MF32" s="347">
        <v>0</v>
      </c>
      <c r="MG32" s="344">
        <v>0</v>
      </c>
      <c r="MH32" s="348">
        <v>0</v>
      </c>
      <c r="MI32" s="403">
        <v>0</v>
      </c>
      <c r="MJ32" s="344">
        <v>179928</v>
      </c>
      <c r="MK32" s="344">
        <v>0</v>
      </c>
      <c r="ML32" s="344">
        <v>198494</v>
      </c>
      <c r="MM32" s="344">
        <v>219616</v>
      </c>
      <c r="MN32" s="344">
        <v>447241</v>
      </c>
      <c r="MO32" s="348">
        <v>1045279</v>
      </c>
      <c r="MP32" s="353">
        <v>1045279</v>
      </c>
      <c r="MQ32" s="347">
        <v>0</v>
      </c>
      <c r="MR32" s="344">
        <v>0</v>
      </c>
      <c r="MS32" s="348">
        <v>0</v>
      </c>
      <c r="MT32" s="403">
        <v>0</v>
      </c>
      <c r="MU32" s="344">
        <v>0</v>
      </c>
      <c r="MV32" s="344">
        <v>0</v>
      </c>
      <c r="MW32" s="344">
        <v>198494</v>
      </c>
      <c r="MX32" s="344">
        <v>219616</v>
      </c>
      <c r="MY32" s="344">
        <v>232376</v>
      </c>
      <c r="MZ32" s="348">
        <v>650486</v>
      </c>
      <c r="NA32" s="353">
        <v>650486</v>
      </c>
      <c r="NB32" s="347">
        <v>0</v>
      </c>
      <c r="NC32" s="344">
        <v>0</v>
      </c>
      <c r="ND32" s="348">
        <v>0</v>
      </c>
      <c r="NE32" s="403">
        <v>0</v>
      </c>
      <c r="NF32" s="344">
        <v>179928</v>
      </c>
      <c r="NG32" s="344">
        <v>0</v>
      </c>
      <c r="NH32" s="344">
        <v>0</v>
      </c>
      <c r="NI32" s="344">
        <v>0</v>
      </c>
      <c r="NJ32" s="344">
        <v>214865</v>
      </c>
      <c r="NK32" s="348">
        <v>394793</v>
      </c>
      <c r="NL32" s="346">
        <v>394793</v>
      </c>
      <c r="NM32" s="347">
        <v>0</v>
      </c>
      <c r="NN32" s="344">
        <v>0</v>
      </c>
      <c r="NO32" s="348">
        <v>0</v>
      </c>
      <c r="NP32" s="403">
        <v>0</v>
      </c>
      <c r="NQ32" s="344">
        <v>0</v>
      </c>
      <c r="NR32" s="344">
        <v>0</v>
      </c>
      <c r="NS32" s="344">
        <v>0</v>
      </c>
      <c r="NT32" s="344">
        <v>0</v>
      </c>
      <c r="NU32" s="344">
        <v>0</v>
      </c>
      <c r="NV32" s="348">
        <v>0</v>
      </c>
      <c r="NW32" s="349">
        <v>0</v>
      </c>
      <c r="NX32" s="347">
        <v>0</v>
      </c>
      <c r="NY32" s="344">
        <v>0</v>
      </c>
      <c r="NZ32" s="348">
        <v>0</v>
      </c>
      <c r="OA32" s="403">
        <v>0</v>
      </c>
      <c r="OB32" s="344">
        <v>0</v>
      </c>
      <c r="OC32" s="344">
        <v>0</v>
      </c>
      <c r="OD32" s="344">
        <v>0</v>
      </c>
      <c r="OE32" s="344">
        <v>0</v>
      </c>
      <c r="OF32" s="344">
        <v>0</v>
      </c>
      <c r="OG32" s="348">
        <v>0</v>
      </c>
      <c r="OH32" s="349">
        <v>0</v>
      </c>
      <c r="OI32" s="347">
        <v>96657</v>
      </c>
      <c r="OJ32" s="344">
        <v>174299</v>
      </c>
      <c r="OK32" s="345">
        <v>270956</v>
      </c>
      <c r="OL32" s="350">
        <v>0</v>
      </c>
      <c r="OM32" s="344">
        <v>1118624</v>
      </c>
      <c r="ON32" s="344">
        <v>1022914</v>
      </c>
      <c r="OO32" s="344">
        <v>1864871</v>
      </c>
      <c r="OP32" s="344">
        <v>995947</v>
      </c>
      <c r="OQ32" s="344">
        <v>906826</v>
      </c>
      <c r="OR32" s="348">
        <v>5909182</v>
      </c>
      <c r="OS32" s="353">
        <v>6180138</v>
      </c>
    </row>
    <row r="33" spans="2:409" s="70" customFormat="1" ht="21" customHeight="1" x14ac:dyDescent="0.2">
      <c r="B33" s="409" t="s">
        <v>28</v>
      </c>
      <c r="C33" s="325">
        <v>0</v>
      </c>
      <c r="D33" s="326">
        <v>7700</v>
      </c>
      <c r="E33" s="327">
        <v>7700</v>
      </c>
      <c r="F33" s="328">
        <v>0</v>
      </c>
      <c r="G33" s="326">
        <v>50649</v>
      </c>
      <c r="H33" s="326">
        <v>195957</v>
      </c>
      <c r="I33" s="326">
        <v>292740</v>
      </c>
      <c r="J33" s="326">
        <v>299291</v>
      </c>
      <c r="K33" s="326">
        <v>218719</v>
      </c>
      <c r="L33" s="366">
        <v>1057356</v>
      </c>
      <c r="M33" s="329">
        <v>1065056</v>
      </c>
      <c r="N33" s="325">
        <v>0</v>
      </c>
      <c r="O33" s="326">
        <v>0</v>
      </c>
      <c r="P33" s="327">
        <v>0</v>
      </c>
      <c r="Q33" s="325">
        <v>0</v>
      </c>
      <c r="R33" s="326">
        <v>45889</v>
      </c>
      <c r="S33" s="326">
        <v>113560</v>
      </c>
      <c r="T33" s="326">
        <v>20860</v>
      </c>
      <c r="U33" s="326">
        <v>87430</v>
      </c>
      <c r="V33" s="326">
        <v>18312</v>
      </c>
      <c r="W33" s="327">
        <v>286051</v>
      </c>
      <c r="X33" s="329">
        <v>286051</v>
      </c>
      <c r="Y33" s="325">
        <v>0</v>
      </c>
      <c r="Z33" s="326">
        <v>0</v>
      </c>
      <c r="AA33" s="327">
        <v>0</v>
      </c>
      <c r="AB33" s="325">
        <v>0</v>
      </c>
      <c r="AC33" s="326">
        <v>35032</v>
      </c>
      <c r="AD33" s="326">
        <v>46972</v>
      </c>
      <c r="AE33" s="326">
        <v>0</v>
      </c>
      <c r="AF33" s="326">
        <v>67620</v>
      </c>
      <c r="AG33" s="326">
        <v>0</v>
      </c>
      <c r="AH33" s="327">
        <v>149624</v>
      </c>
      <c r="AI33" s="329">
        <v>149624</v>
      </c>
      <c r="AJ33" s="325">
        <v>0</v>
      </c>
      <c r="AK33" s="326">
        <v>0</v>
      </c>
      <c r="AL33" s="327">
        <v>0</v>
      </c>
      <c r="AM33" s="325">
        <v>0</v>
      </c>
      <c r="AN33" s="326">
        <v>0</v>
      </c>
      <c r="AO33" s="326">
        <v>0</v>
      </c>
      <c r="AP33" s="326">
        <v>0</v>
      </c>
      <c r="AQ33" s="326">
        <v>0</v>
      </c>
      <c r="AR33" s="326">
        <v>0</v>
      </c>
      <c r="AS33" s="327">
        <v>0</v>
      </c>
      <c r="AT33" s="329">
        <v>0</v>
      </c>
      <c r="AU33" s="325">
        <v>0</v>
      </c>
      <c r="AV33" s="326">
        <v>0</v>
      </c>
      <c r="AW33" s="327">
        <v>0</v>
      </c>
      <c r="AX33" s="325">
        <v>0</v>
      </c>
      <c r="AY33" s="326">
        <v>0</v>
      </c>
      <c r="AZ33" s="326">
        <v>49438</v>
      </c>
      <c r="BA33" s="326">
        <v>12082</v>
      </c>
      <c r="BB33" s="326">
        <v>0</v>
      </c>
      <c r="BC33" s="326">
        <v>0</v>
      </c>
      <c r="BD33" s="327">
        <v>61520</v>
      </c>
      <c r="BE33" s="329">
        <v>61520</v>
      </c>
      <c r="BF33" s="325">
        <v>0</v>
      </c>
      <c r="BG33" s="326">
        <v>0</v>
      </c>
      <c r="BH33" s="330">
        <v>0</v>
      </c>
      <c r="BI33" s="331">
        <v>0</v>
      </c>
      <c r="BJ33" s="326">
        <v>0</v>
      </c>
      <c r="BK33" s="326">
        <v>0</v>
      </c>
      <c r="BL33" s="326">
        <v>0</v>
      </c>
      <c r="BM33" s="326">
        <v>0</v>
      </c>
      <c r="BN33" s="326">
        <v>0</v>
      </c>
      <c r="BO33" s="327">
        <v>0</v>
      </c>
      <c r="BP33" s="329">
        <v>0</v>
      </c>
      <c r="BQ33" s="325">
        <v>0</v>
      </c>
      <c r="BR33" s="326">
        <v>0</v>
      </c>
      <c r="BS33" s="327">
        <v>0</v>
      </c>
      <c r="BT33" s="325">
        <v>0</v>
      </c>
      <c r="BU33" s="326">
        <v>10857</v>
      </c>
      <c r="BV33" s="326">
        <v>17150</v>
      </c>
      <c r="BW33" s="326">
        <v>8778</v>
      </c>
      <c r="BX33" s="326">
        <v>19810</v>
      </c>
      <c r="BY33" s="326">
        <v>18312</v>
      </c>
      <c r="BZ33" s="327">
        <v>74907</v>
      </c>
      <c r="CA33" s="329">
        <v>74907</v>
      </c>
      <c r="CB33" s="325">
        <v>0</v>
      </c>
      <c r="CC33" s="326">
        <v>0</v>
      </c>
      <c r="CD33" s="327">
        <v>0</v>
      </c>
      <c r="CE33" s="325">
        <v>0</v>
      </c>
      <c r="CF33" s="326">
        <v>0</v>
      </c>
      <c r="CG33" s="326">
        <v>47621</v>
      </c>
      <c r="CH33" s="326">
        <v>218351</v>
      </c>
      <c r="CI33" s="326">
        <v>0</v>
      </c>
      <c r="CJ33" s="326">
        <v>0</v>
      </c>
      <c r="CK33" s="327">
        <v>265972</v>
      </c>
      <c r="CL33" s="329">
        <v>265972</v>
      </c>
      <c r="CM33" s="325">
        <v>0</v>
      </c>
      <c r="CN33" s="326">
        <v>0</v>
      </c>
      <c r="CO33" s="327">
        <v>0</v>
      </c>
      <c r="CP33" s="331">
        <v>0</v>
      </c>
      <c r="CQ33" s="326">
        <v>0</v>
      </c>
      <c r="CR33" s="326">
        <v>47621</v>
      </c>
      <c r="CS33" s="326">
        <v>156345</v>
      </c>
      <c r="CT33" s="326">
        <v>0</v>
      </c>
      <c r="CU33" s="326">
        <v>0</v>
      </c>
      <c r="CV33" s="327">
        <v>203966</v>
      </c>
      <c r="CW33" s="329">
        <v>203966</v>
      </c>
      <c r="CX33" s="325">
        <v>0</v>
      </c>
      <c r="CY33" s="326">
        <v>0</v>
      </c>
      <c r="CZ33" s="327">
        <v>0</v>
      </c>
      <c r="DA33" s="325">
        <v>0</v>
      </c>
      <c r="DB33" s="326">
        <v>0</v>
      </c>
      <c r="DC33" s="326">
        <v>0</v>
      </c>
      <c r="DD33" s="326">
        <v>62006</v>
      </c>
      <c r="DE33" s="326">
        <v>0</v>
      </c>
      <c r="DF33" s="326">
        <v>0</v>
      </c>
      <c r="DG33" s="327">
        <v>62006</v>
      </c>
      <c r="DH33" s="329">
        <v>62006</v>
      </c>
      <c r="DI33" s="325">
        <v>0</v>
      </c>
      <c r="DJ33" s="326">
        <v>0</v>
      </c>
      <c r="DK33" s="330">
        <v>0</v>
      </c>
      <c r="DL33" s="331">
        <v>0</v>
      </c>
      <c r="DM33" s="326">
        <v>0</v>
      </c>
      <c r="DN33" s="326">
        <v>0</v>
      </c>
      <c r="DO33" s="326">
        <v>41979</v>
      </c>
      <c r="DP33" s="326">
        <v>0</v>
      </c>
      <c r="DQ33" s="326">
        <v>0</v>
      </c>
      <c r="DR33" s="327">
        <v>41979</v>
      </c>
      <c r="DS33" s="329">
        <v>41979</v>
      </c>
      <c r="DT33" s="325">
        <v>0</v>
      </c>
      <c r="DU33" s="326">
        <v>0</v>
      </c>
      <c r="DV33" s="327">
        <v>0</v>
      </c>
      <c r="DW33" s="325">
        <v>0</v>
      </c>
      <c r="DX33" s="326">
        <v>0</v>
      </c>
      <c r="DY33" s="326">
        <v>0</v>
      </c>
      <c r="DZ33" s="326">
        <v>41979</v>
      </c>
      <c r="EA33" s="326">
        <v>0</v>
      </c>
      <c r="EB33" s="326">
        <v>0</v>
      </c>
      <c r="EC33" s="327">
        <v>41979</v>
      </c>
      <c r="ED33" s="329">
        <v>41979</v>
      </c>
      <c r="EE33" s="325">
        <v>0</v>
      </c>
      <c r="EF33" s="330">
        <v>0</v>
      </c>
      <c r="EG33" s="327">
        <v>0</v>
      </c>
      <c r="EH33" s="325">
        <v>0</v>
      </c>
      <c r="EI33" s="326">
        <v>0</v>
      </c>
      <c r="EJ33" s="326">
        <v>0</v>
      </c>
      <c r="EK33" s="326">
        <v>0</v>
      </c>
      <c r="EL33" s="326">
        <v>0</v>
      </c>
      <c r="EM33" s="326">
        <v>0</v>
      </c>
      <c r="EN33" s="330">
        <v>0</v>
      </c>
      <c r="EO33" s="329">
        <v>0</v>
      </c>
      <c r="EP33" s="325">
        <v>0</v>
      </c>
      <c r="EQ33" s="326">
        <v>0</v>
      </c>
      <c r="ER33" s="330">
        <v>0</v>
      </c>
      <c r="ES33" s="331">
        <v>0</v>
      </c>
      <c r="ET33" s="326">
        <v>0</v>
      </c>
      <c r="EU33" s="326">
        <v>0</v>
      </c>
      <c r="EV33" s="326">
        <v>0</v>
      </c>
      <c r="EW33" s="326">
        <v>0</v>
      </c>
      <c r="EX33" s="326">
        <v>0</v>
      </c>
      <c r="EY33" s="327">
        <v>0</v>
      </c>
      <c r="EZ33" s="329">
        <v>0</v>
      </c>
      <c r="FA33" s="325">
        <v>0</v>
      </c>
      <c r="FB33" s="326">
        <v>0</v>
      </c>
      <c r="FC33" s="330">
        <v>0</v>
      </c>
      <c r="FD33" s="403">
        <v>0</v>
      </c>
      <c r="FE33" s="326">
        <v>0</v>
      </c>
      <c r="FF33" s="326">
        <v>0</v>
      </c>
      <c r="FG33" s="326">
        <v>0</v>
      </c>
      <c r="FH33" s="326">
        <v>0</v>
      </c>
      <c r="FI33" s="326">
        <v>0</v>
      </c>
      <c r="FJ33" s="327">
        <v>0</v>
      </c>
      <c r="FK33" s="329">
        <v>0</v>
      </c>
      <c r="FL33" s="325">
        <v>0</v>
      </c>
      <c r="FM33" s="326">
        <v>7700</v>
      </c>
      <c r="FN33" s="327">
        <v>7700</v>
      </c>
      <c r="FO33" s="325">
        <v>0</v>
      </c>
      <c r="FP33" s="326">
        <v>4760</v>
      </c>
      <c r="FQ33" s="326">
        <v>34776</v>
      </c>
      <c r="FR33" s="326">
        <v>11550</v>
      </c>
      <c r="FS33" s="326">
        <v>21350</v>
      </c>
      <c r="FT33" s="326">
        <v>0</v>
      </c>
      <c r="FU33" s="327">
        <v>72436</v>
      </c>
      <c r="FV33" s="329">
        <v>80136</v>
      </c>
      <c r="FW33" s="332">
        <v>0</v>
      </c>
      <c r="FX33" s="326">
        <v>7700</v>
      </c>
      <c r="FY33" s="330">
        <v>7700</v>
      </c>
      <c r="FZ33" s="331">
        <v>0</v>
      </c>
      <c r="GA33" s="326">
        <v>4760</v>
      </c>
      <c r="GB33" s="326">
        <v>34776</v>
      </c>
      <c r="GC33" s="326">
        <v>11550</v>
      </c>
      <c r="GD33" s="326">
        <v>21350</v>
      </c>
      <c r="GE33" s="326">
        <v>0</v>
      </c>
      <c r="GF33" s="327">
        <v>72436</v>
      </c>
      <c r="GG33" s="333">
        <v>80136</v>
      </c>
      <c r="GH33" s="332">
        <v>0</v>
      </c>
      <c r="GI33" s="326">
        <v>0</v>
      </c>
      <c r="GJ33" s="330">
        <v>0</v>
      </c>
      <c r="GK33" s="331">
        <v>0</v>
      </c>
      <c r="GL33" s="326">
        <v>0</v>
      </c>
      <c r="GM33" s="326">
        <v>0</v>
      </c>
      <c r="GN33" s="326">
        <v>0</v>
      </c>
      <c r="GO33" s="326">
        <v>0</v>
      </c>
      <c r="GP33" s="326">
        <v>0</v>
      </c>
      <c r="GQ33" s="327">
        <v>0</v>
      </c>
      <c r="GR33" s="329">
        <v>0</v>
      </c>
      <c r="GS33" s="325">
        <v>0</v>
      </c>
      <c r="GT33" s="326">
        <v>0</v>
      </c>
      <c r="GU33" s="327">
        <v>0</v>
      </c>
      <c r="GV33" s="325">
        <v>0</v>
      </c>
      <c r="GW33" s="326">
        <v>0</v>
      </c>
      <c r="GX33" s="326">
        <v>0</v>
      </c>
      <c r="GY33" s="326">
        <v>0</v>
      </c>
      <c r="GZ33" s="326">
        <v>0</v>
      </c>
      <c r="HA33" s="326">
        <v>0</v>
      </c>
      <c r="HB33" s="330">
        <v>0</v>
      </c>
      <c r="HC33" s="329">
        <v>0</v>
      </c>
      <c r="HD33" s="325">
        <v>0</v>
      </c>
      <c r="HE33" s="326">
        <v>0</v>
      </c>
      <c r="HF33" s="330">
        <v>0</v>
      </c>
      <c r="HG33" s="331">
        <v>0</v>
      </c>
      <c r="HH33" s="326">
        <v>0</v>
      </c>
      <c r="HI33" s="326">
        <v>0</v>
      </c>
      <c r="HJ33" s="326">
        <v>0</v>
      </c>
      <c r="HK33" s="326">
        <v>190511</v>
      </c>
      <c r="HL33" s="326">
        <v>200407</v>
      </c>
      <c r="HM33" s="327">
        <v>390918</v>
      </c>
      <c r="HN33" s="328">
        <v>390918</v>
      </c>
      <c r="HO33" s="332">
        <v>0</v>
      </c>
      <c r="HP33" s="326">
        <v>0</v>
      </c>
      <c r="HQ33" s="327">
        <v>0</v>
      </c>
      <c r="HR33" s="325">
        <v>0</v>
      </c>
      <c r="HS33" s="326">
        <v>0</v>
      </c>
      <c r="HT33" s="326">
        <v>0</v>
      </c>
      <c r="HU33" s="326">
        <v>0</v>
      </c>
      <c r="HV33" s="326">
        <v>0</v>
      </c>
      <c r="HW33" s="326">
        <v>0</v>
      </c>
      <c r="HX33" s="330">
        <v>0</v>
      </c>
      <c r="HY33" s="329">
        <v>0</v>
      </c>
      <c r="HZ33" s="334">
        <v>0</v>
      </c>
      <c r="IA33" s="335">
        <v>0</v>
      </c>
      <c r="IB33" s="336">
        <v>0</v>
      </c>
      <c r="IC33" s="337">
        <v>0</v>
      </c>
      <c r="ID33" s="335">
        <v>139818</v>
      </c>
      <c r="IE33" s="338">
        <v>239876</v>
      </c>
      <c r="IF33" s="336">
        <v>220451</v>
      </c>
      <c r="IG33" s="335">
        <v>0</v>
      </c>
      <c r="IH33" s="336">
        <v>0</v>
      </c>
      <c r="II33" s="339">
        <v>600145</v>
      </c>
      <c r="IJ33" s="340">
        <v>600145</v>
      </c>
      <c r="IK33" s="341">
        <v>0</v>
      </c>
      <c r="IL33" s="342">
        <v>0</v>
      </c>
      <c r="IM33" s="343">
        <v>0</v>
      </c>
      <c r="IN33" s="403">
        <v>0</v>
      </c>
      <c r="IO33" s="344">
        <v>0</v>
      </c>
      <c r="IP33" s="344">
        <v>0</v>
      </c>
      <c r="IQ33" s="344">
        <v>0</v>
      </c>
      <c r="IR33" s="344">
        <v>0</v>
      </c>
      <c r="IS33" s="344">
        <v>0</v>
      </c>
      <c r="IT33" s="345">
        <v>0</v>
      </c>
      <c r="IU33" s="346">
        <v>0</v>
      </c>
      <c r="IV33" s="347">
        <v>0</v>
      </c>
      <c r="IW33" s="344">
        <v>0</v>
      </c>
      <c r="IX33" s="348">
        <v>0</v>
      </c>
      <c r="IY33" s="403">
        <v>0</v>
      </c>
      <c r="IZ33" s="344">
        <v>0</v>
      </c>
      <c r="JA33" s="344">
        <v>0</v>
      </c>
      <c r="JB33" s="344">
        <v>0</v>
      </c>
      <c r="JC33" s="344">
        <v>0</v>
      </c>
      <c r="JD33" s="344">
        <v>0</v>
      </c>
      <c r="JE33" s="348">
        <v>0</v>
      </c>
      <c r="JF33" s="349">
        <v>0</v>
      </c>
      <c r="JG33" s="347">
        <v>0</v>
      </c>
      <c r="JH33" s="344">
        <v>0</v>
      </c>
      <c r="JI33" s="345">
        <v>0</v>
      </c>
      <c r="JJ33" s="350">
        <v>0</v>
      </c>
      <c r="JK33" s="344">
        <v>139818</v>
      </c>
      <c r="JL33" s="344">
        <v>25494</v>
      </c>
      <c r="JM33" s="344">
        <v>0</v>
      </c>
      <c r="JN33" s="344">
        <v>0</v>
      </c>
      <c r="JO33" s="344">
        <v>0</v>
      </c>
      <c r="JP33" s="348">
        <v>165312</v>
      </c>
      <c r="JQ33" s="346">
        <v>165312</v>
      </c>
      <c r="JR33" s="347">
        <v>0</v>
      </c>
      <c r="JS33" s="344">
        <v>0</v>
      </c>
      <c r="JT33" s="345">
        <v>0</v>
      </c>
      <c r="JU33" s="350">
        <v>0</v>
      </c>
      <c r="JV33" s="344">
        <v>0</v>
      </c>
      <c r="JW33" s="344">
        <v>0</v>
      </c>
      <c r="JX33" s="344">
        <v>0</v>
      </c>
      <c r="JY33" s="344">
        <v>0</v>
      </c>
      <c r="JZ33" s="344">
        <v>0</v>
      </c>
      <c r="KA33" s="348">
        <v>0</v>
      </c>
      <c r="KB33" s="346">
        <v>0</v>
      </c>
      <c r="KC33" s="351">
        <v>0</v>
      </c>
      <c r="KD33" s="352">
        <v>0</v>
      </c>
      <c r="KE33" s="348">
        <v>0</v>
      </c>
      <c r="KF33" s="350">
        <v>0</v>
      </c>
      <c r="KG33" s="344">
        <v>0</v>
      </c>
      <c r="KH33" s="344">
        <v>0</v>
      </c>
      <c r="KI33" s="344">
        <v>0</v>
      </c>
      <c r="KJ33" s="344">
        <v>0</v>
      </c>
      <c r="KK33" s="344">
        <v>0</v>
      </c>
      <c r="KL33" s="348">
        <v>0</v>
      </c>
      <c r="KM33" s="353">
        <v>0</v>
      </c>
      <c r="KN33" s="341">
        <v>0</v>
      </c>
      <c r="KO33" s="342">
        <v>0</v>
      </c>
      <c r="KP33" s="343">
        <v>0</v>
      </c>
      <c r="KQ33" s="403">
        <v>0</v>
      </c>
      <c r="KR33" s="344">
        <v>0</v>
      </c>
      <c r="KS33" s="344">
        <v>214382</v>
      </c>
      <c r="KT33" s="344">
        <v>220451</v>
      </c>
      <c r="KU33" s="344">
        <v>0</v>
      </c>
      <c r="KV33" s="344">
        <v>0</v>
      </c>
      <c r="KW33" s="348">
        <v>434833</v>
      </c>
      <c r="KX33" s="346">
        <v>434833</v>
      </c>
      <c r="KY33" s="347">
        <v>0</v>
      </c>
      <c r="KZ33" s="344">
        <v>0</v>
      </c>
      <c r="LA33" s="348">
        <v>0</v>
      </c>
      <c r="LB33" s="403">
        <v>0</v>
      </c>
      <c r="LC33" s="344">
        <v>0</v>
      </c>
      <c r="LD33" s="344">
        <v>0</v>
      </c>
      <c r="LE33" s="344">
        <v>0</v>
      </c>
      <c r="LF33" s="344">
        <v>0</v>
      </c>
      <c r="LG33" s="344">
        <v>0</v>
      </c>
      <c r="LH33" s="348">
        <v>0</v>
      </c>
      <c r="LI33" s="349">
        <v>0</v>
      </c>
      <c r="LJ33" s="347">
        <v>0</v>
      </c>
      <c r="LK33" s="344">
        <v>0</v>
      </c>
      <c r="LL33" s="348">
        <v>0</v>
      </c>
      <c r="LM33" s="403">
        <v>0</v>
      </c>
      <c r="LN33" s="344">
        <v>0</v>
      </c>
      <c r="LO33" s="344">
        <v>0</v>
      </c>
      <c r="LP33" s="344">
        <v>0</v>
      </c>
      <c r="LQ33" s="344">
        <v>0</v>
      </c>
      <c r="LR33" s="344">
        <v>0</v>
      </c>
      <c r="LS33" s="348">
        <v>0</v>
      </c>
      <c r="LT33" s="346">
        <v>0</v>
      </c>
      <c r="LU33" s="347">
        <v>0</v>
      </c>
      <c r="LV33" s="344">
        <v>0</v>
      </c>
      <c r="LW33" s="348">
        <v>0</v>
      </c>
      <c r="LX33" s="403">
        <v>0</v>
      </c>
      <c r="LY33" s="344">
        <v>0</v>
      </c>
      <c r="LZ33" s="344">
        <v>0</v>
      </c>
      <c r="MA33" s="344">
        <v>0</v>
      </c>
      <c r="MB33" s="344">
        <v>0</v>
      </c>
      <c r="MC33" s="344">
        <v>0</v>
      </c>
      <c r="MD33" s="348">
        <v>0</v>
      </c>
      <c r="ME33" s="349">
        <v>0</v>
      </c>
      <c r="MF33" s="347">
        <v>0</v>
      </c>
      <c r="MG33" s="344">
        <v>0</v>
      </c>
      <c r="MH33" s="348">
        <v>0</v>
      </c>
      <c r="MI33" s="403">
        <v>0</v>
      </c>
      <c r="MJ33" s="344">
        <v>0</v>
      </c>
      <c r="MK33" s="344">
        <v>0</v>
      </c>
      <c r="ML33" s="344">
        <v>235956</v>
      </c>
      <c r="MM33" s="344">
        <v>0</v>
      </c>
      <c r="MN33" s="344">
        <v>0</v>
      </c>
      <c r="MO33" s="348">
        <v>235956</v>
      </c>
      <c r="MP33" s="353">
        <v>235956</v>
      </c>
      <c r="MQ33" s="347">
        <v>0</v>
      </c>
      <c r="MR33" s="344">
        <v>0</v>
      </c>
      <c r="MS33" s="348">
        <v>0</v>
      </c>
      <c r="MT33" s="403">
        <v>0</v>
      </c>
      <c r="MU33" s="344">
        <v>0</v>
      </c>
      <c r="MV33" s="344">
        <v>0</v>
      </c>
      <c r="MW33" s="344">
        <v>0</v>
      </c>
      <c r="MX33" s="344">
        <v>0</v>
      </c>
      <c r="MY33" s="344">
        <v>0</v>
      </c>
      <c r="MZ33" s="348">
        <v>0</v>
      </c>
      <c r="NA33" s="353">
        <v>0</v>
      </c>
      <c r="NB33" s="347">
        <v>0</v>
      </c>
      <c r="NC33" s="344">
        <v>0</v>
      </c>
      <c r="ND33" s="348">
        <v>0</v>
      </c>
      <c r="NE33" s="403">
        <v>0</v>
      </c>
      <c r="NF33" s="344">
        <v>0</v>
      </c>
      <c r="NG33" s="344">
        <v>0</v>
      </c>
      <c r="NH33" s="344">
        <v>235956</v>
      </c>
      <c r="NI33" s="344">
        <v>0</v>
      </c>
      <c r="NJ33" s="344">
        <v>0</v>
      </c>
      <c r="NK33" s="348">
        <v>235956</v>
      </c>
      <c r="NL33" s="346">
        <v>235956</v>
      </c>
      <c r="NM33" s="347">
        <v>0</v>
      </c>
      <c r="NN33" s="344">
        <v>0</v>
      </c>
      <c r="NO33" s="348">
        <v>0</v>
      </c>
      <c r="NP33" s="403">
        <v>0</v>
      </c>
      <c r="NQ33" s="344">
        <v>0</v>
      </c>
      <c r="NR33" s="344">
        <v>0</v>
      </c>
      <c r="NS33" s="344">
        <v>0</v>
      </c>
      <c r="NT33" s="344">
        <v>0</v>
      </c>
      <c r="NU33" s="344">
        <v>0</v>
      </c>
      <c r="NV33" s="348">
        <v>0</v>
      </c>
      <c r="NW33" s="349">
        <v>0</v>
      </c>
      <c r="NX33" s="347">
        <v>0</v>
      </c>
      <c r="NY33" s="344">
        <v>0</v>
      </c>
      <c r="NZ33" s="348">
        <v>0</v>
      </c>
      <c r="OA33" s="403">
        <v>0</v>
      </c>
      <c r="OB33" s="344">
        <v>0</v>
      </c>
      <c r="OC33" s="344">
        <v>0</v>
      </c>
      <c r="OD33" s="344">
        <v>0</v>
      </c>
      <c r="OE33" s="344">
        <v>0</v>
      </c>
      <c r="OF33" s="344">
        <v>0</v>
      </c>
      <c r="OG33" s="348">
        <v>0</v>
      </c>
      <c r="OH33" s="349">
        <v>0</v>
      </c>
      <c r="OI33" s="347">
        <v>0</v>
      </c>
      <c r="OJ33" s="344">
        <v>7700</v>
      </c>
      <c r="OK33" s="345">
        <v>7700</v>
      </c>
      <c r="OL33" s="350">
        <v>0</v>
      </c>
      <c r="OM33" s="344">
        <v>190467</v>
      </c>
      <c r="ON33" s="344">
        <v>435833</v>
      </c>
      <c r="OO33" s="344">
        <v>749147</v>
      </c>
      <c r="OP33" s="344">
        <v>299291</v>
      </c>
      <c r="OQ33" s="344">
        <v>218719</v>
      </c>
      <c r="OR33" s="348">
        <v>1893457</v>
      </c>
      <c r="OS33" s="353">
        <v>1901157</v>
      </c>
    </row>
    <row r="34" spans="2:409" s="70" customFormat="1" ht="21" customHeight="1" x14ac:dyDescent="0.2">
      <c r="B34" s="409" t="s">
        <v>29</v>
      </c>
      <c r="C34" s="325">
        <v>61561</v>
      </c>
      <c r="D34" s="326">
        <v>65928</v>
      </c>
      <c r="E34" s="327">
        <v>127489</v>
      </c>
      <c r="F34" s="328">
        <v>0</v>
      </c>
      <c r="G34" s="326">
        <v>373005</v>
      </c>
      <c r="H34" s="326">
        <v>327083</v>
      </c>
      <c r="I34" s="326">
        <v>244107</v>
      </c>
      <c r="J34" s="326">
        <v>453948</v>
      </c>
      <c r="K34" s="326">
        <v>198366</v>
      </c>
      <c r="L34" s="366">
        <v>1596509</v>
      </c>
      <c r="M34" s="329">
        <v>1723998</v>
      </c>
      <c r="N34" s="325">
        <v>16940</v>
      </c>
      <c r="O34" s="326">
        <v>53328</v>
      </c>
      <c r="P34" s="327">
        <v>70268</v>
      </c>
      <c r="Q34" s="325">
        <v>0</v>
      </c>
      <c r="R34" s="326">
        <v>255239</v>
      </c>
      <c r="S34" s="326">
        <v>150042</v>
      </c>
      <c r="T34" s="326">
        <v>106851</v>
      </c>
      <c r="U34" s="326">
        <v>155891</v>
      </c>
      <c r="V34" s="326">
        <v>0</v>
      </c>
      <c r="W34" s="327">
        <v>668023</v>
      </c>
      <c r="X34" s="329">
        <v>738291</v>
      </c>
      <c r="Y34" s="325">
        <v>0</v>
      </c>
      <c r="Z34" s="326">
        <v>0</v>
      </c>
      <c r="AA34" s="327">
        <v>0</v>
      </c>
      <c r="AB34" s="325">
        <v>0</v>
      </c>
      <c r="AC34" s="326">
        <v>39487</v>
      </c>
      <c r="AD34" s="326">
        <v>62955</v>
      </c>
      <c r="AE34" s="326">
        <v>0</v>
      </c>
      <c r="AF34" s="326">
        <v>109929</v>
      </c>
      <c r="AG34" s="326">
        <v>0</v>
      </c>
      <c r="AH34" s="327">
        <v>212371</v>
      </c>
      <c r="AI34" s="329">
        <v>212371</v>
      </c>
      <c r="AJ34" s="325">
        <v>0</v>
      </c>
      <c r="AK34" s="326">
        <v>0</v>
      </c>
      <c r="AL34" s="327">
        <v>0</v>
      </c>
      <c r="AM34" s="325">
        <v>0</v>
      </c>
      <c r="AN34" s="326">
        <v>0</v>
      </c>
      <c r="AO34" s="326">
        <v>0</v>
      </c>
      <c r="AP34" s="326">
        <v>0</v>
      </c>
      <c r="AQ34" s="326">
        <v>0</v>
      </c>
      <c r="AR34" s="326">
        <v>0</v>
      </c>
      <c r="AS34" s="327">
        <v>0</v>
      </c>
      <c r="AT34" s="329">
        <v>0</v>
      </c>
      <c r="AU34" s="325">
        <v>16940</v>
      </c>
      <c r="AV34" s="326">
        <v>48706</v>
      </c>
      <c r="AW34" s="327">
        <v>65646</v>
      </c>
      <c r="AX34" s="325">
        <v>0</v>
      </c>
      <c r="AY34" s="326">
        <v>183013</v>
      </c>
      <c r="AZ34" s="326">
        <v>71449</v>
      </c>
      <c r="BA34" s="326">
        <v>106851</v>
      </c>
      <c r="BB34" s="326">
        <v>0</v>
      </c>
      <c r="BC34" s="326">
        <v>0</v>
      </c>
      <c r="BD34" s="327">
        <v>361313</v>
      </c>
      <c r="BE34" s="329">
        <v>426959</v>
      </c>
      <c r="BF34" s="325">
        <v>0</v>
      </c>
      <c r="BG34" s="326">
        <v>4622</v>
      </c>
      <c r="BH34" s="330">
        <v>4622</v>
      </c>
      <c r="BI34" s="331">
        <v>0</v>
      </c>
      <c r="BJ34" s="326">
        <v>0</v>
      </c>
      <c r="BK34" s="326">
        <v>0</v>
      </c>
      <c r="BL34" s="326">
        <v>0</v>
      </c>
      <c r="BM34" s="326">
        <v>26768</v>
      </c>
      <c r="BN34" s="326">
        <v>0</v>
      </c>
      <c r="BO34" s="327">
        <v>26768</v>
      </c>
      <c r="BP34" s="329">
        <v>31390</v>
      </c>
      <c r="BQ34" s="325">
        <v>0</v>
      </c>
      <c r="BR34" s="326">
        <v>0</v>
      </c>
      <c r="BS34" s="327">
        <v>0</v>
      </c>
      <c r="BT34" s="325">
        <v>0</v>
      </c>
      <c r="BU34" s="326">
        <v>32739</v>
      </c>
      <c r="BV34" s="326">
        <v>15638</v>
      </c>
      <c r="BW34" s="326">
        <v>0</v>
      </c>
      <c r="BX34" s="326">
        <v>19194</v>
      </c>
      <c r="BY34" s="326">
        <v>0</v>
      </c>
      <c r="BZ34" s="327">
        <v>67571</v>
      </c>
      <c r="CA34" s="329">
        <v>67571</v>
      </c>
      <c r="CB34" s="325">
        <v>0</v>
      </c>
      <c r="CC34" s="326">
        <v>0</v>
      </c>
      <c r="CD34" s="327">
        <v>0</v>
      </c>
      <c r="CE34" s="325">
        <v>0</v>
      </c>
      <c r="CF34" s="326">
        <v>105866</v>
      </c>
      <c r="CG34" s="326">
        <v>17080</v>
      </c>
      <c r="CH34" s="326">
        <v>93226</v>
      </c>
      <c r="CI34" s="326">
        <v>59234</v>
      </c>
      <c r="CJ34" s="326">
        <v>0</v>
      </c>
      <c r="CK34" s="327">
        <v>275406</v>
      </c>
      <c r="CL34" s="329">
        <v>275406</v>
      </c>
      <c r="CM34" s="325">
        <v>0</v>
      </c>
      <c r="CN34" s="326">
        <v>0</v>
      </c>
      <c r="CO34" s="327">
        <v>0</v>
      </c>
      <c r="CP34" s="331">
        <v>0</v>
      </c>
      <c r="CQ34" s="326">
        <v>56742</v>
      </c>
      <c r="CR34" s="326">
        <v>17080</v>
      </c>
      <c r="CS34" s="326">
        <v>0</v>
      </c>
      <c r="CT34" s="326">
        <v>0</v>
      </c>
      <c r="CU34" s="326">
        <v>0</v>
      </c>
      <c r="CV34" s="327">
        <v>73822</v>
      </c>
      <c r="CW34" s="329">
        <v>73822</v>
      </c>
      <c r="CX34" s="325">
        <v>0</v>
      </c>
      <c r="CY34" s="326">
        <v>0</v>
      </c>
      <c r="CZ34" s="327">
        <v>0</v>
      </c>
      <c r="DA34" s="325">
        <v>0</v>
      </c>
      <c r="DB34" s="326">
        <v>49124</v>
      </c>
      <c r="DC34" s="326">
        <v>0</v>
      </c>
      <c r="DD34" s="326">
        <v>93226</v>
      </c>
      <c r="DE34" s="326">
        <v>59234</v>
      </c>
      <c r="DF34" s="326">
        <v>0</v>
      </c>
      <c r="DG34" s="327">
        <v>201584</v>
      </c>
      <c r="DH34" s="329">
        <v>201584</v>
      </c>
      <c r="DI34" s="325">
        <v>0</v>
      </c>
      <c r="DJ34" s="326">
        <v>0</v>
      </c>
      <c r="DK34" s="330">
        <v>0</v>
      </c>
      <c r="DL34" s="331">
        <v>0</v>
      </c>
      <c r="DM34" s="326">
        <v>0</v>
      </c>
      <c r="DN34" s="326">
        <v>0</v>
      </c>
      <c r="DO34" s="326">
        <v>0</v>
      </c>
      <c r="DP34" s="326">
        <v>0</v>
      </c>
      <c r="DQ34" s="326">
        <v>0</v>
      </c>
      <c r="DR34" s="327">
        <v>0</v>
      </c>
      <c r="DS34" s="329">
        <v>0</v>
      </c>
      <c r="DT34" s="325">
        <v>0</v>
      </c>
      <c r="DU34" s="326">
        <v>0</v>
      </c>
      <c r="DV34" s="327">
        <v>0</v>
      </c>
      <c r="DW34" s="325">
        <v>0</v>
      </c>
      <c r="DX34" s="326">
        <v>0</v>
      </c>
      <c r="DY34" s="326">
        <v>0</v>
      </c>
      <c r="DZ34" s="326">
        <v>0</v>
      </c>
      <c r="EA34" s="326">
        <v>0</v>
      </c>
      <c r="EB34" s="326">
        <v>0</v>
      </c>
      <c r="EC34" s="327">
        <v>0</v>
      </c>
      <c r="ED34" s="329">
        <v>0</v>
      </c>
      <c r="EE34" s="325">
        <v>0</v>
      </c>
      <c r="EF34" s="330">
        <v>0</v>
      </c>
      <c r="EG34" s="327">
        <v>0</v>
      </c>
      <c r="EH34" s="325">
        <v>0</v>
      </c>
      <c r="EI34" s="326">
        <v>0</v>
      </c>
      <c r="EJ34" s="326">
        <v>0</v>
      </c>
      <c r="EK34" s="326">
        <v>0</v>
      </c>
      <c r="EL34" s="326">
        <v>0</v>
      </c>
      <c r="EM34" s="326">
        <v>0</v>
      </c>
      <c r="EN34" s="330">
        <v>0</v>
      </c>
      <c r="EO34" s="329">
        <v>0</v>
      </c>
      <c r="EP34" s="325">
        <v>0</v>
      </c>
      <c r="EQ34" s="326">
        <v>0</v>
      </c>
      <c r="ER34" s="330">
        <v>0</v>
      </c>
      <c r="ES34" s="331">
        <v>0</v>
      </c>
      <c r="ET34" s="326">
        <v>0</v>
      </c>
      <c r="EU34" s="326">
        <v>0</v>
      </c>
      <c r="EV34" s="326">
        <v>0</v>
      </c>
      <c r="EW34" s="326">
        <v>0</v>
      </c>
      <c r="EX34" s="326">
        <v>0</v>
      </c>
      <c r="EY34" s="327">
        <v>0</v>
      </c>
      <c r="EZ34" s="329">
        <v>0</v>
      </c>
      <c r="FA34" s="325">
        <v>0</v>
      </c>
      <c r="FB34" s="326">
        <v>0</v>
      </c>
      <c r="FC34" s="330">
        <v>0</v>
      </c>
      <c r="FD34" s="403">
        <v>0</v>
      </c>
      <c r="FE34" s="326">
        <v>0</v>
      </c>
      <c r="FF34" s="326">
        <v>0</v>
      </c>
      <c r="FG34" s="326">
        <v>0</v>
      </c>
      <c r="FH34" s="326">
        <v>0</v>
      </c>
      <c r="FI34" s="326">
        <v>0</v>
      </c>
      <c r="FJ34" s="327">
        <v>0</v>
      </c>
      <c r="FK34" s="329">
        <v>0</v>
      </c>
      <c r="FL34" s="325">
        <v>0</v>
      </c>
      <c r="FM34" s="326">
        <v>12600</v>
      </c>
      <c r="FN34" s="327">
        <v>12600</v>
      </c>
      <c r="FO34" s="325">
        <v>0</v>
      </c>
      <c r="FP34" s="326">
        <v>11900</v>
      </c>
      <c r="FQ34" s="326">
        <v>3150</v>
      </c>
      <c r="FR34" s="326">
        <v>44030</v>
      </c>
      <c r="FS34" s="326">
        <v>52906</v>
      </c>
      <c r="FT34" s="326">
        <v>0</v>
      </c>
      <c r="FU34" s="327">
        <v>111986</v>
      </c>
      <c r="FV34" s="329">
        <v>124586</v>
      </c>
      <c r="FW34" s="332">
        <v>0</v>
      </c>
      <c r="FX34" s="326">
        <v>12600</v>
      </c>
      <c r="FY34" s="330">
        <v>12600</v>
      </c>
      <c r="FZ34" s="331">
        <v>0</v>
      </c>
      <c r="GA34" s="326">
        <v>11900</v>
      </c>
      <c r="GB34" s="326">
        <v>3150</v>
      </c>
      <c r="GC34" s="326">
        <v>44030</v>
      </c>
      <c r="GD34" s="326">
        <v>52906</v>
      </c>
      <c r="GE34" s="326">
        <v>0</v>
      </c>
      <c r="GF34" s="327">
        <v>111986</v>
      </c>
      <c r="GG34" s="333">
        <v>124586</v>
      </c>
      <c r="GH34" s="332">
        <v>0</v>
      </c>
      <c r="GI34" s="326">
        <v>0</v>
      </c>
      <c r="GJ34" s="330">
        <v>0</v>
      </c>
      <c r="GK34" s="331">
        <v>0</v>
      </c>
      <c r="GL34" s="326">
        <v>0</v>
      </c>
      <c r="GM34" s="326">
        <v>0</v>
      </c>
      <c r="GN34" s="326">
        <v>0</v>
      </c>
      <c r="GO34" s="326">
        <v>0</v>
      </c>
      <c r="GP34" s="326">
        <v>0</v>
      </c>
      <c r="GQ34" s="327">
        <v>0</v>
      </c>
      <c r="GR34" s="329">
        <v>0</v>
      </c>
      <c r="GS34" s="325">
        <v>0</v>
      </c>
      <c r="GT34" s="326">
        <v>0</v>
      </c>
      <c r="GU34" s="327">
        <v>0</v>
      </c>
      <c r="GV34" s="325">
        <v>0</v>
      </c>
      <c r="GW34" s="326">
        <v>0</v>
      </c>
      <c r="GX34" s="326">
        <v>0</v>
      </c>
      <c r="GY34" s="326">
        <v>0</v>
      </c>
      <c r="GZ34" s="326">
        <v>0</v>
      </c>
      <c r="HA34" s="326">
        <v>0</v>
      </c>
      <c r="HB34" s="330">
        <v>0</v>
      </c>
      <c r="HC34" s="329">
        <v>0</v>
      </c>
      <c r="HD34" s="325">
        <v>44621</v>
      </c>
      <c r="HE34" s="326">
        <v>0</v>
      </c>
      <c r="HF34" s="330">
        <v>44621</v>
      </c>
      <c r="HG34" s="331">
        <v>0</v>
      </c>
      <c r="HH34" s="326">
        <v>0</v>
      </c>
      <c r="HI34" s="326">
        <v>156811</v>
      </c>
      <c r="HJ34" s="326">
        <v>0</v>
      </c>
      <c r="HK34" s="326">
        <v>185917</v>
      </c>
      <c r="HL34" s="326">
        <v>198366</v>
      </c>
      <c r="HM34" s="327">
        <v>541094</v>
      </c>
      <c r="HN34" s="328">
        <v>585715</v>
      </c>
      <c r="HO34" s="332">
        <v>0</v>
      </c>
      <c r="HP34" s="326">
        <v>0</v>
      </c>
      <c r="HQ34" s="327">
        <v>0</v>
      </c>
      <c r="HR34" s="325">
        <v>0</v>
      </c>
      <c r="HS34" s="326">
        <v>0</v>
      </c>
      <c r="HT34" s="326">
        <v>0</v>
      </c>
      <c r="HU34" s="326">
        <v>0</v>
      </c>
      <c r="HV34" s="326">
        <v>0</v>
      </c>
      <c r="HW34" s="326">
        <v>0</v>
      </c>
      <c r="HX34" s="330">
        <v>0</v>
      </c>
      <c r="HY34" s="329">
        <v>0</v>
      </c>
      <c r="HZ34" s="357">
        <v>0</v>
      </c>
      <c r="IA34" s="355">
        <v>0</v>
      </c>
      <c r="IB34" s="357">
        <v>0</v>
      </c>
      <c r="IC34" s="354">
        <v>0</v>
      </c>
      <c r="ID34" s="355">
        <v>330666</v>
      </c>
      <c r="IE34" s="356">
        <v>310345</v>
      </c>
      <c r="IF34" s="357">
        <v>50372</v>
      </c>
      <c r="IG34" s="355">
        <v>247573</v>
      </c>
      <c r="IH34" s="357">
        <v>0</v>
      </c>
      <c r="II34" s="358">
        <v>938956</v>
      </c>
      <c r="IJ34" s="357">
        <v>938956</v>
      </c>
      <c r="IK34" s="341">
        <v>0</v>
      </c>
      <c r="IL34" s="342">
        <v>0</v>
      </c>
      <c r="IM34" s="343">
        <v>0</v>
      </c>
      <c r="IN34" s="403">
        <v>0</v>
      </c>
      <c r="IO34" s="344">
        <v>53473</v>
      </c>
      <c r="IP34" s="344">
        <v>0</v>
      </c>
      <c r="IQ34" s="344">
        <v>0</v>
      </c>
      <c r="IR34" s="344">
        <v>0</v>
      </c>
      <c r="IS34" s="344">
        <v>0</v>
      </c>
      <c r="IT34" s="345">
        <v>53473</v>
      </c>
      <c r="IU34" s="346">
        <v>53473</v>
      </c>
      <c r="IV34" s="347">
        <v>0</v>
      </c>
      <c r="IW34" s="344">
        <v>0</v>
      </c>
      <c r="IX34" s="348">
        <v>0</v>
      </c>
      <c r="IY34" s="403">
        <v>0</v>
      </c>
      <c r="IZ34" s="344">
        <v>0</v>
      </c>
      <c r="JA34" s="344">
        <v>0</v>
      </c>
      <c r="JB34" s="344">
        <v>0</v>
      </c>
      <c r="JC34" s="344">
        <v>0</v>
      </c>
      <c r="JD34" s="344">
        <v>0</v>
      </c>
      <c r="JE34" s="348">
        <v>0</v>
      </c>
      <c r="JF34" s="349">
        <v>0</v>
      </c>
      <c r="JG34" s="347">
        <v>0</v>
      </c>
      <c r="JH34" s="344">
        <v>0</v>
      </c>
      <c r="JI34" s="345">
        <v>0</v>
      </c>
      <c r="JJ34" s="350">
        <v>0</v>
      </c>
      <c r="JK34" s="344">
        <v>48531</v>
      </c>
      <c r="JL34" s="344">
        <v>0</v>
      </c>
      <c r="JM34" s="344">
        <v>50372</v>
      </c>
      <c r="JN34" s="344">
        <v>20262</v>
      </c>
      <c r="JO34" s="344">
        <v>0</v>
      </c>
      <c r="JP34" s="348">
        <v>119165</v>
      </c>
      <c r="JQ34" s="346">
        <v>119165</v>
      </c>
      <c r="JR34" s="347">
        <v>0</v>
      </c>
      <c r="JS34" s="344">
        <v>0</v>
      </c>
      <c r="JT34" s="345">
        <v>0</v>
      </c>
      <c r="JU34" s="350">
        <v>0</v>
      </c>
      <c r="JV34" s="344">
        <v>0</v>
      </c>
      <c r="JW34" s="344">
        <v>0</v>
      </c>
      <c r="JX34" s="344">
        <v>0</v>
      </c>
      <c r="JY34" s="344">
        <v>0</v>
      </c>
      <c r="JZ34" s="344">
        <v>0</v>
      </c>
      <c r="KA34" s="348">
        <v>0</v>
      </c>
      <c r="KB34" s="346">
        <v>0</v>
      </c>
      <c r="KC34" s="351">
        <v>0</v>
      </c>
      <c r="KD34" s="352">
        <v>0</v>
      </c>
      <c r="KE34" s="348">
        <v>0</v>
      </c>
      <c r="KF34" s="350">
        <v>0</v>
      </c>
      <c r="KG34" s="344">
        <v>228662</v>
      </c>
      <c r="KH34" s="344">
        <v>310345</v>
      </c>
      <c r="KI34" s="344">
        <v>0</v>
      </c>
      <c r="KJ34" s="344">
        <v>0</v>
      </c>
      <c r="KK34" s="344">
        <v>0</v>
      </c>
      <c r="KL34" s="348">
        <v>539007</v>
      </c>
      <c r="KM34" s="353">
        <v>539007</v>
      </c>
      <c r="KN34" s="341">
        <v>0</v>
      </c>
      <c r="KO34" s="342">
        <v>0</v>
      </c>
      <c r="KP34" s="343">
        <v>0</v>
      </c>
      <c r="KQ34" s="403">
        <v>0</v>
      </c>
      <c r="KR34" s="344">
        <v>0</v>
      </c>
      <c r="KS34" s="344">
        <v>0</v>
      </c>
      <c r="KT34" s="344">
        <v>0</v>
      </c>
      <c r="KU34" s="344">
        <v>0</v>
      </c>
      <c r="KV34" s="344">
        <v>0</v>
      </c>
      <c r="KW34" s="348">
        <v>0</v>
      </c>
      <c r="KX34" s="346">
        <v>0</v>
      </c>
      <c r="KY34" s="347">
        <v>0</v>
      </c>
      <c r="KZ34" s="344">
        <v>0</v>
      </c>
      <c r="LA34" s="348">
        <v>0</v>
      </c>
      <c r="LB34" s="403">
        <v>0</v>
      </c>
      <c r="LC34" s="344">
        <v>0</v>
      </c>
      <c r="LD34" s="344">
        <v>0</v>
      </c>
      <c r="LE34" s="344">
        <v>0</v>
      </c>
      <c r="LF34" s="344">
        <v>0</v>
      </c>
      <c r="LG34" s="344">
        <v>0</v>
      </c>
      <c r="LH34" s="348">
        <v>0</v>
      </c>
      <c r="LI34" s="349">
        <v>0</v>
      </c>
      <c r="LJ34" s="347">
        <v>0</v>
      </c>
      <c r="LK34" s="344">
        <v>0</v>
      </c>
      <c r="LL34" s="348">
        <v>0</v>
      </c>
      <c r="LM34" s="403">
        <v>0</v>
      </c>
      <c r="LN34" s="344">
        <v>0</v>
      </c>
      <c r="LO34" s="344">
        <v>0</v>
      </c>
      <c r="LP34" s="344">
        <v>0</v>
      </c>
      <c r="LQ34" s="344">
        <v>227311</v>
      </c>
      <c r="LR34" s="344">
        <v>0</v>
      </c>
      <c r="LS34" s="348">
        <v>227311</v>
      </c>
      <c r="LT34" s="346">
        <v>227311</v>
      </c>
      <c r="LU34" s="347">
        <v>0</v>
      </c>
      <c r="LV34" s="344">
        <v>0</v>
      </c>
      <c r="LW34" s="348">
        <v>0</v>
      </c>
      <c r="LX34" s="403">
        <v>0</v>
      </c>
      <c r="LY34" s="344">
        <v>0</v>
      </c>
      <c r="LZ34" s="344">
        <v>0</v>
      </c>
      <c r="MA34" s="344">
        <v>0</v>
      </c>
      <c r="MB34" s="344">
        <v>0</v>
      </c>
      <c r="MC34" s="344">
        <v>0</v>
      </c>
      <c r="MD34" s="348">
        <v>0</v>
      </c>
      <c r="ME34" s="349">
        <v>0</v>
      </c>
      <c r="MF34" s="347">
        <v>0</v>
      </c>
      <c r="MG34" s="344">
        <v>0</v>
      </c>
      <c r="MH34" s="348">
        <v>0</v>
      </c>
      <c r="MI34" s="403">
        <v>0</v>
      </c>
      <c r="MJ34" s="344">
        <v>0</v>
      </c>
      <c r="MK34" s="344">
        <v>0</v>
      </c>
      <c r="ML34" s="344">
        <v>0</v>
      </c>
      <c r="MM34" s="344">
        <v>241548</v>
      </c>
      <c r="MN34" s="344">
        <v>519094</v>
      </c>
      <c r="MO34" s="348">
        <v>760642</v>
      </c>
      <c r="MP34" s="353">
        <v>760642</v>
      </c>
      <c r="MQ34" s="347">
        <v>0</v>
      </c>
      <c r="MR34" s="344">
        <v>0</v>
      </c>
      <c r="MS34" s="348">
        <v>0</v>
      </c>
      <c r="MT34" s="403">
        <v>0</v>
      </c>
      <c r="MU34" s="344">
        <v>0</v>
      </c>
      <c r="MV34" s="344">
        <v>0</v>
      </c>
      <c r="MW34" s="344">
        <v>0</v>
      </c>
      <c r="MX34" s="344">
        <v>241548</v>
      </c>
      <c r="MY34" s="344">
        <v>0</v>
      </c>
      <c r="MZ34" s="348">
        <v>241548</v>
      </c>
      <c r="NA34" s="353">
        <v>241548</v>
      </c>
      <c r="NB34" s="347">
        <v>0</v>
      </c>
      <c r="NC34" s="344">
        <v>0</v>
      </c>
      <c r="ND34" s="348">
        <v>0</v>
      </c>
      <c r="NE34" s="403">
        <v>0</v>
      </c>
      <c r="NF34" s="344">
        <v>0</v>
      </c>
      <c r="NG34" s="344">
        <v>0</v>
      </c>
      <c r="NH34" s="344">
        <v>0</v>
      </c>
      <c r="NI34" s="344">
        <v>0</v>
      </c>
      <c r="NJ34" s="344">
        <v>519094</v>
      </c>
      <c r="NK34" s="348">
        <v>519094</v>
      </c>
      <c r="NL34" s="346">
        <v>519094</v>
      </c>
      <c r="NM34" s="347">
        <v>0</v>
      </c>
      <c r="NN34" s="344">
        <v>0</v>
      </c>
      <c r="NO34" s="348">
        <v>0</v>
      </c>
      <c r="NP34" s="403">
        <v>0</v>
      </c>
      <c r="NQ34" s="344">
        <v>0</v>
      </c>
      <c r="NR34" s="344">
        <v>0</v>
      </c>
      <c r="NS34" s="344">
        <v>0</v>
      </c>
      <c r="NT34" s="344">
        <v>0</v>
      </c>
      <c r="NU34" s="344">
        <v>0</v>
      </c>
      <c r="NV34" s="348">
        <v>0</v>
      </c>
      <c r="NW34" s="349">
        <v>0</v>
      </c>
      <c r="NX34" s="347">
        <v>0</v>
      </c>
      <c r="NY34" s="344">
        <v>0</v>
      </c>
      <c r="NZ34" s="348">
        <v>0</v>
      </c>
      <c r="OA34" s="403">
        <v>0</v>
      </c>
      <c r="OB34" s="344">
        <v>0</v>
      </c>
      <c r="OC34" s="344">
        <v>0</v>
      </c>
      <c r="OD34" s="344">
        <v>0</v>
      </c>
      <c r="OE34" s="344">
        <v>0</v>
      </c>
      <c r="OF34" s="344">
        <v>0</v>
      </c>
      <c r="OG34" s="348">
        <v>0</v>
      </c>
      <c r="OH34" s="349">
        <v>0</v>
      </c>
      <c r="OI34" s="347">
        <v>61561</v>
      </c>
      <c r="OJ34" s="344">
        <v>65928</v>
      </c>
      <c r="OK34" s="345">
        <v>127489</v>
      </c>
      <c r="OL34" s="350">
        <v>0</v>
      </c>
      <c r="OM34" s="344">
        <v>703671</v>
      </c>
      <c r="ON34" s="344">
        <v>637428</v>
      </c>
      <c r="OO34" s="344">
        <v>294479</v>
      </c>
      <c r="OP34" s="344">
        <v>943069</v>
      </c>
      <c r="OQ34" s="344">
        <v>717460</v>
      </c>
      <c r="OR34" s="348">
        <v>3296107</v>
      </c>
      <c r="OS34" s="353">
        <v>3423596</v>
      </c>
    </row>
    <row r="35" spans="2:409" s="70" customFormat="1" ht="21" customHeight="1" x14ac:dyDescent="0.2">
      <c r="B35" s="409" t="s">
        <v>30</v>
      </c>
      <c r="C35" s="325">
        <v>10290</v>
      </c>
      <c r="D35" s="326">
        <v>0</v>
      </c>
      <c r="E35" s="367">
        <v>10290</v>
      </c>
      <c r="F35" s="369">
        <v>0</v>
      </c>
      <c r="G35" s="368">
        <v>431657</v>
      </c>
      <c r="H35" s="368">
        <v>368146</v>
      </c>
      <c r="I35" s="368">
        <v>594216</v>
      </c>
      <c r="J35" s="368">
        <v>392951</v>
      </c>
      <c r="K35" s="368">
        <v>0</v>
      </c>
      <c r="L35" s="369">
        <v>1786970</v>
      </c>
      <c r="M35" s="329">
        <v>1797260</v>
      </c>
      <c r="N35" s="325">
        <v>0</v>
      </c>
      <c r="O35" s="326">
        <v>0</v>
      </c>
      <c r="P35" s="327">
        <v>0</v>
      </c>
      <c r="Q35" s="325">
        <v>0</v>
      </c>
      <c r="R35" s="326">
        <v>187756</v>
      </c>
      <c r="S35" s="326">
        <v>148802</v>
      </c>
      <c r="T35" s="326">
        <v>207634</v>
      </c>
      <c r="U35" s="326">
        <v>64351</v>
      </c>
      <c r="V35" s="326">
        <v>0</v>
      </c>
      <c r="W35" s="327">
        <v>608543</v>
      </c>
      <c r="X35" s="329">
        <v>608543</v>
      </c>
      <c r="Y35" s="325">
        <v>0</v>
      </c>
      <c r="Z35" s="326">
        <v>0</v>
      </c>
      <c r="AA35" s="327">
        <v>0</v>
      </c>
      <c r="AB35" s="325">
        <v>0</v>
      </c>
      <c r="AC35" s="326">
        <v>45815</v>
      </c>
      <c r="AD35" s="326">
        <v>66005</v>
      </c>
      <c r="AE35" s="326">
        <v>122108</v>
      </c>
      <c r="AF35" s="326">
        <v>64351</v>
      </c>
      <c r="AG35" s="326">
        <v>0</v>
      </c>
      <c r="AH35" s="327">
        <v>298279</v>
      </c>
      <c r="AI35" s="329">
        <v>298279</v>
      </c>
      <c r="AJ35" s="325">
        <v>0</v>
      </c>
      <c r="AK35" s="326">
        <v>0</v>
      </c>
      <c r="AL35" s="327">
        <v>0</v>
      </c>
      <c r="AM35" s="325">
        <v>0</v>
      </c>
      <c r="AN35" s="326">
        <v>69736</v>
      </c>
      <c r="AO35" s="326">
        <v>0</v>
      </c>
      <c r="AP35" s="326">
        <v>39802</v>
      </c>
      <c r="AQ35" s="326">
        <v>0</v>
      </c>
      <c r="AR35" s="326">
        <v>0</v>
      </c>
      <c r="AS35" s="327">
        <v>109538</v>
      </c>
      <c r="AT35" s="329">
        <v>109538</v>
      </c>
      <c r="AU35" s="325">
        <v>0</v>
      </c>
      <c r="AV35" s="326">
        <v>0</v>
      </c>
      <c r="AW35" s="327">
        <v>0</v>
      </c>
      <c r="AX35" s="325">
        <v>0</v>
      </c>
      <c r="AY35" s="326">
        <v>20678</v>
      </c>
      <c r="AZ35" s="326">
        <v>23727</v>
      </c>
      <c r="BA35" s="326">
        <v>28924</v>
      </c>
      <c r="BB35" s="326">
        <v>0</v>
      </c>
      <c r="BC35" s="326">
        <v>0</v>
      </c>
      <c r="BD35" s="327">
        <v>73329</v>
      </c>
      <c r="BE35" s="329">
        <v>73329</v>
      </c>
      <c r="BF35" s="325">
        <v>0</v>
      </c>
      <c r="BG35" s="326">
        <v>0</v>
      </c>
      <c r="BH35" s="330">
        <v>0</v>
      </c>
      <c r="BI35" s="331">
        <v>0</v>
      </c>
      <c r="BJ35" s="326">
        <v>0</v>
      </c>
      <c r="BK35" s="326">
        <v>41892</v>
      </c>
      <c r="BL35" s="326">
        <v>0</v>
      </c>
      <c r="BM35" s="326">
        <v>0</v>
      </c>
      <c r="BN35" s="326">
        <v>0</v>
      </c>
      <c r="BO35" s="327">
        <v>41892</v>
      </c>
      <c r="BP35" s="329">
        <v>41892</v>
      </c>
      <c r="BQ35" s="325">
        <v>0</v>
      </c>
      <c r="BR35" s="326">
        <v>0</v>
      </c>
      <c r="BS35" s="327">
        <v>0</v>
      </c>
      <c r="BT35" s="325">
        <v>0</v>
      </c>
      <c r="BU35" s="326">
        <v>51527</v>
      </c>
      <c r="BV35" s="326">
        <v>17178</v>
      </c>
      <c r="BW35" s="326">
        <v>16800</v>
      </c>
      <c r="BX35" s="326">
        <v>0</v>
      </c>
      <c r="BY35" s="326">
        <v>0</v>
      </c>
      <c r="BZ35" s="327">
        <v>85505</v>
      </c>
      <c r="CA35" s="329">
        <v>85505</v>
      </c>
      <c r="CB35" s="325">
        <v>0</v>
      </c>
      <c r="CC35" s="326">
        <v>0</v>
      </c>
      <c r="CD35" s="327">
        <v>0</v>
      </c>
      <c r="CE35" s="325">
        <v>0</v>
      </c>
      <c r="CF35" s="326">
        <v>73059</v>
      </c>
      <c r="CG35" s="326">
        <v>21896</v>
      </c>
      <c r="CH35" s="326">
        <v>28042</v>
      </c>
      <c r="CI35" s="326">
        <v>161991</v>
      </c>
      <c r="CJ35" s="326">
        <v>0</v>
      </c>
      <c r="CK35" s="327">
        <v>284988</v>
      </c>
      <c r="CL35" s="329">
        <v>284988</v>
      </c>
      <c r="CM35" s="325">
        <v>0</v>
      </c>
      <c r="CN35" s="326">
        <v>0</v>
      </c>
      <c r="CO35" s="327">
        <v>0</v>
      </c>
      <c r="CP35" s="331">
        <v>0</v>
      </c>
      <c r="CQ35" s="326">
        <v>27519</v>
      </c>
      <c r="CR35" s="326">
        <v>21896</v>
      </c>
      <c r="CS35" s="326">
        <v>28042</v>
      </c>
      <c r="CT35" s="326">
        <v>0</v>
      </c>
      <c r="CU35" s="326">
        <v>0</v>
      </c>
      <c r="CV35" s="327">
        <v>77457</v>
      </c>
      <c r="CW35" s="329">
        <v>77457</v>
      </c>
      <c r="CX35" s="325">
        <v>0</v>
      </c>
      <c r="CY35" s="326">
        <v>0</v>
      </c>
      <c r="CZ35" s="327">
        <v>0</v>
      </c>
      <c r="DA35" s="325">
        <v>0</v>
      </c>
      <c r="DB35" s="326">
        <v>45540</v>
      </c>
      <c r="DC35" s="326">
        <v>0</v>
      </c>
      <c r="DD35" s="326">
        <v>0</v>
      </c>
      <c r="DE35" s="326">
        <v>161991</v>
      </c>
      <c r="DF35" s="326">
        <v>0</v>
      </c>
      <c r="DG35" s="327">
        <v>207531</v>
      </c>
      <c r="DH35" s="329">
        <v>207531</v>
      </c>
      <c r="DI35" s="325">
        <v>0</v>
      </c>
      <c r="DJ35" s="326">
        <v>0</v>
      </c>
      <c r="DK35" s="330">
        <v>0</v>
      </c>
      <c r="DL35" s="331">
        <v>0</v>
      </c>
      <c r="DM35" s="326">
        <v>17336</v>
      </c>
      <c r="DN35" s="326">
        <v>0</v>
      </c>
      <c r="DO35" s="326">
        <v>0</v>
      </c>
      <c r="DP35" s="326">
        <v>71745</v>
      </c>
      <c r="DQ35" s="326">
        <v>0</v>
      </c>
      <c r="DR35" s="327">
        <v>89081</v>
      </c>
      <c r="DS35" s="329">
        <v>89081</v>
      </c>
      <c r="DT35" s="325">
        <v>0</v>
      </c>
      <c r="DU35" s="326">
        <v>0</v>
      </c>
      <c r="DV35" s="327">
        <v>0</v>
      </c>
      <c r="DW35" s="325">
        <v>0</v>
      </c>
      <c r="DX35" s="326">
        <v>0</v>
      </c>
      <c r="DY35" s="326">
        <v>0</v>
      </c>
      <c r="DZ35" s="326">
        <v>0</v>
      </c>
      <c r="EA35" s="326">
        <v>71745</v>
      </c>
      <c r="EB35" s="326">
        <v>0</v>
      </c>
      <c r="EC35" s="327">
        <v>71745</v>
      </c>
      <c r="ED35" s="329">
        <v>71745</v>
      </c>
      <c r="EE35" s="325">
        <v>0</v>
      </c>
      <c r="EF35" s="330">
        <v>0</v>
      </c>
      <c r="EG35" s="327">
        <v>0</v>
      </c>
      <c r="EH35" s="325">
        <v>0</v>
      </c>
      <c r="EI35" s="326">
        <v>17336</v>
      </c>
      <c r="EJ35" s="326">
        <v>0</v>
      </c>
      <c r="EK35" s="326">
        <v>0</v>
      </c>
      <c r="EL35" s="326">
        <v>0</v>
      </c>
      <c r="EM35" s="326">
        <v>0</v>
      </c>
      <c r="EN35" s="330">
        <v>17336</v>
      </c>
      <c r="EO35" s="329">
        <v>17336</v>
      </c>
      <c r="EP35" s="325">
        <v>0</v>
      </c>
      <c r="EQ35" s="326">
        <v>0</v>
      </c>
      <c r="ER35" s="330">
        <v>0</v>
      </c>
      <c r="ES35" s="331">
        <v>0</v>
      </c>
      <c r="ET35" s="326">
        <v>0</v>
      </c>
      <c r="EU35" s="326">
        <v>0</v>
      </c>
      <c r="EV35" s="326">
        <v>0</v>
      </c>
      <c r="EW35" s="326">
        <v>0</v>
      </c>
      <c r="EX35" s="326">
        <v>0</v>
      </c>
      <c r="EY35" s="327">
        <v>0</v>
      </c>
      <c r="EZ35" s="329">
        <v>0</v>
      </c>
      <c r="FA35" s="325">
        <v>0</v>
      </c>
      <c r="FB35" s="326">
        <v>0</v>
      </c>
      <c r="FC35" s="330">
        <v>0</v>
      </c>
      <c r="FD35" s="403">
        <v>0</v>
      </c>
      <c r="FE35" s="326">
        <v>0</v>
      </c>
      <c r="FF35" s="326">
        <v>0</v>
      </c>
      <c r="FG35" s="326">
        <v>0</v>
      </c>
      <c r="FH35" s="326">
        <v>0</v>
      </c>
      <c r="FI35" s="326">
        <v>0</v>
      </c>
      <c r="FJ35" s="327">
        <v>0</v>
      </c>
      <c r="FK35" s="329">
        <v>0</v>
      </c>
      <c r="FL35" s="325">
        <v>10290</v>
      </c>
      <c r="FM35" s="326">
        <v>0</v>
      </c>
      <c r="FN35" s="327">
        <v>10290</v>
      </c>
      <c r="FO35" s="325">
        <v>0</v>
      </c>
      <c r="FP35" s="326">
        <v>13300</v>
      </c>
      <c r="FQ35" s="326">
        <v>31976</v>
      </c>
      <c r="FR35" s="326">
        <v>19390</v>
      </c>
      <c r="FS35" s="326">
        <v>94864</v>
      </c>
      <c r="FT35" s="326">
        <v>0</v>
      </c>
      <c r="FU35" s="327">
        <v>159530</v>
      </c>
      <c r="FV35" s="329">
        <v>169820</v>
      </c>
      <c r="FW35" s="332">
        <v>10290</v>
      </c>
      <c r="FX35" s="326">
        <v>0</v>
      </c>
      <c r="FY35" s="330">
        <v>10290</v>
      </c>
      <c r="FZ35" s="331">
        <v>0</v>
      </c>
      <c r="GA35" s="326">
        <v>13300</v>
      </c>
      <c r="GB35" s="326">
        <v>31976</v>
      </c>
      <c r="GC35" s="326">
        <v>19390</v>
      </c>
      <c r="GD35" s="326">
        <v>94864</v>
      </c>
      <c r="GE35" s="326">
        <v>0</v>
      </c>
      <c r="GF35" s="327">
        <v>159530</v>
      </c>
      <c r="GG35" s="333">
        <v>169820</v>
      </c>
      <c r="GH35" s="332">
        <v>0</v>
      </c>
      <c r="GI35" s="326">
        <v>0</v>
      </c>
      <c r="GJ35" s="330">
        <v>0</v>
      </c>
      <c r="GK35" s="331">
        <v>0</v>
      </c>
      <c r="GL35" s="326">
        <v>0</v>
      </c>
      <c r="GM35" s="326">
        <v>0</v>
      </c>
      <c r="GN35" s="326">
        <v>0</v>
      </c>
      <c r="GO35" s="326">
        <v>0</v>
      </c>
      <c r="GP35" s="326">
        <v>0</v>
      </c>
      <c r="GQ35" s="327">
        <v>0</v>
      </c>
      <c r="GR35" s="329">
        <v>0</v>
      </c>
      <c r="GS35" s="325">
        <v>0</v>
      </c>
      <c r="GT35" s="326">
        <v>0</v>
      </c>
      <c r="GU35" s="327">
        <v>0</v>
      </c>
      <c r="GV35" s="325">
        <v>0</v>
      </c>
      <c r="GW35" s="326">
        <v>0</v>
      </c>
      <c r="GX35" s="326">
        <v>0</v>
      </c>
      <c r="GY35" s="326">
        <v>0</v>
      </c>
      <c r="GZ35" s="326">
        <v>0</v>
      </c>
      <c r="HA35" s="326">
        <v>0</v>
      </c>
      <c r="HB35" s="330">
        <v>0</v>
      </c>
      <c r="HC35" s="329">
        <v>0</v>
      </c>
      <c r="HD35" s="325">
        <v>0</v>
      </c>
      <c r="HE35" s="326">
        <v>0</v>
      </c>
      <c r="HF35" s="330">
        <v>0</v>
      </c>
      <c r="HG35" s="331">
        <v>0</v>
      </c>
      <c r="HH35" s="326">
        <v>140206</v>
      </c>
      <c r="HI35" s="326">
        <v>165472</v>
      </c>
      <c r="HJ35" s="326">
        <v>339150</v>
      </c>
      <c r="HK35" s="326">
        <v>0</v>
      </c>
      <c r="HL35" s="326">
        <v>0</v>
      </c>
      <c r="HM35" s="327">
        <v>644828</v>
      </c>
      <c r="HN35" s="328">
        <v>644828</v>
      </c>
      <c r="HO35" s="332">
        <v>0</v>
      </c>
      <c r="HP35" s="326">
        <v>0</v>
      </c>
      <c r="HQ35" s="327">
        <v>0</v>
      </c>
      <c r="HR35" s="325">
        <v>0</v>
      </c>
      <c r="HS35" s="326">
        <v>0</v>
      </c>
      <c r="HT35" s="326">
        <v>0</v>
      </c>
      <c r="HU35" s="326">
        <v>0</v>
      </c>
      <c r="HV35" s="326">
        <v>0</v>
      </c>
      <c r="HW35" s="326">
        <v>0</v>
      </c>
      <c r="HX35" s="330">
        <v>0</v>
      </c>
      <c r="HY35" s="329">
        <v>0</v>
      </c>
      <c r="HZ35" s="334">
        <v>0</v>
      </c>
      <c r="IA35" s="335">
        <v>0</v>
      </c>
      <c r="IB35" s="336">
        <v>0</v>
      </c>
      <c r="IC35" s="337">
        <v>0</v>
      </c>
      <c r="ID35" s="335">
        <v>0</v>
      </c>
      <c r="IE35" s="338">
        <v>37674</v>
      </c>
      <c r="IF35" s="336">
        <v>0</v>
      </c>
      <c r="IG35" s="335">
        <v>156758</v>
      </c>
      <c r="IH35" s="336">
        <v>0</v>
      </c>
      <c r="II35" s="339">
        <v>194432</v>
      </c>
      <c r="IJ35" s="340">
        <v>194432</v>
      </c>
      <c r="IK35" s="341">
        <v>0</v>
      </c>
      <c r="IL35" s="342">
        <v>0</v>
      </c>
      <c r="IM35" s="343">
        <v>0</v>
      </c>
      <c r="IN35" s="403">
        <v>0</v>
      </c>
      <c r="IO35" s="344">
        <v>0</v>
      </c>
      <c r="IP35" s="344">
        <v>0</v>
      </c>
      <c r="IQ35" s="344">
        <v>0</v>
      </c>
      <c r="IR35" s="344">
        <v>0</v>
      </c>
      <c r="IS35" s="344">
        <v>0</v>
      </c>
      <c r="IT35" s="345">
        <v>0</v>
      </c>
      <c r="IU35" s="346">
        <v>0</v>
      </c>
      <c r="IV35" s="347">
        <v>0</v>
      </c>
      <c r="IW35" s="344">
        <v>0</v>
      </c>
      <c r="IX35" s="348">
        <v>0</v>
      </c>
      <c r="IY35" s="403">
        <v>0</v>
      </c>
      <c r="IZ35" s="344">
        <v>0</v>
      </c>
      <c r="JA35" s="344">
        <v>0</v>
      </c>
      <c r="JB35" s="344">
        <v>0</v>
      </c>
      <c r="JC35" s="344">
        <v>0</v>
      </c>
      <c r="JD35" s="344">
        <v>0</v>
      </c>
      <c r="JE35" s="348">
        <v>0</v>
      </c>
      <c r="JF35" s="349">
        <v>0</v>
      </c>
      <c r="JG35" s="347">
        <v>0</v>
      </c>
      <c r="JH35" s="344">
        <v>0</v>
      </c>
      <c r="JI35" s="345">
        <v>0</v>
      </c>
      <c r="JJ35" s="350">
        <v>0</v>
      </c>
      <c r="JK35" s="344">
        <v>0</v>
      </c>
      <c r="JL35" s="344">
        <v>0</v>
      </c>
      <c r="JM35" s="344">
        <v>0</v>
      </c>
      <c r="JN35" s="344">
        <v>156758</v>
      </c>
      <c r="JO35" s="344">
        <v>0</v>
      </c>
      <c r="JP35" s="348">
        <v>156758</v>
      </c>
      <c r="JQ35" s="346">
        <v>156758</v>
      </c>
      <c r="JR35" s="347">
        <v>0</v>
      </c>
      <c r="JS35" s="344">
        <v>0</v>
      </c>
      <c r="JT35" s="345">
        <v>0</v>
      </c>
      <c r="JU35" s="350">
        <v>0</v>
      </c>
      <c r="JV35" s="344">
        <v>0</v>
      </c>
      <c r="JW35" s="344">
        <v>37674</v>
      </c>
      <c r="JX35" s="344">
        <v>0</v>
      </c>
      <c r="JY35" s="344">
        <v>0</v>
      </c>
      <c r="JZ35" s="344">
        <v>0</v>
      </c>
      <c r="KA35" s="348">
        <v>37674</v>
      </c>
      <c r="KB35" s="346">
        <v>37674</v>
      </c>
      <c r="KC35" s="351">
        <v>0</v>
      </c>
      <c r="KD35" s="352">
        <v>0</v>
      </c>
      <c r="KE35" s="348">
        <v>0</v>
      </c>
      <c r="KF35" s="350">
        <v>0</v>
      </c>
      <c r="KG35" s="344">
        <v>0</v>
      </c>
      <c r="KH35" s="344">
        <v>0</v>
      </c>
      <c r="KI35" s="344">
        <v>0</v>
      </c>
      <c r="KJ35" s="344">
        <v>0</v>
      </c>
      <c r="KK35" s="344">
        <v>0</v>
      </c>
      <c r="KL35" s="348">
        <v>0</v>
      </c>
      <c r="KM35" s="353">
        <v>0</v>
      </c>
      <c r="KN35" s="341">
        <v>0</v>
      </c>
      <c r="KO35" s="342">
        <v>0</v>
      </c>
      <c r="KP35" s="343">
        <v>0</v>
      </c>
      <c r="KQ35" s="403">
        <v>0</v>
      </c>
      <c r="KR35" s="344">
        <v>0</v>
      </c>
      <c r="KS35" s="344">
        <v>0</v>
      </c>
      <c r="KT35" s="344">
        <v>0</v>
      </c>
      <c r="KU35" s="344">
        <v>0</v>
      </c>
      <c r="KV35" s="344">
        <v>0</v>
      </c>
      <c r="KW35" s="348">
        <v>0</v>
      </c>
      <c r="KX35" s="346">
        <v>0</v>
      </c>
      <c r="KY35" s="347">
        <v>0</v>
      </c>
      <c r="KZ35" s="344">
        <v>0</v>
      </c>
      <c r="LA35" s="348">
        <v>0</v>
      </c>
      <c r="LB35" s="403">
        <v>0</v>
      </c>
      <c r="LC35" s="344">
        <v>0</v>
      </c>
      <c r="LD35" s="344">
        <v>0</v>
      </c>
      <c r="LE35" s="344">
        <v>0</v>
      </c>
      <c r="LF35" s="344">
        <v>0</v>
      </c>
      <c r="LG35" s="344">
        <v>0</v>
      </c>
      <c r="LH35" s="348">
        <v>0</v>
      </c>
      <c r="LI35" s="349">
        <v>0</v>
      </c>
      <c r="LJ35" s="347">
        <v>0</v>
      </c>
      <c r="LK35" s="344">
        <v>0</v>
      </c>
      <c r="LL35" s="348">
        <v>0</v>
      </c>
      <c r="LM35" s="403">
        <v>0</v>
      </c>
      <c r="LN35" s="344">
        <v>0</v>
      </c>
      <c r="LO35" s="344">
        <v>0</v>
      </c>
      <c r="LP35" s="344">
        <v>0</v>
      </c>
      <c r="LQ35" s="344">
        <v>0</v>
      </c>
      <c r="LR35" s="344">
        <v>0</v>
      </c>
      <c r="LS35" s="348">
        <v>0</v>
      </c>
      <c r="LT35" s="346">
        <v>0</v>
      </c>
      <c r="LU35" s="347">
        <v>0</v>
      </c>
      <c r="LV35" s="344">
        <v>0</v>
      </c>
      <c r="LW35" s="348">
        <v>0</v>
      </c>
      <c r="LX35" s="403">
        <v>0</v>
      </c>
      <c r="LY35" s="344">
        <v>0</v>
      </c>
      <c r="LZ35" s="344">
        <v>0</v>
      </c>
      <c r="MA35" s="344">
        <v>0</v>
      </c>
      <c r="MB35" s="344">
        <v>0</v>
      </c>
      <c r="MC35" s="344">
        <v>0</v>
      </c>
      <c r="MD35" s="348">
        <v>0</v>
      </c>
      <c r="ME35" s="349">
        <v>0</v>
      </c>
      <c r="MF35" s="347">
        <v>0</v>
      </c>
      <c r="MG35" s="344">
        <v>0</v>
      </c>
      <c r="MH35" s="348">
        <v>0</v>
      </c>
      <c r="MI35" s="403">
        <v>0</v>
      </c>
      <c r="MJ35" s="344">
        <v>0</v>
      </c>
      <c r="MK35" s="344">
        <v>0</v>
      </c>
      <c r="ML35" s="344">
        <v>213563</v>
      </c>
      <c r="MM35" s="344">
        <v>0</v>
      </c>
      <c r="MN35" s="344">
        <v>246302</v>
      </c>
      <c r="MO35" s="348">
        <v>459865</v>
      </c>
      <c r="MP35" s="353">
        <v>459865</v>
      </c>
      <c r="MQ35" s="347">
        <v>0</v>
      </c>
      <c r="MR35" s="344">
        <v>0</v>
      </c>
      <c r="MS35" s="348">
        <v>0</v>
      </c>
      <c r="MT35" s="403">
        <v>0</v>
      </c>
      <c r="MU35" s="344">
        <v>0</v>
      </c>
      <c r="MV35" s="344">
        <v>0</v>
      </c>
      <c r="MW35" s="344">
        <v>213563</v>
      </c>
      <c r="MX35" s="344">
        <v>0</v>
      </c>
      <c r="MY35" s="344">
        <v>246302</v>
      </c>
      <c r="MZ35" s="348">
        <v>459865</v>
      </c>
      <c r="NA35" s="353">
        <v>459865</v>
      </c>
      <c r="NB35" s="347">
        <v>0</v>
      </c>
      <c r="NC35" s="344">
        <v>0</v>
      </c>
      <c r="ND35" s="348">
        <v>0</v>
      </c>
      <c r="NE35" s="403">
        <v>0</v>
      </c>
      <c r="NF35" s="344">
        <v>0</v>
      </c>
      <c r="NG35" s="344">
        <v>0</v>
      </c>
      <c r="NH35" s="344">
        <v>0</v>
      </c>
      <c r="NI35" s="344">
        <v>0</v>
      </c>
      <c r="NJ35" s="344">
        <v>0</v>
      </c>
      <c r="NK35" s="348">
        <v>0</v>
      </c>
      <c r="NL35" s="346">
        <v>0</v>
      </c>
      <c r="NM35" s="347">
        <v>0</v>
      </c>
      <c r="NN35" s="344">
        <v>0</v>
      </c>
      <c r="NO35" s="348">
        <v>0</v>
      </c>
      <c r="NP35" s="403">
        <v>0</v>
      </c>
      <c r="NQ35" s="344">
        <v>0</v>
      </c>
      <c r="NR35" s="344">
        <v>0</v>
      </c>
      <c r="NS35" s="344">
        <v>0</v>
      </c>
      <c r="NT35" s="344">
        <v>0</v>
      </c>
      <c r="NU35" s="344">
        <v>0</v>
      </c>
      <c r="NV35" s="348">
        <v>0</v>
      </c>
      <c r="NW35" s="349">
        <v>0</v>
      </c>
      <c r="NX35" s="347">
        <v>0</v>
      </c>
      <c r="NY35" s="344">
        <v>0</v>
      </c>
      <c r="NZ35" s="348">
        <v>0</v>
      </c>
      <c r="OA35" s="403">
        <v>0</v>
      </c>
      <c r="OB35" s="344">
        <v>0</v>
      </c>
      <c r="OC35" s="344">
        <v>0</v>
      </c>
      <c r="OD35" s="344">
        <v>0</v>
      </c>
      <c r="OE35" s="344">
        <v>0</v>
      </c>
      <c r="OF35" s="344">
        <v>0</v>
      </c>
      <c r="OG35" s="348">
        <v>0</v>
      </c>
      <c r="OH35" s="349">
        <v>0</v>
      </c>
      <c r="OI35" s="347">
        <v>10290</v>
      </c>
      <c r="OJ35" s="344">
        <v>0</v>
      </c>
      <c r="OK35" s="345">
        <v>10290</v>
      </c>
      <c r="OL35" s="350">
        <v>0</v>
      </c>
      <c r="OM35" s="344">
        <v>431657</v>
      </c>
      <c r="ON35" s="344">
        <v>405820</v>
      </c>
      <c r="OO35" s="344">
        <v>807779</v>
      </c>
      <c r="OP35" s="344">
        <v>549709</v>
      </c>
      <c r="OQ35" s="344">
        <v>246302</v>
      </c>
      <c r="OR35" s="348">
        <v>2441267</v>
      </c>
      <c r="OS35" s="353">
        <v>2451557</v>
      </c>
    </row>
    <row r="36" spans="2:409" s="70" customFormat="1" ht="21" customHeight="1" x14ac:dyDescent="0.2">
      <c r="B36" s="409" t="s">
        <v>31</v>
      </c>
      <c r="C36" s="325">
        <v>2380</v>
      </c>
      <c r="D36" s="326">
        <v>83697</v>
      </c>
      <c r="E36" s="327">
        <v>86077</v>
      </c>
      <c r="F36" s="328">
        <v>0</v>
      </c>
      <c r="G36" s="326">
        <v>182519</v>
      </c>
      <c r="H36" s="326">
        <v>235658</v>
      </c>
      <c r="I36" s="326">
        <v>525271</v>
      </c>
      <c r="J36" s="326">
        <v>0</v>
      </c>
      <c r="K36" s="326">
        <v>182343</v>
      </c>
      <c r="L36" s="366">
        <v>1125791</v>
      </c>
      <c r="M36" s="329">
        <v>1211868</v>
      </c>
      <c r="N36" s="325">
        <v>0</v>
      </c>
      <c r="O36" s="326">
        <v>0</v>
      </c>
      <c r="P36" s="327">
        <v>0</v>
      </c>
      <c r="Q36" s="325">
        <v>0</v>
      </c>
      <c r="R36" s="326">
        <v>83619</v>
      </c>
      <c r="S36" s="326">
        <v>2387</v>
      </c>
      <c r="T36" s="326">
        <v>80759</v>
      </c>
      <c r="U36" s="326">
        <v>0</v>
      </c>
      <c r="V36" s="326">
        <v>151193</v>
      </c>
      <c r="W36" s="327">
        <v>317958</v>
      </c>
      <c r="X36" s="329">
        <v>317958</v>
      </c>
      <c r="Y36" s="325">
        <v>0</v>
      </c>
      <c r="Z36" s="326">
        <v>0</v>
      </c>
      <c r="AA36" s="327">
        <v>0</v>
      </c>
      <c r="AB36" s="325">
        <v>0</v>
      </c>
      <c r="AC36" s="326">
        <v>11109</v>
      </c>
      <c r="AD36" s="326">
        <v>0</v>
      </c>
      <c r="AE36" s="326">
        <v>0</v>
      </c>
      <c r="AF36" s="326">
        <v>0</v>
      </c>
      <c r="AG36" s="326">
        <v>0</v>
      </c>
      <c r="AH36" s="327">
        <v>11109</v>
      </c>
      <c r="AI36" s="329">
        <v>11109</v>
      </c>
      <c r="AJ36" s="325">
        <v>0</v>
      </c>
      <c r="AK36" s="326">
        <v>0</v>
      </c>
      <c r="AL36" s="327">
        <v>0</v>
      </c>
      <c r="AM36" s="325">
        <v>0</v>
      </c>
      <c r="AN36" s="326">
        <v>0</v>
      </c>
      <c r="AO36" s="326">
        <v>0</v>
      </c>
      <c r="AP36" s="326">
        <v>0</v>
      </c>
      <c r="AQ36" s="326">
        <v>0</v>
      </c>
      <c r="AR36" s="326">
        <v>86051</v>
      </c>
      <c r="AS36" s="327">
        <v>86051</v>
      </c>
      <c r="AT36" s="329">
        <v>86051</v>
      </c>
      <c r="AU36" s="325">
        <v>0</v>
      </c>
      <c r="AV36" s="326">
        <v>0</v>
      </c>
      <c r="AW36" s="327">
        <v>0</v>
      </c>
      <c r="AX36" s="325">
        <v>0</v>
      </c>
      <c r="AY36" s="326">
        <v>72510</v>
      </c>
      <c r="AZ36" s="326">
        <v>0</v>
      </c>
      <c r="BA36" s="326">
        <v>80759</v>
      </c>
      <c r="BB36" s="326">
        <v>0</v>
      </c>
      <c r="BC36" s="326">
        <v>65142</v>
      </c>
      <c r="BD36" s="327">
        <v>218411</v>
      </c>
      <c r="BE36" s="329">
        <v>218411</v>
      </c>
      <c r="BF36" s="325">
        <v>0</v>
      </c>
      <c r="BG36" s="326">
        <v>0</v>
      </c>
      <c r="BH36" s="330">
        <v>0</v>
      </c>
      <c r="BI36" s="331">
        <v>0</v>
      </c>
      <c r="BJ36" s="326">
        <v>0</v>
      </c>
      <c r="BK36" s="326">
        <v>0</v>
      </c>
      <c r="BL36" s="326">
        <v>0</v>
      </c>
      <c r="BM36" s="326">
        <v>0</v>
      </c>
      <c r="BN36" s="326">
        <v>0</v>
      </c>
      <c r="BO36" s="327">
        <v>0</v>
      </c>
      <c r="BP36" s="329">
        <v>0</v>
      </c>
      <c r="BQ36" s="325">
        <v>0</v>
      </c>
      <c r="BR36" s="326">
        <v>0</v>
      </c>
      <c r="BS36" s="327">
        <v>0</v>
      </c>
      <c r="BT36" s="325">
        <v>0</v>
      </c>
      <c r="BU36" s="326">
        <v>0</v>
      </c>
      <c r="BV36" s="326">
        <v>2387</v>
      </c>
      <c r="BW36" s="326">
        <v>0</v>
      </c>
      <c r="BX36" s="326">
        <v>0</v>
      </c>
      <c r="BY36" s="326">
        <v>0</v>
      </c>
      <c r="BZ36" s="327">
        <v>2387</v>
      </c>
      <c r="CA36" s="329">
        <v>2387</v>
      </c>
      <c r="CB36" s="325">
        <v>0</v>
      </c>
      <c r="CC36" s="326">
        <v>32597</v>
      </c>
      <c r="CD36" s="327">
        <v>32597</v>
      </c>
      <c r="CE36" s="325">
        <v>0</v>
      </c>
      <c r="CF36" s="326">
        <v>91900</v>
      </c>
      <c r="CG36" s="326">
        <v>207175</v>
      </c>
      <c r="CH36" s="326">
        <v>405557</v>
      </c>
      <c r="CI36" s="326">
        <v>0</v>
      </c>
      <c r="CJ36" s="326">
        <v>0</v>
      </c>
      <c r="CK36" s="327">
        <v>704632</v>
      </c>
      <c r="CL36" s="329">
        <v>737229</v>
      </c>
      <c r="CM36" s="325">
        <v>0</v>
      </c>
      <c r="CN36" s="326">
        <v>0</v>
      </c>
      <c r="CO36" s="327">
        <v>0</v>
      </c>
      <c r="CP36" s="331">
        <v>0</v>
      </c>
      <c r="CQ36" s="326">
        <v>57750</v>
      </c>
      <c r="CR36" s="326">
        <v>207175</v>
      </c>
      <c r="CS36" s="326">
        <v>251263</v>
      </c>
      <c r="CT36" s="326">
        <v>0</v>
      </c>
      <c r="CU36" s="326">
        <v>0</v>
      </c>
      <c r="CV36" s="327">
        <v>516188</v>
      </c>
      <c r="CW36" s="329">
        <v>516188</v>
      </c>
      <c r="CX36" s="325">
        <v>0</v>
      </c>
      <c r="CY36" s="326">
        <v>32597</v>
      </c>
      <c r="CZ36" s="327">
        <v>32597</v>
      </c>
      <c r="DA36" s="325">
        <v>0</v>
      </c>
      <c r="DB36" s="326">
        <v>34150</v>
      </c>
      <c r="DC36" s="326">
        <v>0</v>
      </c>
      <c r="DD36" s="326">
        <v>154294</v>
      </c>
      <c r="DE36" s="326">
        <v>0</v>
      </c>
      <c r="DF36" s="326">
        <v>0</v>
      </c>
      <c r="DG36" s="327">
        <v>188444</v>
      </c>
      <c r="DH36" s="329">
        <v>221041</v>
      </c>
      <c r="DI36" s="325">
        <v>0</v>
      </c>
      <c r="DJ36" s="326">
        <v>0</v>
      </c>
      <c r="DK36" s="330">
        <v>0</v>
      </c>
      <c r="DL36" s="331">
        <v>0</v>
      </c>
      <c r="DM36" s="326">
        <v>0</v>
      </c>
      <c r="DN36" s="326">
        <v>0</v>
      </c>
      <c r="DO36" s="326">
        <v>0</v>
      </c>
      <c r="DP36" s="326">
        <v>0</v>
      </c>
      <c r="DQ36" s="326">
        <v>0</v>
      </c>
      <c r="DR36" s="327">
        <v>0</v>
      </c>
      <c r="DS36" s="329">
        <v>0</v>
      </c>
      <c r="DT36" s="325">
        <v>0</v>
      </c>
      <c r="DU36" s="326">
        <v>0</v>
      </c>
      <c r="DV36" s="327">
        <v>0</v>
      </c>
      <c r="DW36" s="325">
        <v>0</v>
      </c>
      <c r="DX36" s="326">
        <v>0</v>
      </c>
      <c r="DY36" s="326">
        <v>0</v>
      </c>
      <c r="DZ36" s="326">
        <v>0</v>
      </c>
      <c r="EA36" s="326">
        <v>0</v>
      </c>
      <c r="EB36" s="326">
        <v>0</v>
      </c>
      <c r="EC36" s="327">
        <v>0</v>
      </c>
      <c r="ED36" s="329">
        <v>0</v>
      </c>
      <c r="EE36" s="325">
        <v>0</v>
      </c>
      <c r="EF36" s="330">
        <v>0</v>
      </c>
      <c r="EG36" s="327">
        <v>0</v>
      </c>
      <c r="EH36" s="325">
        <v>0</v>
      </c>
      <c r="EI36" s="326">
        <v>0</v>
      </c>
      <c r="EJ36" s="326">
        <v>0</v>
      </c>
      <c r="EK36" s="326">
        <v>0</v>
      </c>
      <c r="EL36" s="326">
        <v>0</v>
      </c>
      <c r="EM36" s="326">
        <v>0</v>
      </c>
      <c r="EN36" s="330">
        <v>0</v>
      </c>
      <c r="EO36" s="329">
        <v>0</v>
      </c>
      <c r="EP36" s="325">
        <v>0</v>
      </c>
      <c r="EQ36" s="326">
        <v>0</v>
      </c>
      <c r="ER36" s="330">
        <v>0</v>
      </c>
      <c r="ES36" s="331">
        <v>0</v>
      </c>
      <c r="ET36" s="326">
        <v>0</v>
      </c>
      <c r="EU36" s="326">
        <v>0</v>
      </c>
      <c r="EV36" s="326">
        <v>0</v>
      </c>
      <c r="EW36" s="326">
        <v>0</v>
      </c>
      <c r="EX36" s="326">
        <v>0</v>
      </c>
      <c r="EY36" s="327">
        <v>0</v>
      </c>
      <c r="EZ36" s="329">
        <v>0</v>
      </c>
      <c r="FA36" s="325">
        <v>0</v>
      </c>
      <c r="FB36" s="326">
        <v>0</v>
      </c>
      <c r="FC36" s="330">
        <v>0</v>
      </c>
      <c r="FD36" s="403">
        <v>0</v>
      </c>
      <c r="FE36" s="326">
        <v>0</v>
      </c>
      <c r="FF36" s="326">
        <v>0</v>
      </c>
      <c r="FG36" s="326">
        <v>0</v>
      </c>
      <c r="FH36" s="326">
        <v>0</v>
      </c>
      <c r="FI36" s="326">
        <v>0</v>
      </c>
      <c r="FJ36" s="327">
        <v>0</v>
      </c>
      <c r="FK36" s="329">
        <v>0</v>
      </c>
      <c r="FL36" s="325">
        <v>2380</v>
      </c>
      <c r="FM36" s="326">
        <v>51100</v>
      </c>
      <c r="FN36" s="327">
        <v>53480</v>
      </c>
      <c r="FO36" s="325">
        <v>0</v>
      </c>
      <c r="FP36" s="326">
        <v>7000</v>
      </c>
      <c r="FQ36" s="326">
        <v>6300</v>
      </c>
      <c r="FR36" s="326">
        <v>38955</v>
      </c>
      <c r="FS36" s="326">
        <v>0</v>
      </c>
      <c r="FT36" s="326">
        <v>31150</v>
      </c>
      <c r="FU36" s="327">
        <v>83405</v>
      </c>
      <c r="FV36" s="329">
        <v>136885</v>
      </c>
      <c r="FW36" s="332">
        <v>2380</v>
      </c>
      <c r="FX36" s="326">
        <v>2100</v>
      </c>
      <c r="FY36" s="330">
        <v>4480</v>
      </c>
      <c r="FZ36" s="331">
        <v>0</v>
      </c>
      <c r="GA36" s="326">
        <v>7000</v>
      </c>
      <c r="GB36" s="326">
        <v>6300</v>
      </c>
      <c r="GC36" s="326">
        <v>38955</v>
      </c>
      <c r="GD36" s="326">
        <v>0</v>
      </c>
      <c r="GE36" s="326">
        <v>31150</v>
      </c>
      <c r="GF36" s="327">
        <v>83405</v>
      </c>
      <c r="GG36" s="333">
        <v>87885</v>
      </c>
      <c r="GH36" s="332">
        <v>0</v>
      </c>
      <c r="GI36" s="326">
        <v>0</v>
      </c>
      <c r="GJ36" s="330">
        <v>0</v>
      </c>
      <c r="GK36" s="331">
        <v>0</v>
      </c>
      <c r="GL36" s="326">
        <v>0</v>
      </c>
      <c r="GM36" s="326">
        <v>0</v>
      </c>
      <c r="GN36" s="326">
        <v>0</v>
      </c>
      <c r="GO36" s="326">
        <v>0</v>
      </c>
      <c r="GP36" s="326">
        <v>0</v>
      </c>
      <c r="GQ36" s="327">
        <v>0</v>
      </c>
      <c r="GR36" s="329">
        <v>0</v>
      </c>
      <c r="GS36" s="325">
        <v>0</v>
      </c>
      <c r="GT36" s="326">
        <v>49000</v>
      </c>
      <c r="GU36" s="327">
        <v>49000</v>
      </c>
      <c r="GV36" s="325">
        <v>0</v>
      </c>
      <c r="GW36" s="326">
        <v>0</v>
      </c>
      <c r="GX36" s="326">
        <v>0</v>
      </c>
      <c r="GY36" s="326">
        <v>0</v>
      </c>
      <c r="GZ36" s="326">
        <v>0</v>
      </c>
      <c r="HA36" s="326">
        <v>0</v>
      </c>
      <c r="HB36" s="330">
        <v>0</v>
      </c>
      <c r="HC36" s="329">
        <v>49000</v>
      </c>
      <c r="HD36" s="325">
        <v>0</v>
      </c>
      <c r="HE36" s="326">
        <v>0</v>
      </c>
      <c r="HF36" s="330">
        <v>0</v>
      </c>
      <c r="HG36" s="331">
        <v>0</v>
      </c>
      <c r="HH36" s="326">
        <v>0</v>
      </c>
      <c r="HI36" s="326">
        <v>19796</v>
      </c>
      <c r="HJ36" s="326">
        <v>0</v>
      </c>
      <c r="HK36" s="326">
        <v>0</v>
      </c>
      <c r="HL36" s="326">
        <v>0</v>
      </c>
      <c r="HM36" s="327">
        <v>19796</v>
      </c>
      <c r="HN36" s="328">
        <v>19796</v>
      </c>
      <c r="HO36" s="332">
        <v>0</v>
      </c>
      <c r="HP36" s="326">
        <v>0</v>
      </c>
      <c r="HQ36" s="327">
        <v>0</v>
      </c>
      <c r="HR36" s="325">
        <v>0</v>
      </c>
      <c r="HS36" s="326">
        <v>0</v>
      </c>
      <c r="HT36" s="326">
        <v>0</v>
      </c>
      <c r="HU36" s="326">
        <v>0</v>
      </c>
      <c r="HV36" s="326">
        <v>0</v>
      </c>
      <c r="HW36" s="326">
        <v>0</v>
      </c>
      <c r="HX36" s="330">
        <v>0</v>
      </c>
      <c r="HY36" s="329">
        <v>0</v>
      </c>
      <c r="HZ36" s="357">
        <v>0</v>
      </c>
      <c r="IA36" s="355">
        <v>0</v>
      </c>
      <c r="IB36" s="357">
        <v>0</v>
      </c>
      <c r="IC36" s="354">
        <v>0</v>
      </c>
      <c r="ID36" s="355">
        <v>31861</v>
      </c>
      <c r="IE36" s="356">
        <v>103478</v>
      </c>
      <c r="IF36" s="357">
        <v>78869</v>
      </c>
      <c r="IG36" s="355">
        <v>0</v>
      </c>
      <c r="IH36" s="357">
        <v>0</v>
      </c>
      <c r="II36" s="358">
        <v>214208</v>
      </c>
      <c r="IJ36" s="357">
        <v>214208</v>
      </c>
      <c r="IK36" s="341">
        <v>0</v>
      </c>
      <c r="IL36" s="342">
        <v>0</v>
      </c>
      <c r="IM36" s="343">
        <v>0</v>
      </c>
      <c r="IN36" s="403">
        <v>0</v>
      </c>
      <c r="IO36" s="344">
        <v>0</v>
      </c>
      <c r="IP36" s="344">
        <v>-73073</v>
      </c>
      <c r="IQ36" s="344">
        <v>0</v>
      </c>
      <c r="IR36" s="344">
        <v>0</v>
      </c>
      <c r="IS36" s="344">
        <v>0</v>
      </c>
      <c r="IT36" s="345">
        <v>-73073</v>
      </c>
      <c r="IU36" s="346">
        <v>-73073</v>
      </c>
      <c r="IV36" s="347">
        <v>0</v>
      </c>
      <c r="IW36" s="344">
        <v>0</v>
      </c>
      <c r="IX36" s="348">
        <v>0</v>
      </c>
      <c r="IY36" s="403">
        <v>0</v>
      </c>
      <c r="IZ36" s="344">
        <v>0</v>
      </c>
      <c r="JA36" s="344">
        <v>0</v>
      </c>
      <c r="JB36" s="344">
        <v>0</v>
      </c>
      <c r="JC36" s="344">
        <v>0</v>
      </c>
      <c r="JD36" s="344">
        <v>0</v>
      </c>
      <c r="JE36" s="348">
        <v>0</v>
      </c>
      <c r="JF36" s="349">
        <v>0</v>
      </c>
      <c r="JG36" s="347">
        <v>0</v>
      </c>
      <c r="JH36" s="344">
        <v>0</v>
      </c>
      <c r="JI36" s="345">
        <v>0</v>
      </c>
      <c r="JJ36" s="350">
        <v>0</v>
      </c>
      <c r="JK36" s="344">
        <v>31861</v>
      </c>
      <c r="JL36" s="344">
        <v>23991</v>
      </c>
      <c r="JM36" s="344">
        <v>78869</v>
      </c>
      <c r="JN36" s="344">
        <v>0</v>
      </c>
      <c r="JO36" s="344">
        <v>0</v>
      </c>
      <c r="JP36" s="348">
        <v>134721</v>
      </c>
      <c r="JQ36" s="346">
        <v>134721</v>
      </c>
      <c r="JR36" s="347">
        <v>0</v>
      </c>
      <c r="JS36" s="344">
        <v>0</v>
      </c>
      <c r="JT36" s="345">
        <v>0</v>
      </c>
      <c r="JU36" s="350">
        <v>0</v>
      </c>
      <c r="JV36" s="344">
        <v>0</v>
      </c>
      <c r="JW36" s="344">
        <v>0</v>
      </c>
      <c r="JX36" s="344">
        <v>0</v>
      </c>
      <c r="JY36" s="344">
        <v>0</v>
      </c>
      <c r="JZ36" s="344">
        <v>0</v>
      </c>
      <c r="KA36" s="348">
        <v>0</v>
      </c>
      <c r="KB36" s="346">
        <v>0</v>
      </c>
      <c r="KC36" s="351">
        <v>0</v>
      </c>
      <c r="KD36" s="352">
        <v>0</v>
      </c>
      <c r="KE36" s="348">
        <v>0</v>
      </c>
      <c r="KF36" s="350">
        <v>0</v>
      </c>
      <c r="KG36" s="344">
        <v>0</v>
      </c>
      <c r="KH36" s="344">
        <v>152560</v>
      </c>
      <c r="KI36" s="344">
        <v>0</v>
      </c>
      <c r="KJ36" s="344">
        <v>0</v>
      </c>
      <c r="KK36" s="344">
        <v>0</v>
      </c>
      <c r="KL36" s="348">
        <v>152560</v>
      </c>
      <c r="KM36" s="353">
        <v>152560</v>
      </c>
      <c r="KN36" s="341">
        <v>0</v>
      </c>
      <c r="KO36" s="342">
        <v>0</v>
      </c>
      <c r="KP36" s="343">
        <v>0</v>
      </c>
      <c r="KQ36" s="403">
        <v>0</v>
      </c>
      <c r="KR36" s="344">
        <v>0</v>
      </c>
      <c r="KS36" s="344">
        <v>0</v>
      </c>
      <c r="KT36" s="344">
        <v>0</v>
      </c>
      <c r="KU36" s="344">
        <v>0</v>
      </c>
      <c r="KV36" s="344">
        <v>0</v>
      </c>
      <c r="KW36" s="348">
        <v>0</v>
      </c>
      <c r="KX36" s="346">
        <v>0</v>
      </c>
      <c r="KY36" s="347">
        <v>0</v>
      </c>
      <c r="KZ36" s="344">
        <v>0</v>
      </c>
      <c r="LA36" s="348">
        <v>0</v>
      </c>
      <c r="LB36" s="403">
        <v>0</v>
      </c>
      <c r="LC36" s="344">
        <v>0</v>
      </c>
      <c r="LD36" s="344">
        <v>0</v>
      </c>
      <c r="LE36" s="344">
        <v>0</v>
      </c>
      <c r="LF36" s="344">
        <v>0</v>
      </c>
      <c r="LG36" s="344">
        <v>0</v>
      </c>
      <c r="LH36" s="348">
        <v>0</v>
      </c>
      <c r="LI36" s="349">
        <v>0</v>
      </c>
      <c r="LJ36" s="347">
        <v>0</v>
      </c>
      <c r="LK36" s="344">
        <v>0</v>
      </c>
      <c r="LL36" s="348">
        <v>0</v>
      </c>
      <c r="LM36" s="403">
        <v>0</v>
      </c>
      <c r="LN36" s="344">
        <v>0</v>
      </c>
      <c r="LO36" s="344">
        <v>0</v>
      </c>
      <c r="LP36" s="344">
        <v>0</v>
      </c>
      <c r="LQ36" s="344">
        <v>0</v>
      </c>
      <c r="LR36" s="344">
        <v>0</v>
      </c>
      <c r="LS36" s="348">
        <v>0</v>
      </c>
      <c r="LT36" s="346">
        <v>0</v>
      </c>
      <c r="LU36" s="347">
        <v>0</v>
      </c>
      <c r="LV36" s="344">
        <v>0</v>
      </c>
      <c r="LW36" s="348">
        <v>0</v>
      </c>
      <c r="LX36" s="403">
        <v>0</v>
      </c>
      <c r="LY36" s="344">
        <v>0</v>
      </c>
      <c r="LZ36" s="344">
        <v>0</v>
      </c>
      <c r="MA36" s="344">
        <v>0</v>
      </c>
      <c r="MB36" s="344">
        <v>0</v>
      </c>
      <c r="MC36" s="344">
        <v>0</v>
      </c>
      <c r="MD36" s="348">
        <v>0</v>
      </c>
      <c r="ME36" s="349">
        <v>0</v>
      </c>
      <c r="MF36" s="347">
        <v>0</v>
      </c>
      <c r="MG36" s="344">
        <v>0</v>
      </c>
      <c r="MH36" s="348">
        <v>0</v>
      </c>
      <c r="MI36" s="403">
        <v>0</v>
      </c>
      <c r="MJ36" s="344">
        <v>0</v>
      </c>
      <c r="MK36" s="344">
        <v>0</v>
      </c>
      <c r="ML36" s="344">
        <v>871829</v>
      </c>
      <c r="MM36" s="344">
        <v>0</v>
      </c>
      <c r="MN36" s="344">
        <v>230076</v>
      </c>
      <c r="MO36" s="348">
        <v>1101905</v>
      </c>
      <c r="MP36" s="353">
        <v>1101905</v>
      </c>
      <c r="MQ36" s="347">
        <v>0</v>
      </c>
      <c r="MR36" s="344">
        <v>0</v>
      </c>
      <c r="MS36" s="348">
        <v>0</v>
      </c>
      <c r="MT36" s="403">
        <v>0</v>
      </c>
      <c r="MU36" s="344">
        <v>0</v>
      </c>
      <c r="MV36" s="344">
        <v>0</v>
      </c>
      <c r="MW36" s="344">
        <v>206075</v>
      </c>
      <c r="MX36" s="344">
        <v>0</v>
      </c>
      <c r="MY36" s="344">
        <v>230076</v>
      </c>
      <c r="MZ36" s="348">
        <v>436151</v>
      </c>
      <c r="NA36" s="353">
        <v>436151</v>
      </c>
      <c r="NB36" s="347">
        <v>0</v>
      </c>
      <c r="NC36" s="344">
        <v>0</v>
      </c>
      <c r="ND36" s="348">
        <v>0</v>
      </c>
      <c r="NE36" s="403">
        <v>0</v>
      </c>
      <c r="NF36" s="344">
        <v>0</v>
      </c>
      <c r="NG36" s="344">
        <v>0</v>
      </c>
      <c r="NH36" s="344">
        <v>665754</v>
      </c>
      <c r="NI36" s="344">
        <v>0</v>
      </c>
      <c r="NJ36" s="344">
        <v>0</v>
      </c>
      <c r="NK36" s="348">
        <v>665754</v>
      </c>
      <c r="NL36" s="346">
        <v>665754</v>
      </c>
      <c r="NM36" s="347">
        <v>0</v>
      </c>
      <c r="NN36" s="344">
        <v>0</v>
      </c>
      <c r="NO36" s="348">
        <v>0</v>
      </c>
      <c r="NP36" s="403">
        <v>0</v>
      </c>
      <c r="NQ36" s="344">
        <v>0</v>
      </c>
      <c r="NR36" s="344">
        <v>0</v>
      </c>
      <c r="NS36" s="344">
        <v>0</v>
      </c>
      <c r="NT36" s="344">
        <v>0</v>
      </c>
      <c r="NU36" s="344">
        <v>0</v>
      </c>
      <c r="NV36" s="348">
        <v>0</v>
      </c>
      <c r="NW36" s="349">
        <v>0</v>
      </c>
      <c r="NX36" s="347">
        <v>0</v>
      </c>
      <c r="NY36" s="344">
        <v>0</v>
      </c>
      <c r="NZ36" s="348">
        <v>0</v>
      </c>
      <c r="OA36" s="403">
        <v>0</v>
      </c>
      <c r="OB36" s="344">
        <v>0</v>
      </c>
      <c r="OC36" s="344">
        <v>0</v>
      </c>
      <c r="OD36" s="344">
        <v>0</v>
      </c>
      <c r="OE36" s="344">
        <v>0</v>
      </c>
      <c r="OF36" s="344">
        <v>0</v>
      </c>
      <c r="OG36" s="348">
        <v>0</v>
      </c>
      <c r="OH36" s="349">
        <v>0</v>
      </c>
      <c r="OI36" s="347">
        <v>2380</v>
      </c>
      <c r="OJ36" s="344">
        <v>83697</v>
      </c>
      <c r="OK36" s="345">
        <v>86077</v>
      </c>
      <c r="OL36" s="350">
        <v>0</v>
      </c>
      <c r="OM36" s="344">
        <v>214380</v>
      </c>
      <c r="ON36" s="344">
        <v>339136</v>
      </c>
      <c r="OO36" s="344">
        <v>1475969</v>
      </c>
      <c r="OP36" s="344">
        <v>0</v>
      </c>
      <c r="OQ36" s="344">
        <v>412419</v>
      </c>
      <c r="OR36" s="348">
        <v>2441904</v>
      </c>
      <c r="OS36" s="353">
        <v>2527981</v>
      </c>
    </row>
    <row r="37" spans="2:409" s="70" customFormat="1" ht="21" customHeight="1" x14ac:dyDescent="0.2">
      <c r="B37" s="409" t="s">
        <v>32</v>
      </c>
      <c r="C37" s="325">
        <v>10920</v>
      </c>
      <c r="D37" s="326">
        <v>56924</v>
      </c>
      <c r="E37" s="367">
        <v>67844</v>
      </c>
      <c r="F37" s="369">
        <v>0</v>
      </c>
      <c r="G37" s="368">
        <v>355272</v>
      </c>
      <c r="H37" s="368">
        <v>567527</v>
      </c>
      <c r="I37" s="368">
        <v>481395</v>
      </c>
      <c r="J37" s="368">
        <v>510329</v>
      </c>
      <c r="K37" s="368">
        <v>683720</v>
      </c>
      <c r="L37" s="369">
        <v>2598243</v>
      </c>
      <c r="M37" s="329">
        <v>2666087</v>
      </c>
      <c r="N37" s="325">
        <v>0</v>
      </c>
      <c r="O37" s="326">
        <v>41874</v>
      </c>
      <c r="P37" s="327">
        <v>41874</v>
      </c>
      <c r="Q37" s="325">
        <v>0</v>
      </c>
      <c r="R37" s="326">
        <v>121107</v>
      </c>
      <c r="S37" s="326">
        <v>150661</v>
      </c>
      <c r="T37" s="326">
        <v>37555</v>
      </c>
      <c r="U37" s="326">
        <v>23870</v>
      </c>
      <c r="V37" s="326">
        <v>76734</v>
      </c>
      <c r="W37" s="327">
        <v>409927</v>
      </c>
      <c r="X37" s="329">
        <v>451801</v>
      </c>
      <c r="Y37" s="325">
        <v>0</v>
      </c>
      <c r="Z37" s="326">
        <v>0</v>
      </c>
      <c r="AA37" s="327">
        <v>0</v>
      </c>
      <c r="AB37" s="325">
        <v>0</v>
      </c>
      <c r="AC37" s="326">
        <v>35091</v>
      </c>
      <c r="AD37" s="326">
        <v>57155</v>
      </c>
      <c r="AE37" s="326">
        <v>10591</v>
      </c>
      <c r="AF37" s="326">
        <v>0</v>
      </c>
      <c r="AG37" s="326">
        <v>0</v>
      </c>
      <c r="AH37" s="327">
        <v>102837</v>
      </c>
      <c r="AI37" s="329">
        <v>102837</v>
      </c>
      <c r="AJ37" s="325">
        <v>0</v>
      </c>
      <c r="AK37" s="326">
        <v>0</v>
      </c>
      <c r="AL37" s="327">
        <v>0</v>
      </c>
      <c r="AM37" s="325">
        <v>0</v>
      </c>
      <c r="AN37" s="326">
        <v>0</v>
      </c>
      <c r="AO37" s="326">
        <v>0</v>
      </c>
      <c r="AP37" s="326">
        <v>0</v>
      </c>
      <c r="AQ37" s="326">
        <v>0</v>
      </c>
      <c r="AR37" s="326">
        <v>0</v>
      </c>
      <c r="AS37" s="327">
        <v>0</v>
      </c>
      <c r="AT37" s="329">
        <v>0</v>
      </c>
      <c r="AU37" s="325">
        <v>0</v>
      </c>
      <c r="AV37" s="326">
        <v>41874</v>
      </c>
      <c r="AW37" s="327">
        <v>41874</v>
      </c>
      <c r="AX37" s="325">
        <v>0</v>
      </c>
      <c r="AY37" s="326">
        <v>86016</v>
      </c>
      <c r="AZ37" s="326">
        <v>49392</v>
      </c>
      <c r="BA37" s="326">
        <v>0</v>
      </c>
      <c r="BB37" s="326">
        <v>0</v>
      </c>
      <c r="BC37" s="326">
        <v>52696</v>
      </c>
      <c r="BD37" s="327">
        <v>188104</v>
      </c>
      <c r="BE37" s="329">
        <v>229978</v>
      </c>
      <c r="BF37" s="325">
        <v>0</v>
      </c>
      <c r="BG37" s="326">
        <v>0</v>
      </c>
      <c r="BH37" s="330">
        <v>0</v>
      </c>
      <c r="BI37" s="331">
        <v>0</v>
      </c>
      <c r="BJ37" s="326">
        <v>0</v>
      </c>
      <c r="BK37" s="326">
        <v>20076</v>
      </c>
      <c r="BL37" s="326">
        <v>0</v>
      </c>
      <c r="BM37" s="326">
        <v>13384</v>
      </c>
      <c r="BN37" s="326">
        <v>0</v>
      </c>
      <c r="BO37" s="327">
        <v>33460</v>
      </c>
      <c r="BP37" s="329">
        <v>33460</v>
      </c>
      <c r="BQ37" s="325">
        <v>0</v>
      </c>
      <c r="BR37" s="326">
        <v>0</v>
      </c>
      <c r="BS37" s="327">
        <v>0</v>
      </c>
      <c r="BT37" s="325">
        <v>0</v>
      </c>
      <c r="BU37" s="326">
        <v>0</v>
      </c>
      <c r="BV37" s="326">
        <v>24038</v>
      </c>
      <c r="BW37" s="326">
        <v>26964</v>
      </c>
      <c r="BX37" s="326">
        <v>10486</v>
      </c>
      <c r="BY37" s="326">
        <v>24038</v>
      </c>
      <c r="BZ37" s="327">
        <v>85526</v>
      </c>
      <c r="CA37" s="329">
        <v>85526</v>
      </c>
      <c r="CB37" s="325">
        <v>0</v>
      </c>
      <c r="CC37" s="326">
        <v>0</v>
      </c>
      <c r="CD37" s="327">
        <v>0</v>
      </c>
      <c r="CE37" s="325">
        <v>0</v>
      </c>
      <c r="CF37" s="326">
        <v>53362</v>
      </c>
      <c r="CG37" s="326">
        <v>314365</v>
      </c>
      <c r="CH37" s="326">
        <v>230097</v>
      </c>
      <c r="CI37" s="326">
        <v>189347</v>
      </c>
      <c r="CJ37" s="326">
        <v>331984</v>
      </c>
      <c r="CK37" s="327">
        <v>1119155</v>
      </c>
      <c r="CL37" s="329">
        <v>1119155</v>
      </c>
      <c r="CM37" s="325">
        <v>0</v>
      </c>
      <c r="CN37" s="326">
        <v>0</v>
      </c>
      <c r="CO37" s="327">
        <v>0</v>
      </c>
      <c r="CP37" s="331">
        <v>0</v>
      </c>
      <c r="CQ37" s="326">
        <v>53362</v>
      </c>
      <c r="CR37" s="326">
        <v>236033</v>
      </c>
      <c r="CS37" s="326">
        <v>230097</v>
      </c>
      <c r="CT37" s="326">
        <v>124669</v>
      </c>
      <c r="CU37" s="326">
        <v>286365</v>
      </c>
      <c r="CV37" s="327">
        <v>930526</v>
      </c>
      <c r="CW37" s="329">
        <v>930526</v>
      </c>
      <c r="CX37" s="325">
        <v>0</v>
      </c>
      <c r="CY37" s="326">
        <v>0</v>
      </c>
      <c r="CZ37" s="327">
        <v>0</v>
      </c>
      <c r="DA37" s="325">
        <v>0</v>
      </c>
      <c r="DB37" s="326">
        <v>0</v>
      </c>
      <c r="DC37" s="326">
        <v>78332</v>
      </c>
      <c r="DD37" s="326">
        <v>0</v>
      </c>
      <c r="DE37" s="326">
        <v>64678</v>
      </c>
      <c r="DF37" s="326">
        <v>45619</v>
      </c>
      <c r="DG37" s="327">
        <v>188629</v>
      </c>
      <c r="DH37" s="329">
        <v>188629</v>
      </c>
      <c r="DI37" s="325">
        <v>0</v>
      </c>
      <c r="DJ37" s="326">
        <v>0</v>
      </c>
      <c r="DK37" s="330">
        <v>0</v>
      </c>
      <c r="DL37" s="331">
        <v>0</v>
      </c>
      <c r="DM37" s="326">
        <v>0</v>
      </c>
      <c r="DN37" s="326">
        <v>28889</v>
      </c>
      <c r="DO37" s="326">
        <v>0</v>
      </c>
      <c r="DP37" s="326">
        <v>46295</v>
      </c>
      <c r="DQ37" s="326">
        <v>47250</v>
      </c>
      <c r="DR37" s="327">
        <v>122434</v>
      </c>
      <c r="DS37" s="329">
        <v>122434</v>
      </c>
      <c r="DT37" s="325">
        <v>0</v>
      </c>
      <c r="DU37" s="326">
        <v>0</v>
      </c>
      <c r="DV37" s="327">
        <v>0</v>
      </c>
      <c r="DW37" s="325">
        <v>0</v>
      </c>
      <c r="DX37" s="326">
        <v>0</v>
      </c>
      <c r="DY37" s="326">
        <v>28889</v>
      </c>
      <c r="DZ37" s="326">
        <v>0</v>
      </c>
      <c r="EA37" s="326">
        <v>46295</v>
      </c>
      <c r="EB37" s="326">
        <v>18263</v>
      </c>
      <c r="EC37" s="327">
        <v>93447</v>
      </c>
      <c r="ED37" s="329">
        <v>93447</v>
      </c>
      <c r="EE37" s="325">
        <v>0</v>
      </c>
      <c r="EF37" s="330">
        <v>0</v>
      </c>
      <c r="EG37" s="327">
        <v>0</v>
      </c>
      <c r="EH37" s="325">
        <v>0</v>
      </c>
      <c r="EI37" s="326">
        <v>0</v>
      </c>
      <c r="EJ37" s="326">
        <v>0</v>
      </c>
      <c r="EK37" s="326">
        <v>0</v>
      </c>
      <c r="EL37" s="326">
        <v>0</v>
      </c>
      <c r="EM37" s="326">
        <v>28987</v>
      </c>
      <c r="EN37" s="330">
        <v>28987</v>
      </c>
      <c r="EO37" s="329">
        <v>28987</v>
      </c>
      <c r="EP37" s="325">
        <v>0</v>
      </c>
      <c r="EQ37" s="326">
        <v>0</v>
      </c>
      <c r="ER37" s="330">
        <v>0</v>
      </c>
      <c r="ES37" s="331">
        <v>0</v>
      </c>
      <c r="ET37" s="326">
        <v>0</v>
      </c>
      <c r="EU37" s="326">
        <v>0</v>
      </c>
      <c r="EV37" s="326">
        <v>0</v>
      </c>
      <c r="EW37" s="326">
        <v>0</v>
      </c>
      <c r="EX37" s="326">
        <v>0</v>
      </c>
      <c r="EY37" s="327">
        <v>0</v>
      </c>
      <c r="EZ37" s="329">
        <v>0</v>
      </c>
      <c r="FA37" s="325">
        <v>0</v>
      </c>
      <c r="FB37" s="326">
        <v>0</v>
      </c>
      <c r="FC37" s="330">
        <v>0</v>
      </c>
      <c r="FD37" s="403">
        <v>0</v>
      </c>
      <c r="FE37" s="326">
        <v>0</v>
      </c>
      <c r="FF37" s="326">
        <v>0</v>
      </c>
      <c r="FG37" s="326">
        <v>0</v>
      </c>
      <c r="FH37" s="326">
        <v>0</v>
      </c>
      <c r="FI37" s="326">
        <v>0</v>
      </c>
      <c r="FJ37" s="327">
        <v>0</v>
      </c>
      <c r="FK37" s="329">
        <v>0</v>
      </c>
      <c r="FL37" s="325">
        <v>10920</v>
      </c>
      <c r="FM37" s="326">
        <v>15050</v>
      </c>
      <c r="FN37" s="327">
        <v>25970</v>
      </c>
      <c r="FO37" s="325">
        <v>0</v>
      </c>
      <c r="FP37" s="326">
        <v>46550</v>
      </c>
      <c r="FQ37" s="326">
        <v>73612</v>
      </c>
      <c r="FR37" s="326">
        <v>34496</v>
      </c>
      <c r="FS37" s="326">
        <v>57288</v>
      </c>
      <c r="FT37" s="326">
        <v>28532</v>
      </c>
      <c r="FU37" s="327">
        <v>240478</v>
      </c>
      <c r="FV37" s="329">
        <v>266448</v>
      </c>
      <c r="FW37" s="332">
        <v>10920</v>
      </c>
      <c r="FX37" s="326">
        <v>15050</v>
      </c>
      <c r="FY37" s="330">
        <v>25970</v>
      </c>
      <c r="FZ37" s="331">
        <v>0</v>
      </c>
      <c r="GA37" s="326">
        <v>5950</v>
      </c>
      <c r="GB37" s="326">
        <v>73612</v>
      </c>
      <c r="GC37" s="326">
        <v>34496</v>
      </c>
      <c r="GD37" s="326">
        <v>57288</v>
      </c>
      <c r="GE37" s="326">
        <v>28532</v>
      </c>
      <c r="GF37" s="327">
        <v>199878</v>
      </c>
      <c r="GG37" s="333">
        <v>225848</v>
      </c>
      <c r="GH37" s="332">
        <v>0</v>
      </c>
      <c r="GI37" s="326">
        <v>0</v>
      </c>
      <c r="GJ37" s="330">
        <v>0</v>
      </c>
      <c r="GK37" s="331">
        <v>0</v>
      </c>
      <c r="GL37" s="326">
        <v>0</v>
      </c>
      <c r="GM37" s="326">
        <v>0</v>
      </c>
      <c r="GN37" s="326">
        <v>0</v>
      </c>
      <c r="GO37" s="326">
        <v>0</v>
      </c>
      <c r="GP37" s="326">
        <v>0</v>
      </c>
      <c r="GQ37" s="327">
        <v>0</v>
      </c>
      <c r="GR37" s="329">
        <v>0</v>
      </c>
      <c r="GS37" s="325">
        <v>0</v>
      </c>
      <c r="GT37" s="326">
        <v>0</v>
      </c>
      <c r="GU37" s="327">
        <v>0</v>
      </c>
      <c r="GV37" s="325">
        <v>0</v>
      </c>
      <c r="GW37" s="326">
        <v>40600</v>
      </c>
      <c r="GX37" s="326">
        <v>0</v>
      </c>
      <c r="GY37" s="326">
        <v>0</v>
      </c>
      <c r="GZ37" s="326">
        <v>0</v>
      </c>
      <c r="HA37" s="326">
        <v>0</v>
      </c>
      <c r="HB37" s="330">
        <v>40600</v>
      </c>
      <c r="HC37" s="329">
        <v>40600</v>
      </c>
      <c r="HD37" s="325">
        <v>0</v>
      </c>
      <c r="HE37" s="326">
        <v>0</v>
      </c>
      <c r="HF37" s="330">
        <v>0</v>
      </c>
      <c r="HG37" s="331">
        <v>0</v>
      </c>
      <c r="HH37" s="326">
        <v>134253</v>
      </c>
      <c r="HI37" s="326">
        <v>0</v>
      </c>
      <c r="HJ37" s="326">
        <v>179247</v>
      </c>
      <c r="HK37" s="326">
        <v>193529</v>
      </c>
      <c r="HL37" s="326">
        <v>199220</v>
      </c>
      <c r="HM37" s="327">
        <v>706249</v>
      </c>
      <c r="HN37" s="328">
        <v>706249</v>
      </c>
      <c r="HO37" s="332">
        <v>0</v>
      </c>
      <c r="HP37" s="326">
        <v>0</v>
      </c>
      <c r="HQ37" s="327">
        <v>0</v>
      </c>
      <c r="HR37" s="325">
        <v>0</v>
      </c>
      <c r="HS37" s="326">
        <v>0</v>
      </c>
      <c r="HT37" s="326">
        <v>0</v>
      </c>
      <c r="HU37" s="326">
        <v>0</v>
      </c>
      <c r="HV37" s="326">
        <v>0</v>
      </c>
      <c r="HW37" s="326">
        <v>0</v>
      </c>
      <c r="HX37" s="330">
        <v>0</v>
      </c>
      <c r="HY37" s="329">
        <v>0</v>
      </c>
      <c r="HZ37" s="334">
        <v>0</v>
      </c>
      <c r="IA37" s="335">
        <v>0</v>
      </c>
      <c r="IB37" s="336">
        <v>0</v>
      </c>
      <c r="IC37" s="337">
        <v>0</v>
      </c>
      <c r="ID37" s="335">
        <v>199794</v>
      </c>
      <c r="IE37" s="338">
        <v>200263</v>
      </c>
      <c r="IF37" s="336">
        <v>271082</v>
      </c>
      <c r="IG37" s="335">
        <v>0</v>
      </c>
      <c r="IH37" s="336">
        <v>0</v>
      </c>
      <c r="II37" s="339">
        <v>671139</v>
      </c>
      <c r="IJ37" s="340">
        <v>671139</v>
      </c>
      <c r="IK37" s="341">
        <v>0</v>
      </c>
      <c r="IL37" s="342">
        <v>0</v>
      </c>
      <c r="IM37" s="343">
        <v>0</v>
      </c>
      <c r="IN37" s="403">
        <v>0</v>
      </c>
      <c r="IO37" s="344">
        <v>0</v>
      </c>
      <c r="IP37" s="344">
        <v>168280</v>
      </c>
      <c r="IQ37" s="344">
        <v>0</v>
      </c>
      <c r="IR37" s="344">
        <v>0</v>
      </c>
      <c r="IS37" s="344">
        <v>0</v>
      </c>
      <c r="IT37" s="345">
        <v>168280</v>
      </c>
      <c r="IU37" s="346">
        <v>168280</v>
      </c>
      <c r="IV37" s="347">
        <v>0</v>
      </c>
      <c r="IW37" s="344">
        <v>0</v>
      </c>
      <c r="IX37" s="348">
        <v>0</v>
      </c>
      <c r="IY37" s="403">
        <v>0</v>
      </c>
      <c r="IZ37" s="344">
        <v>0</v>
      </c>
      <c r="JA37" s="344">
        <v>0</v>
      </c>
      <c r="JB37" s="344">
        <v>0</v>
      </c>
      <c r="JC37" s="344">
        <v>0</v>
      </c>
      <c r="JD37" s="344">
        <v>0</v>
      </c>
      <c r="JE37" s="348">
        <v>0</v>
      </c>
      <c r="JF37" s="349">
        <v>0</v>
      </c>
      <c r="JG37" s="347">
        <v>0</v>
      </c>
      <c r="JH37" s="344">
        <v>0</v>
      </c>
      <c r="JI37" s="345">
        <v>0</v>
      </c>
      <c r="JJ37" s="350">
        <v>0</v>
      </c>
      <c r="JK37" s="344">
        <v>107828</v>
      </c>
      <c r="JL37" s="344">
        <v>31983</v>
      </c>
      <c r="JM37" s="344">
        <v>0</v>
      </c>
      <c r="JN37" s="344">
        <v>0</v>
      </c>
      <c r="JO37" s="344">
        <v>0</v>
      </c>
      <c r="JP37" s="348">
        <v>139811</v>
      </c>
      <c r="JQ37" s="346">
        <v>139811</v>
      </c>
      <c r="JR37" s="347">
        <v>0</v>
      </c>
      <c r="JS37" s="344">
        <v>0</v>
      </c>
      <c r="JT37" s="345">
        <v>0</v>
      </c>
      <c r="JU37" s="350">
        <v>0</v>
      </c>
      <c r="JV37" s="344">
        <v>91966</v>
      </c>
      <c r="JW37" s="344">
        <v>0</v>
      </c>
      <c r="JX37" s="344">
        <v>78652</v>
      </c>
      <c r="JY37" s="344">
        <v>0</v>
      </c>
      <c r="JZ37" s="344">
        <v>0</v>
      </c>
      <c r="KA37" s="348">
        <v>170618</v>
      </c>
      <c r="KB37" s="346">
        <v>170618</v>
      </c>
      <c r="KC37" s="351">
        <v>0</v>
      </c>
      <c r="KD37" s="352">
        <v>0</v>
      </c>
      <c r="KE37" s="348">
        <v>0</v>
      </c>
      <c r="KF37" s="350">
        <v>0</v>
      </c>
      <c r="KG37" s="344">
        <v>0</v>
      </c>
      <c r="KH37" s="344">
        <v>0</v>
      </c>
      <c r="KI37" s="344">
        <v>192430</v>
      </c>
      <c r="KJ37" s="344">
        <v>0</v>
      </c>
      <c r="KK37" s="344">
        <v>0</v>
      </c>
      <c r="KL37" s="348">
        <v>192430</v>
      </c>
      <c r="KM37" s="353">
        <v>192430</v>
      </c>
      <c r="KN37" s="341">
        <v>0</v>
      </c>
      <c r="KO37" s="342">
        <v>0</v>
      </c>
      <c r="KP37" s="343">
        <v>0</v>
      </c>
      <c r="KQ37" s="403">
        <v>0</v>
      </c>
      <c r="KR37" s="344">
        <v>0</v>
      </c>
      <c r="KS37" s="344">
        <v>0</v>
      </c>
      <c r="KT37" s="344">
        <v>0</v>
      </c>
      <c r="KU37" s="344">
        <v>0</v>
      </c>
      <c r="KV37" s="344">
        <v>0</v>
      </c>
      <c r="KW37" s="348">
        <v>0</v>
      </c>
      <c r="KX37" s="346">
        <v>0</v>
      </c>
      <c r="KY37" s="347">
        <v>0</v>
      </c>
      <c r="KZ37" s="344">
        <v>0</v>
      </c>
      <c r="LA37" s="348">
        <v>0</v>
      </c>
      <c r="LB37" s="403">
        <v>0</v>
      </c>
      <c r="LC37" s="344">
        <v>0</v>
      </c>
      <c r="LD37" s="344">
        <v>0</v>
      </c>
      <c r="LE37" s="344">
        <v>0</v>
      </c>
      <c r="LF37" s="344">
        <v>0</v>
      </c>
      <c r="LG37" s="344">
        <v>0</v>
      </c>
      <c r="LH37" s="348">
        <v>0</v>
      </c>
      <c r="LI37" s="349">
        <v>0</v>
      </c>
      <c r="LJ37" s="347">
        <v>0</v>
      </c>
      <c r="LK37" s="344">
        <v>0</v>
      </c>
      <c r="LL37" s="348">
        <v>0</v>
      </c>
      <c r="LM37" s="403">
        <v>0</v>
      </c>
      <c r="LN37" s="344">
        <v>0</v>
      </c>
      <c r="LO37" s="344">
        <v>0</v>
      </c>
      <c r="LP37" s="344">
        <v>0</v>
      </c>
      <c r="LQ37" s="344">
        <v>0</v>
      </c>
      <c r="LR37" s="344">
        <v>0</v>
      </c>
      <c r="LS37" s="348">
        <v>0</v>
      </c>
      <c r="LT37" s="346">
        <v>0</v>
      </c>
      <c r="LU37" s="347">
        <v>0</v>
      </c>
      <c r="LV37" s="344">
        <v>0</v>
      </c>
      <c r="LW37" s="348">
        <v>0</v>
      </c>
      <c r="LX37" s="403">
        <v>0</v>
      </c>
      <c r="LY37" s="344">
        <v>0</v>
      </c>
      <c r="LZ37" s="344">
        <v>0</v>
      </c>
      <c r="MA37" s="344">
        <v>0</v>
      </c>
      <c r="MB37" s="344">
        <v>0</v>
      </c>
      <c r="MC37" s="344">
        <v>0</v>
      </c>
      <c r="MD37" s="348">
        <v>0</v>
      </c>
      <c r="ME37" s="349">
        <v>0</v>
      </c>
      <c r="MF37" s="347">
        <v>0</v>
      </c>
      <c r="MG37" s="344">
        <v>0</v>
      </c>
      <c r="MH37" s="348">
        <v>0</v>
      </c>
      <c r="MI37" s="403">
        <v>0</v>
      </c>
      <c r="MJ37" s="344">
        <v>0</v>
      </c>
      <c r="MK37" s="344">
        <v>0</v>
      </c>
      <c r="ML37" s="344">
        <v>201625</v>
      </c>
      <c r="MM37" s="344">
        <v>292872</v>
      </c>
      <c r="MN37" s="344">
        <v>391555</v>
      </c>
      <c r="MO37" s="348">
        <v>886052</v>
      </c>
      <c r="MP37" s="353">
        <v>886052</v>
      </c>
      <c r="MQ37" s="347">
        <v>0</v>
      </c>
      <c r="MR37" s="344">
        <v>0</v>
      </c>
      <c r="MS37" s="348">
        <v>0</v>
      </c>
      <c r="MT37" s="403">
        <v>0</v>
      </c>
      <c r="MU37" s="344">
        <v>0</v>
      </c>
      <c r="MV37" s="344">
        <v>0</v>
      </c>
      <c r="MW37" s="344">
        <v>201625</v>
      </c>
      <c r="MX37" s="344">
        <v>0</v>
      </c>
      <c r="MY37" s="344">
        <v>261635</v>
      </c>
      <c r="MZ37" s="348">
        <v>463260</v>
      </c>
      <c r="NA37" s="353">
        <v>463260</v>
      </c>
      <c r="NB37" s="347">
        <v>0</v>
      </c>
      <c r="NC37" s="344">
        <v>0</v>
      </c>
      <c r="ND37" s="348">
        <v>0</v>
      </c>
      <c r="NE37" s="403">
        <v>0</v>
      </c>
      <c r="NF37" s="344">
        <v>0</v>
      </c>
      <c r="NG37" s="344">
        <v>0</v>
      </c>
      <c r="NH37" s="344">
        <v>0</v>
      </c>
      <c r="NI37" s="344">
        <v>292872</v>
      </c>
      <c r="NJ37" s="344">
        <v>129920</v>
      </c>
      <c r="NK37" s="348">
        <v>422792</v>
      </c>
      <c r="NL37" s="346">
        <v>422792</v>
      </c>
      <c r="NM37" s="347">
        <v>0</v>
      </c>
      <c r="NN37" s="344">
        <v>0</v>
      </c>
      <c r="NO37" s="348">
        <v>0</v>
      </c>
      <c r="NP37" s="403">
        <v>0</v>
      </c>
      <c r="NQ37" s="344">
        <v>0</v>
      </c>
      <c r="NR37" s="344">
        <v>0</v>
      </c>
      <c r="NS37" s="344">
        <v>0</v>
      </c>
      <c r="NT37" s="344">
        <v>0</v>
      </c>
      <c r="NU37" s="344">
        <v>0</v>
      </c>
      <c r="NV37" s="348">
        <v>0</v>
      </c>
      <c r="NW37" s="349">
        <v>0</v>
      </c>
      <c r="NX37" s="347">
        <v>0</v>
      </c>
      <c r="NY37" s="344">
        <v>0</v>
      </c>
      <c r="NZ37" s="348">
        <v>0</v>
      </c>
      <c r="OA37" s="403">
        <v>0</v>
      </c>
      <c r="OB37" s="344">
        <v>0</v>
      </c>
      <c r="OC37" s="344">
        <v>0</v>
      </c>
      <c r="OD37" s="344">
        <v>0</v>
      </c>
      <c r="OE37" s="344">
        <v>0</v>
      </c>
      <c r="OF37" s="344">
        <v>0</v>
      </c>
      <c r="OG37" s="348">
        <v>0</v>
      </c>
      <c r="OH37" s="349">
        <v>0</v>
      </c>
      <c r="OI37" s="347">
        <v>10920</v>
      </c>
      <c r="OJ37" s="344">
        <v>56924</v>
      </c>
      <c r="OK37" s="345">
        <v>67844</v>
      </c>
      <c r="OL37" s="350">
        <v>0</v>
      </c>
      <c r="OM37" s="344">
        <v>555066</v>
      </c>
      <c r="ON37" s="344">
        <v>767790</v>
      </c>
      <c r="OO37" s="344">
        <v>954102</v>
      </c>
      <c r="OP37" s="344">
        <v>803201</v>
      </c>
      <c r="OQ37" s="344">
        <v>1075275</v>
      </c>
      <c r="OR37" s="348">
        <v>4155434</v>
      </c>
      <c r="OS37" s="353">
        <v>4223278</v>
      </c>
    </row>
    <row r="38" spans="2:409" s="70" customFormat="1" ht="21" customHeight="1" x14ac:dyDescent="0.2">
      <c r="B38" s="409" t="s">
        <v>33</v>
      </c>
      <c r="C38" s="325">
        <v>18167</v>
      </c>
      <c r="D38" s="326">
        <v>198224</v>
      </c>
      <c r="E38" s="327">
        <v>216391</v>
      </c>
      <c r="F38" s="328">
        <v>0</v>
      </c>
      <c r="G38" s="326">
        <v>544327</v>
      </c>
      <c r="H38" s="326">
        <v>207962</v>
      </c>
      <c r="I38" s="326">
        <v>598601</v>
      </c>
      <c r="J38" s="326">
        <v>491759</v>
      </c>
      <c r="K38" s="326">
        <v>535380</v>
      </c>
      <c r="L38" s="366">
        <v>2378029</v>
      </c>
      <c r="M38" s="329">
        <v>2594420</v>
      </c>
      <c r="N38" s="325">
        <v>0</v>
      </c>
      <c r="O38" s="326">
        <v>15939</v>
      </c>
      <c r="P38" s="327">
        <v>15939</v>
      </c>
      <c r="Q38" s="325">
        <v>0</v>
      </c>
      <c r="R38" s="326">
        <v>120878</v>
      </c>
      <c r="S38" s="326">
        <v>173452</v>
      </c>
      <c r="T38" s="326">
        <v>60988</v>
      </c>
      <c r="U38" s="326">
        <v>63615</v>
      </c>
      <c r="V38" s="326">
        <v>208486</v>
      </c>
      <c r="W38" s="327">
        <v>627419</v>
      </c>
      <c r="X38" s="329">
        <v>643358</v>
      </c>
      <c r="Y38" s="325">
        <v>0</v>
      </c>
      <c r="Z38" s="326">
        <v>0</v>
      </c>
      <c r="AA38" s="327">
        <v>0</v>
      </c>
      <c r="AB38" s="325">
        <v>0</v>
      </c>
      <c r="AC38" s="326">
        <v>47059</v>
      </c>
      <c r="AD38" s="326">
        <v>0</v>
      </c>
      <c r="AE38" s="326">
        <v>0</v>
      </c>
      <c r="AF38" s="326">
        <v>0</v>
      </c>
      <c r="AG38" s="326">
        <v>172434</v>
      </c>
      <c r="AH38" s="327">
        <v>219493</v>
      </c>
      <c r="AI38" s="329">
        <v>219493</v>
      </c>
      <c r="AJ38" s="325">
        <v>0</v>
      </c>
      <c r="AK38" s="326">
        <v>0</v>
      </c>
      <c r="AL38" s="327">
        <v>0</v>
      </c>
      <c r="AM38" s="325">
        <v>0</v>
      </c>
      <c r="AN38" s="326">
        <v>0</v>
      </c>
      <c r="AO38" s="326">
        <v>0</v>
      </c>
      <c r="AP38" s="326">
        <v>0</v>
      </c>
      <c r="AQ38" s="326">
        <v>0</v>
      </c>
      <c r="AR38" s="326">
        <v>0</v>
      </c>
      <c r="AS38" s="327">
        <v>0</v>
      </c>
      <c r="AT38" s="329">
        <v>0</v>
      </c>
      <c r="AU38" s="325">
        <v>0</v>
      </c>
      <c r="AV38" s="326">
        <v>0</v>
      </c>
      <c r="AW38" s="327">
        <v>0</v>
      </c>
      <c r="AX38" s="325">
        <v>0</v>
      </c>
      <c r="AY38" s="326">
        <v>18470</v>
      </c>
      <c r="AZ38" s="326">
        <v>110943</v>
      </c>
      <c r="BA38" s="326">
        <v>0</v>
      </c>
      <c r="BB38" s="326">
        <v>0</v>
      </c>
      <c r="BC38" s="326">
        <v>11384</v>
      </c>
      <c r="BD38" s="327">
        <v>140797</v>
      </c>
      <c r="BE38" s="329">
        <v>140797</v>
      </c>
      <c r="BF38" s="325">
        <v>0</v>
      </c>
      <c r="BG38" s="326">
        <v>7539</v>
      </c>
      <c r="BH38" s="330">
        <v>7539</v>
      </c>
      <c r="BI38" s="331">
        <v>0</v>
      </c>
      <c r="BJ38" s="326">
        <v>40299</v>
      </c>
      <c r="BK38" s="326">
        <v>50231</v>
      </c>
      <c r="BL38" s="326">
        <v>11141</v>
      </c>
      <c r="BM38" s="326">
        <v>50231</v>
      </c>
      <c r="BN38" s="326">
        <v>0</v>
      </c>
      <c r="BO38" s="327">
        <v>151902</v>
      </c>
      <c r="BP38" s="329">
        <v>159441</v>
      </c>
      <c r="BQ38" s="325">
        <v>0</v>
      </c>
      <c r="BR38" s="326">
        <v>8400</v>
      </c>
      <c r="BS38" s="327">
        <v>8400</v>
      </c>
      <c r="BT38" s="325">
        <v>0</v>
      </c>
      <c r="BU38" s="326">
        <v>15050</v>
      </c>
      <c r="BV38" s="326">
        <v>12278</v>
      </c>
      <c r="BW38" s="326">
        <v>49847</v>
      </c>
      <c r="BX38" s="326">
        <v>13384</v>
      </c>
      <c r="BY38" s="326">
        <v>24668</v>
      </c>
      <c r="BZ38" s="327">
        <v>115227</v>
      </c>
      <c r="CA38" s="329">
        <v>123627</v>
      </c>
      <c r="CB38" s="325">
        <v>18167</v>
      </c>
      <c r="CC38" s="326">
        <v>0</v>
      </c>
      <c r="CD38" s="327">
        <v>18167</v>
      </c>
      <c r="CE38" s="325">
        <v>0</v>
      </c>
      <c r="CF38" s="326">
        <v>105440</v>
      </c>
      <c r="CG38" s="326">
        <v>0</v>
      </c>
      <c r="CH38" s="326">
        <v>40278</v>
      </c>
      <c r="CI38" s="326">
        <v>0</v>
      </c>
      <c r="CJ38" s="326">
        <v>73098</v>
      </c>
      <c r="CK38" s="327">
        <v>218816</v>
      </c>
      <c r="CL38" s="329">
        <v>236983</v>
      </c>
      <c r="CM38" s="325">
        <v>0</v>
      </c>
      <c r="CN38" s="326">
        <v>0</v>
      </c>
      <c r="CO38" s="327">
        <v>0</v>
      </c>
      <c r="CP38" s="331">
        <v>0</v>
      </c>
      <c r="CQ38" s="326">
        <v>89914</v>
      </c>
      <c r="CR38" s="326">
        <v>0</v>
      </c>
      <c r="CS38" s="326">
        <v>0</v>
      </c>
      <c r="CT38" s="326">
        <v>0</v>
      </c>
      <c r="CU38" s="326">
        <v>73098</v>
      </c>
      <c r="CV38" s="327">
        <v>163012</v>
      </c>
      <c r="CW38" s="329">
        <v>163012</v>
      </c>
      <c r="CX38" s="325">
        <v>18167</v>
      </c>
      <c r="CY38" s="326">
        <v>0</v>
      </c>
      <c r="CZ38" s="327">
        <v>18167</v>
      </c>
      <c r="DA38" s="325">
        <v>0</v>
      </c>
      <c r="DB38" s="326">
        <v>15526</v>
      </c>
      <c r="DC38" s="326">
        <v>0</v>
      </c>
      <c r="DD38" s="326">
        <v>40278</v>
      </c>
      <c r="DE38" s="326">
        <v>0</v>
      </c>
      <c r="DF38" s="326">
        <v>0</v>
      </c>
      <c r="DG38" s="327">
        <v>55804</v>
      </c>
      <c r="DH38" s="329">
        <v>73971</v>
      </c>
      <c r="DI38" s="325">
        <v>0</v>
      </c>
      <c r="DJ38" s="326">
        <v>0</v>
      </c>
      <c r="DK38" s="330">
        <v>0</v>
      </c>
      <c r="DL38" s="331">
        <v>0</v>
      </c>
      <c r="DM38" s="326">
        <v>153603</v>
      </c>
      <c r="DN38" s="326">
        <v>0</v>
      </c>
      <c r="DO38" s="326">
        <v>15255</v>
      </c>
      <c r="DP38" s="326">
        <v>14892</v>
      </c>
      <c r="DQ38" s="326">
        <v>0</v>
      </c>
      <c r="DR38" s="327">
        <v>183750</v>
      </c>
      <c r="DS38" s="329">
        <v>183750</v>
      </c>
      <c r="DT38" s="325">
        <v>0</v>
      </c>
      <c r="DU38" s="326">
        <v>0</v>
      </c>
      <c r="DV38" s="327">
        <v>0</v>
      </c>
      <c r="DW38" s="325">
        <v>0</v>
      </c>
      <c r="DX38" s="326">
        <v>131160</v>
      </c>
      <c r="DY38" s="326">
        <v>0</v>
      </c>
      <c r="DZ38" s="326">
        <v>15255</v>
      </c>
      <c r="EA38" s="326">
        <v>14892</v>
      </c>
      <c r="EB38" s="326">
        <v>0</v>
      </c>
      <c r="EC38" s="327">
        <v>161307</v>
      </c>
      <c r="ED38" s="329">
        <v>161307</v>
      </c>
      <c r="EE38" s="325">
        <v>0</v>
      </c>
      <c r="EF38" s="330">
        <v>0</v>
      </c>
      <c r="EG38" s="327">
        <v>0</v>
      </c>
      <c r="EH38" s="325">
        <v>0</v>
      </c>
      <c r="EI38" s="326">
        <v>22443</v>
      </c>
      <c r="EJ38" s="326">
        <v>0</v>
      </c>
      <c r="EK38" s="326">
        <v>0</v>
      </c>
      <c r="EL38" s="326">
        <v>0</v>
      </c>
      <c r="EM38" s="326">
        <v>0</v>
      </c>
      <c r="EN38" s="330">
        <v>22443</v>
      </c>
      <c r="EO38" s="329">
        <v>22443</v>
      </c>
      <c r="EP38" s="325">
        <v>0</v>
      </c>
      <c r="EQ38" s="326">
        <v>0</v>
      </c>
      <c r="ER38" s="330">
        <v>0</v>
      </c>
      <c r="ES38" s="331">
        <v>0</v>
      </c>
      <c r="ET38" s="326">
        <v>0</v>
      </c>
      <c r="EU38" s="326">
        <v>0</v>
      </c>
      <c r="EV38" s="326">
        <v>0</v>
      </c>
      <c r="EW38" s="326">
        <v>0</v>
      </c>
      <c r="EX38" s="326">
        <v>0</v>
      </c>
      <c r="EY38" s="327">
        <v>0</v>
      </c>
      <c r="EZ38" s="329">
        <v>0</v>
      </c>
      <c r="FA38" s="325">
        <v>0</v>
      </c>
      <c r="FB38" s="326">
        <v>0</v>
      </c>
      <c r="FC38" s="330">
        <v>0</v>
      </c>
      <c r="FD38" s="403">
        <v>0</v>
      </c>
      <c r="FE38" s="326">
        <v>0</v>
      </c>
      <c r="FF38" s="326">
        <v>0</v>
      </c>
      <c r="FG38" s="326">
        <v>0</v>
      </c>
      <c r="FH38" s="326">
        <v>0</v>
      </c>
      <c r="FI38" s="326">
        <v>0</v>
      </c>
      <c r="FJ38" s="327">
        <v>0</v>
      </c>
      <c r="FK38" s="329">
        <v>0</v>
      </c>
      <c r="FL38" s="325">
        <v>0</v>
      </c>
      <c r="FM38" s="326">
        <v>15540</v>
      </c>
      <c r="FN38" s="327">
        <v>15540</v>
      </c>
      <c r="FO38" s="325">
        <v>0</v>
      </c>
      <c r="FP38" s="326">
        <v>24640</v>
      </c>
      <c r="FQ38" s="326">
        <v>34510</v>
      </c>
      <c r="FR38" s="326">
        <v>9128</v>
      </c>
      <c r="FS38" s="326">
        <v>16100</v>
      </c>
      <c r="FT38" s="326">
        <v>46256</v>
      </c>
      <c r="FU38" s="327">
        <v>130634</v>
      </c>
      <c r="FV38" s="329">
        <v>146174</v>
      </c>
      <c r="FW38" s="332">
        <v>0</v>
      </c>
      <c r="FX38" s="326">
        <v>15540</v>
      </c>
      <c r="FY38" s="330">
        <v>15540</v>
      </c>
      <c r="FZ38" s="331">
        <v>0</v>
      </c>
      <c r="GA38" s="326">
        <v>24640</v>
      </c>
      <c r="GB38" s="326">
        <v>34510</v>
      </c>
      <c r="GC38" s="326">
        <v>9128</v>
      </c>
      <c r="GD38" s="326">
        <v>16100</v>
      </c>
      <c r="GE38" s="326">
        <v>46256</v>
      </c>
      <c r="GF38" s="327">
        <v>130634</v>
      </c>
      <c r="GG38" s="333">
        <v>146174</v>
      </c>
      <c r="GH38" s="332">
        <v>0</v>
      </c>
      <c r="GI38" s="326">
        <v>0</v>
      </c>
      <c r="GJ38" s="330">
        <v>0</v>
      </c>
      <c r="GK38" s="331">
        <v>0</v>
      </c>
      <c r="GL38" s="326">
        <v>0</v>
      </c>
      <c r="GM38" s="326">
        <v>0</v>
      </c>
      <c r="GN38" s="326">
        <v>0</v>
      </c>
      <c r="GO38" s="326">
        <v>0</v>
      </c>
      <c r="GP38" s="326">
        <v>0</v>
      </c>
      <c r="GQ38" s="327">
        <v>0</v>
      </c>
      <c r="GR38" s="329">
        <v>0</v>
      </c>
      <c r="GS38" s="325">
        <v>0</v>
      </c>
      <c r="GT38" s="326">
        <v>0</v>
      </c>
      <c r="GU38" s="327">
        <v>0</v>
      </c>
      <c r="GV38" s="325">
        <v>0</v>
      </c>
      <c r="GW38" s="326">
        <v>0</v>
      </c>
      <c r="GX38" s="326">
        <v>0</v>
      </c>
      <c r="GY38" s="326">
        <v>0</v>
      </c>
      <c r="GZ38" s="326">
        <v>0</v>
      </c>
      <c r="HA38" s="326">
        <v>0</v>
      </c>
      <c r="HB38" s="330">
        <v>0</v>
      </c>
      <c r="HC38" s="329">
        <v>0</v>
      </c>
      <c r="HD38" s="325">
        <v>0</v>
      </c>
      <c r="HE38" s="326">
        <v>166745</v>
      </c>
      <c r="HF38" s="330">
        <v>166745</v>
      </c>
      <c r="HG38" s="331">
        <v>0</v>
      </c>
      <c r="HH38" s="326">
        <v>139766</v>
      </c>
      <c r="HI38" s="326">
        <v>0</v>
      </c>
      <c r="HJ38" s="326">
        <v>472952</v>
      </c>
      <c r="HK38" s="326">
        <v>397152</v>
      </c>
      <c r="HL38" s="326">
        <v>207540</v>
      </c>
      <c r="HM38" s="327">
        <v>1217410</v>
      </c>
      <c r="HN38" s="328">
        <v>1384155</v>
      </c>
      <c r="HO38" s="332">
        <v>0</v>
      </c>
      <c r="HP38" s="326">
        <v>0</v>
      </c>
      <c r="HQ38" s="327">
        <v>0</v>
      </c>
      <c r="HR38" s="325">
        <v>0</v>
      </c>
      <c r="HS38" s="326">
        <v>0</v>
      </c>
      <c r="HT38" s="326">
        <v>0</v>
      </c>
      <c r="HU38" s="326">
        <v>0</v>
      </c>
      <c r="HV38" s="326">
        <v>0</v>
      </c>
      <c r="HW38" s="326">
        <v>0</v>
      </c>
      <c r="HX38" s="330">
        <v>0</v>
      </c>
      <c r="HY38" s="329">
        <v>0</v>
      </c>
      <c r="HZ38" s="357">
        <v>0</v>
      </c>
      <c r="IA38" s="355">
        <v>0</v>
      </c>
      <c r="IB38" s="357">
        <v>0</v>
      </c>
      <c r="IC38" s="337">
        <v>0</v>
      </c>
      <c r="ID38" s="335">
        <v>0</v>
      </c>
      <c r="IE38" s="338">
        <v>0</v>
      </c>
      <c r="IF38" s="336">
        <v>275982</v>
      </c>
      <c r="IG38" s="335">
        <v>93814</v>
      </c>
      <c r="IH38" s="336">
        <v>239532</v>
      </c>
      <c r="II38" s="339">
        <v>609328</v>
      </c>
      <c r="IJ38" s="357">
        <v>609328</v>
      </c>
      <c r="IK38" s="341">
        <v>0</v>
      </c>
      <c r="IL38" s="342">
        <v>0</v>
      </c>
      <c r="IM38" s="343">
        <v>0</v>
      </c>
      <c r="IN38" s="403">
        <v>0</v>
      </c>
      <c r="IO38" s="344">
        <v>0</v>
      </c>
      <c r="IP38" s="344">
        <v>0</v>
      </c>
      <c r="IQ38" s="344">
        <v>0</v>
      </c>
      <c r="IR38" s="344">
        <v>0</v>
      </c>
      <c r="IS38" s="344">
        <v>0</v>
      </c>
      <c r="IT38" s="345">
        <v>0</v>
      </c>
      <c r="IU38" s="346">
        <v>0</v>
      </c>
      <c r="IV38" s="347">
        <v>0</v>
      </c>
      <c r="IW38" s="344">
        <v>0</v>
      </c>
      <c r="IX38" s="348">
        <v>0</v>
      </c>
      <c r="IY38" s="403">
        <v>0</v>
      </c>
      <c r="IZ38" s="344">
        <v>0</v>
      </c>
      <c r="JA38" s="344">
        <v>0</v>
      </c>
      <c r="JB38" s="344">
        <v>0</v>
      </c>
      <c r="JC38" s="344">
        <v>0</v>
      </c>
      <c r="JD38" s="344">
        <v>0</v>
      </c>
      <c r="JE38" s="348">
        <v>0</v>
      </c>
      <c r="JF38" s="349">
        <v>0</v>
      </c>
      <c r="JG38" s="347">
        <v>0</v>
      </c>
      <c r="JH38" s="344">
        <v>0</v>
      </c>
      <c r="JI38" s="345">
        <v>0</v>
      </c>
      <c r="JJ38" s="350">
        <v>0</v>
      </c>
      <c r="JK38" s="344">
        <v>0</v>
      </c>
      <c r="JL38" s="344">
        <v>0</v>
      </c>
      <c r="JM38" s="344">
        <v>58600</v>
      </c>
      <c r="JN38" s="344">
        <v>93814</v>
      </c>
      <c r="JO38" s="344">
        <v>0</v>
      </c>
      <c r="JP38" s="348">
        <v>152414</v>
      </c>
      <c r="JQ38" s="346">
        <v>152414</v>
      </c>
      <c r="JR38" s="347">
        <v>0</v>
      </c>
      <c r="JS38" s="344">
        <v>0</v>
      </c>
      <c r="JT38" s="345">
        <v>0</v>
      </c>
      <c r="JU38" s="350">
        <v>0</v>
      </c>
      <c r="JV38" s="344">
        <v>0</v>
      </c>
      <c r="JW38" s="344">
        <v>0</v>
      </c>
      <c r="JX38" s="344">
        <v>0</v>
      </c>
      <c r="JY38" s="344">
        <v>0</v>
      </c>
      <c r="JZ38" s="344">
        <v>0</v>
      </c>
      <c r="KA38" s="348">
        <v>0</v>
      </c>
      <c r="KB38" s="346">
        <v>0</v>
      </c>
      <c r="KC38" s="351">
        <v>0</v>
      </c>
      <c r="KD38" s="352">
        <v>0</v>
      </c>
      <c r="KE38" s="348">
        <v>0</v>
      </c>
      <c r="KF38" s="350">
        <v>0</v>
      </c>
      <c r="KG38" s="344">
        <v>0</v>
      </c>
      <c r="KH38" s="344">
        <v>0</v>
      </c>
      <c r="KI38" s="344">
        <v>0</v>
      </c>
      <c r="KJ38" s="344">
        <v>0</v>
      </c>
      <c r="KK38" s="344">
        <v>0</v>
      </c>
      <c r="KL38" s="348">
        <v>0</v>
      </c>
      <c r="KM38" s="353">
        <v>0</v>
      </c>
      <c r="KN38" s="341">
        <v>0</v>
      </c>
      <c r="KO38" s="342">
        <v>0</v>
      </c>
      <c r="KP38" s="343">
        <v>0</v>
      </c>
      <c r="KQ38" s="403">
        <v>0</v>
      </c>
      <c r="KR38" s="344">
        <v>0</v>
      </c>
      <c r="KS38" s="344">
        <v>0</v>
      </c>
      <c r="KT38" s="344">
        <v>217382</v>
      </c>
      <c r="KU38" s="344">
        <v>0</v>
      </c>
      <c r="KV38" s="344">
        <v>0</v>
      </c>
      <c r="KW38" s="348">
        <v>217382</v>
      </c>
      <c r="KX38" s="346">
        <v>217382</v>
      </c>
      <c r="KY38" s="347">
        <v>0</v>
      </c>
      <c r="KZ38" s="344">
        <v>0</v>
      </c>
      <c r="LA38" s="348">
        <v>0</v>
      </c>
      <c r="LB38" s="403">
        <v>0</v>
      </c>
      <c r="LC38" s="344">
        <v>0</v>
      </c>
      <c r="LD38" s="344">
        <v>0</v>
      </c>
      <c r="LE38" s="344">
        <v>0</v>
      </c>
      <c r="LF38" s="344">
        <v>0</v>
      </c>
      <c r="LG38" s="344">
        <v>0</v>
      </c>
      <c r="LH38" s="348">
        <v>0</v>
      </c>
      <c r="LI38" s="349">
        <v>0</v>
      </c>
      <c r="LJ38" s="347">
        <v>0</v>
      </c>
      <c r="LK38" s="344">
        <v>0</v>
      </c>
      <c r="LL38" s="348">
        <v>0</v>
      </c>
      <c r="LM38" s="403">
        <v>0</v>
      </c>
      <c r="LN38" s="344">
        <v>0</v>
      </c>
      <c r="LO38" s="344">
        <v>0</v>
      </c>
      <c r="LP38" s="344">
        <v>0</v>
      </c>
      <c r="LQ38" s="344">
        <v>0</v>
      </c>
      <c r="LR38" s="344">
        <v>0</v>
      </c>
      <c r="LS38" s="348">
        <v>0</v>
      </c>
      <c r="LT38" s="346">
        <v>0</v>
      </c>
      <c r="LU38" s="347">
        <v>0</v>
      </c>
      <c r="LV38" s="344">
        <v>0</v>
      </c>
      <c r="LW38" s="348">
        <v>0</v>
      </c>
      <c r="LX38" s="403">
        <v>0</v>
      </c>
      <c r="LY38" s="344">
        <v>0</v>
      </c>
      <c r="LZ38" s="344">
        <v>0</v>
      </c>
      <c r="MA38" s="344">
        <v>0</v>
      </c>
      <c r="MB38" s="344">
        <v>0</v>
      </c>
      <c r="MC38" s="344">
        <v>239532</v>
      </c>
      <c r="MD38" s="348">
        <v>239532</v>
      </c>
      <c r="ME38" s="349">
        <v>239532</v>
      </c>
      <c r="MF38" s="347">
        <v>0</v>
      </c>
      <c r="MG38" s="344">
        <v>0</v>
      </c>
      <c r="MH38" s="348">
        <v>0</v>
      </c>
      <c r="MI38" s="403">
        <v>0</v>
      </c>
      <c r="MJ38" s="344">
        <v>0</v>
      </c>
      <c r="MK38" s="344">
        <v>0</v>
      </c>
      <c r="ML38" s="344">
        <v>0</v>
      </c>
      <c r="MM38" s="344">
        <v>0</v>
      </c>
      <c r="MN38" s="344">
        <v>1180913</v>
      </c>
      <c r="MO38" s="348">
        <v>1180913</v>
      </c>
      <c r="MP38" s="353">
        <v>1180913</v>
      </c>
      <c r="MQ38" s="347">
        <v>0</v>
      </c>
      <c r="MR38" s="344">
        <v>0</v>
      </c>
      <c r="MS38" s="348">
        <v>0</v>
      </c>
      <c r="MT38" s="403">
        <v>0</v>
      </c>
      <c r="MU38" s="344">
        <v>0</v>
      </c>
      <c r="MV38" s="344">
        <v>0</v>
      </c>
      <c r="MW38" s="344">
        <v>0</v>
      </c>
      <c r="MX38" s="344">
        <v>0</v>
      </c>
      <c r="MY38" s="344">
        <v>0</v>
      </c>
      <c r="MZ38" s="348">
        <v>0</v>
      </c>
      <c r="NA38" s="353">
        <v>0</v>
      </c>
      <c r="NB38" s="347">
        <v>0</v>
      </c>
      <c r="NC38" s="344">
        <v>0</v>
      </c>
      <c r="ND38" s="348">
        <v>0</v>
      </c>
      <c r="NE38" s="403">
        <v>0</v>
      </c>
      <c r="NF38" s="344">
        <v>0</v>
      </c>
      <c r="NG38" s="344">
        <v>0</v>
      </c>
      <c r="NH38" s="344">
        <v>0</v>
      </c>
      <c r="NI38" s="344">
        <v>0</v>
      </c>
      <c r="NJ38" s="344">
        <v>263328</v>
      </c>
      <c r="NK38" s="348">
        <v>263328</v>
      </c>
      <c r="NL38" s="346">
        <v>263328</v>
      </c>
      <c r="NM38" s="347">
        <v>0</v>
      </c>
      <c r="NN38" s="344">
        <v>0</v>
      </c>
      <c r="NO38" s="348">
        <v>0</v>
      </c>
      <c r="NP38" s="403">
        <v>0</v>
      </c>
      <c r="NQ38" s="344">
        <v>0</v>
      </c>
      <c r="NR38" s="344">
        <v>0</v>
      </c>
      <c r="NS38" s="344">
        <v>0</v>
      </c>
      <c r="NT38" s="344">
        <v>0</v>
      </c>
      <c r="NU38" s="344">
        <v>0</v>
      </c>
      <c r="NV38" s="348">
        <v>0</v>
      </c>
      <c r="NW38" s="349">
        <v>0</v>
      </c>
      <c r="NX38" s="347">
        <v>0</v>
      </c>
      <c r="NY38" s="344">
        <v>0</v>
      </c>
      <c r="NZ38" s="348">
        <v>0</v>
      </c>
      <c r="OA38" s="403">
        <v>0</v>
      </c>
      <c r="OB38" s="344">
        <v>0</v>
      </c>
      <c r="OC38" s="344">
        <v>0</v>
      </c>
      <c r="OD38" s="344">
        <v>0</v>
      </c>
      <c r="OE38" s="344">
        <v>0</v>
      </c>
      <c r="OF38" s="344">
        <v>917585</v>
      </c>
      <c r="OG38" s="348">
        <v>917585</v>
      </c>
      <c r="OH38" s="349">
        <v>917585</v>
      </c>
      <c r="OI38" s="347">
        <v>18167</v>
      </c>
      <c r="OJ38" s="344">
        <v>198224</v>
      </c>
      <c r="OK38" s="345">
        <v>216391</v>
      </c>
      <c r="OL38" s="350">
        <v>0</v>
      </c>
      <c r="OM38" s="344">
        <v>544327</v>
      </c>
      <c r="ON38" s="344">
        <v>207962</v>
      </c>
      <c r="OO38" s="344">
        <v>874583</v>
      </c>
      <c r="OP38" s="344">
        <v>585573</v>
      </c>
      <c r="OQ38" s="344">
        <v>1955825</v>
      </c>
      <c r="OR38" s="348">
        <v>4168270</v>
      </c>
      <c r="OS38" s="353">
        <v>4384661</v>
      </c>
    </row>
    <row r="39" spans="2:409" s="70" customFormat="1" ht="21" customHeight="1" x14ac:dyDescent="0.2">
      <c r="B39" s="409" t="s">
        <v>34</v>
      </c>
      <c r="C39" s="325">
        <v>0</v>
      </c>
      <c r="D39" s="326">
        <v>37086</v>
      </c>
      <c r="E39" s="367">
        <v>37086</v>
      </c>
      <c r="F39" s="369">
        <v>0</v>
      </c>
      <c r="G39" s="368">
        <v>60193</v>
      </c>
      <c r="H39" s="368">
        <v>159229</v>
      </c>
      <c r="I39" s="368">
        <v>562581</v>
      </c>
      <c r="J39" s="368">
        <v>0</v>
      </c>
      <c r="K39" s="368">
        <v>0</v>
      </c>
      <c r="L39" s="369">
        <v>782003</v>
      </c>
      <c r="M39" s="329">
        <v>819089</v>
      </c>
      <c r="N39" s="325">
        <v>0</v>
      </c>
      <c r="O39" s="326">
        <v>34286</v>
      </c>
      <c r="P39" s="327">
        <v>34286</v>
      </c>
      <c r="Q39" s="325">
        <v>0</v>
      </c>
      <c r="R39" s="326">
        <v>56693</v>
      </c>
      <c r="S39" s="326">
        <v>52584</v>
      </c>
      <c r="T39" s="326">
        <v>13538</v>
      </c>
      <c r="U39" s="326">
        <v>0</v>
      </c>
      <c r="V39" s="326">
        <v>0</v>
      </c>
      <c r="W39" s="327">
        <v>122815</v>
      </c>
      <c r="X39" s="329">
        <v>157101</v>
      </c>
      <c r="Y39" s="325">
        <v>0</v>
      </c>
      <c r="Z39" s="326">
        <v>0</v>
      </c>
      <c r="AA39" s="327">
        <v>0</v>
      </c>
      <c r="AB39" s="325">
        <v>0</v>
      </c>
      <c r="AC39" s="326">
        <v>41160</v>
      </c>
      <c r="AD39" s="326">
        <v>0</v>
      </c>
      <c r="AE39" s="326">
        <v>0</v>
      </c>
      <c r="AF39" s="326">
        <v>0</v>
      </c>
      <c r="AG39" s="326">
        <v>0</v>
      </c>
      <c r="AH39" s="327">
        <v>41160</v>
      </c>
      <c r="AI39" s="329">
        <v>41160</v>
      </c>
      <c r="AJ39" s="325">
        <v>0</v>
      </c>
      <c r="AK39" s="326">
        <v>0</v>
      </c>
      <c r="AL39" s="327">
        <v>0</v>
      </c>
      <c r="AM39" s="325">
        <v>0</v>
      </c>
      <c r="AN39" s="326">
        <v>0</v>
      </c>
      <c r="AO39" s="326">
        <v>0</v>
      </c>
      <c r="AP39" s="326">
        <v>0</v>
      </c>
      <c r="AQ39" s="326">
        <v>0</v>
      </c>
      <c r="AR39" s="326">
        <v>0</v>
      </c>
      <c r="AS39" s="327">
        <v>0</v>
      </c>
      <c r="AT39" s="329">
        <v>0</v>
      </c>
      <c r="AU39" s="325">
        <v>0</v>
      </c>
      <c r="AV39" s="326">
        <v>34286</v>
      </c>
      <c r="AW39" s="327">
        <v>34286</v>
      </c>
      <c r="AX39" s="325">
        <v>0</v>
      </c>
      <c r="AY39" s="326">
        <v>0</v>
      </c>
      <c r="AZ39" s="326">
        <v>0</v>
      </c>
      <c r="BA39" s="326">
        <v>0</v>
      </c>
      <c r="BB39" s="326">
        <v>0</v>
      </c>
      <c r="BC39" s="326">
        <v>0</v>
      </c>
      <c r="BD39" s="327">
        <v>0</v>
      </c>
      <c r="BE39" s="329">
        <v>34286</v>
      </c>
      <c r="BF39" s="325">
        <v>0</v>
      </c>
      <c r="BG39" s="326">
        <v>0</v>
      </c>
      <c r="BH39" s="330">
        <v>0</v>
      </c>
      <c r="BI39" s="331">
        <v>0</v>
      </c>
      <c r="BJ39" s="326">
        <v>0</v>
      </c>
      <c r="BK39" s="326">
        <v>52584</v>
      </c>
      <c r="BL39" s="326">
        <v>0</v>
      </c>
      <c r="BM39" s="326">
        <v>0</v>
      </c>
      <c r="BN39" s="326">
        <v>0</v>
      </c>
      <c r="BO39" s="327">
        <v>52584</v>
      </c>
      <c r="BP39" s="329">
        <v>52584</v>
      </c>
      <c r="BQ39" s="325">
        <v>0</v>
      </c>
      <c r="BR39" s="326">
        <v>0</v>
      </c>
      <c r="BS39" s="327">
        <v>0</v>
      </c>
      <c r="BT39" s="325">
        <v>0</v>
      </c>
      <c r="BU39" s="326">
        <v>15533</v>
      </c>
      <c r="BV39" s="326">
        <v>0</v>
      </c>
      <c r="BW39" s="326">
        <v>13538</v>
      </c>
      <c r="BX39" s="326">
        <v>0</v>
      </c>
      <c r="BY39" s="326">
        <v>0</v>
      </c>
      <c r="BZ39" s="327">
        <v>29071</v>
      </c>
      <c r="CA39" s="329">
        <v>29071</v>
      </c>
      <c r="CB39" s="325">
        <v>0</v>
      </c>
      <c r="CC39" s="326">
        <v>0</v>
      </c>
      <c r="CD39" s="327">
        <v>0</v>
      </c>
      <c r="CE39" s="325">
        <v>0</v>
      </c>
      <c r="CF39" s="326">
        <v>0</v>
      </c>
      <c r="CG39" s="326">
        <v>98245</v>
      </c>
      <c r="CH39" s="326">
        <v>183232</v>
      </c>
      <c r="CI39" s="326">
        <v>0</v>
      </c>
      <c r="CJ39" s="326">
        <v>0</v>
      </c>
      <c r="CK39" s="327">
        <v>281477</v>
      </c>
      <c r="CL39" s="329">
        <v>281477</v>
      </c>
      <c r="CM39" s="325">
        <v>0</v>
      </c>
      <c r="CN39" s="326">
        <v>0</v>
      </c>
      <c r="CO39" s="327">
        <v>0</v>
      </c>
      <c r="CP39" s="331">
        <v>0</v>
      </c>
      <c r="CQ39" s="326">
        <v>0</v>
      </c>
      <c r="CR39" s="326">
        <v>98245</v>
      </c>
      <c r="CS39" s="326">
        <v>183232</v>
      </c>
      <c r="CT39" s="326">
        <v>0</v>
      </c>
      <c r="CU39" s="326">
        <v>0</v>
      </c>
      <c r="CV39" s="327">
        <v>281477</v>
      </c>
      <c r="CW39" s="329">
        <v>281477</v>
      </c>
      <c r="CX39" s="325">
        <v>0</v>
      </c>
      <c r="CY39" s="326">
        <v>0</v>
      </c>
      <c r="CZ39" s="327">
        <v>0</v>
      </c>
      <c r="DA39" s="325">
        <v>0</v>
      </c>
      <c r="DB39" s="326">
        <v>0</v>
      </c>
      <c r="DC39" s="326">
        <v>0</v>
      </c>
      <c r="DD39" s="326">
        <v>0</v>
      </c>
      <c r="DE39" s="326">
        <v>0</v>
      </c>
      <c r="DF39" s="326">
        <v>0</v>
      </c>
      <c r="DG39" s="327">
        <v>0</v>
      </c>
      <c r="DH39" s="329">
        <v>0</v>
      </c>
      <c r="DI39" s="325">
        <v>0</v>
      </c>
      <c r="DJ39" s="326">
        <v>0</v>
      </c>
      <c r="DK39" s="330">
        <v>0</v>
      </c>
      <c r="DL39" s="331">
        <v>0</v>
      </c>
      <c r="DM39" s="326">
        <v>0</v>
      </c>
      <c r="DN39" s="326">
        <v>0</v>
      </c>
      <c r="DO39" s="326">
        <v>16870</v>
      </c>
      <c r="DP39" s="326">
        <v>0</v>
      </c>
      <c r="DQ39" s="326">
        <v>0</v>
      </c>
      <c r="DR39" s="327">
        <v>16870</v>
      </c>
      <c r="DS39" s="329">
        <v>16870</v>
      </c>
      <c r="DT39" s="325">
        <v>0</v>
      </c>
      <c r="DU39" s="326">
        <v>0</v>
      </c>
      <c r="DV39" s="327">
        <v>0</v>
      </c>
      <c r="DW39" s="325">
        <v>0</v>
      </c>
      <c r="DX39" s="326">
        <v>0</v>
      </c>
      <c r="DY39" s="326">
        <v>0</v>
      </c>
      <c r="DZ39" s="326">
        <v>16870</v>
      </c>
      <c r="EA39" s="326">
        <v>0</v>
      </c>
      <c r="EB39" s="326">
        <v>0</v>
      </c>
      <c r="EC39" s="327">
        <v>16870</v>
      </c>
      <c r="ED39" s="329">
        <v>16870</v>
      </c>
      <c r="EE39" s="325">
        <v>0</v>
      </c>
      <c r="EF39" s="330">
        <v>0</v>
      </c>
      <c r="EG39" s="327">
        <v>0</v>
      </c>
      <c r="EH39" s="325">
        <v>0</v>
      </c>
      <c r="EI39" s="326">
        <v>0</v>
      </c>
      <c r="EJ39" s="326">
        <v>0</v>
      </c>
      <c r="EK39" s="326">
        <v>0</v>
      </c>
      <c r="EL39" s="326">
        <v>0</v>
      </c>
      <c r="EM39" s="326">
        <v>0</v>
      </c>
      <c r="EN39" s="330">
        <v>0</v>
      </c>
      <c r="EO39" s="329">
        <v>0</v>
      </c>
      <c r="EP39" s="325">
        <v>0</v>
      </c>
      <c r="EQ39" s="326">
        <v>0</v>
      </c>
      <c r="ER39" s="330">
        <v>0</v>
      </c>
      <c r="ES39" s="331">
        <v>0</v>
      </c>
      <c r="ET39" s="326">
        <v>0</v>
      </c>
      <c r="EU39" s="326">
        <v>0</v>
      </c>
      <c r="EV39" s="326">
        <v>0</v>
      </c>
      <c r="EW39" s="326">
        <v>0</v>
      </c>
      <c r="EX39" s="326">
        <v>0</v>
      </c>
      <c r="EY39" s="327">
        <v>0</v>
      </c>
      <c r="EZ39" s="329">
        <v>0</v>
      </c>
      <c r="FA39" s="325">
        <v>0</v>
      </c>
      <c r="FB39" s="326">
        <v>0</v>
      </c>
      <c r="FC39" s="330">
        <v>0</v>
      </c>
      <c r="FD39" s="403">
        <v>0</v>
      </c>
      <c r="FE39" s="326">
        <v>0</v>
      </c>
      <c r="FF39" s="326">
        <v>0</v>
      </c>
      <c r="FG39" s="326">
        <v>0</v>
      </c>
      <c r="FH39" s="326">
        <v>0</v>
      </c>
      <c r="FI39" s="326">
        <v>0</v>
      </c>
      <c r="FJ39" s="327">
        <v>0</v>
      </c>
      <c r="FK39" s="329">
        <v>0</v>
      </c>
      <c r="FL39" s="325">
        <v>0</v>
      </c>
      <c r="FM39" s="326">
        <v>2800</v>
      </c>
      <c r="FN39" s="327">
        <v>2800</v>
      </c>
      <c r="FO39" s="325">
        <v>0</v>
      </c>
      <c r="FP39" s="326">
        <v>3500</v>
      </c>
      <c r="FQ39" s="326">
        <v>8400</v>
      </c>
      <c r="FR39" s="326">
        <v>0</v>
      </c>
      <c r="FS39" s="326">
        <v>0</v>
      </c>
      <c r="FT39" s="326">
        <v>0</v>
      </c>
      <c r="FU39" s="327">
        <v>11900</v>
      </c>
      <c r="FV39" s="329">
        <v>14700</v>
      </c>
      <c r="FW39" s="332">
        <v>0</v>
      </c>
      <c r="FX39" s="326">
        <v>2800</v>
      </c>
      <c r="FY39" s="330">
        <v>2800</v>
      </c>
      <c r="FZ39" s="331">
        <v>0</v>
      </c>
      <c r="GA39" s="326">
        <v>3500</v>
      </c>
      <c r="GB39" s="326">
        <v>8400</v>
      </c>
      <c r="GC39" s="326">
        <v>0</v>
      </c>
      <c r="GD39" s="326">
        <v>0</v>
      </c>
      <c r="GE39" s="326">
        <v>0</v>
      </c>
      <c r="GF39" s="327">
        <v>11900</v>
      </c>
      <c r="GG39" s="333">
        <v>14700</v>
      </c>
      <c r="GH39" s="332">
        <v>0</v>
      </c>
      <c r="GI39" s="326">
        <v>0</v>
      </c>
      <c r="GJ39" s="330">
        <v>0</v>
      </c>
      <c r="GK39" s="331">
        <v>0</v>
      </c>
      <c r="GL39" s="326">
        <v>0</v>
      </c>
      <c r="GM39" s="326">
        <v>0</v>
      </c>
      <c r="GN39" s="326">
        <v>0</v>
      </c>
      <c r="GO39" s="326">
        <v>0</v>
      </c>
      <c r="GP39" s="326">
        <v>0</v>
      </c>
      <c r="GQ39" s="327">
        <v>0</v>
      </c>
      <c r="GR39" s="329">
        <v>0</v>
      </c>
      <c r="GS39" s="325">
        <v>0</v>
      </c>
      <c r="GT39" s="326">
        <v>0</v>
      </c>
      <c r="GU39" s="327">
        <v>0</v>
      </c>
      <c r="GV39" s="325">
        <v>0</v>
      </c>
      <c r="GW39" s="326">
        <v>0</v>
      </c>
      <c r="GX39" s="326">
        <v>0</v>
      </c>
      <c r="GY39" s="326">
        <v>0</v>
      </c>
      <c r="GZ39" s="326">
        <v>0</v>
      </c>
      <c r="HA39" s="326">
        <v>0</v>
      </c>
      <c r="HB39" s="330">
        <v>0</v>
      </c>
      <c r="HC39" s="329">
        <v>0</v>
      </c>
      <c r="HD39" s="325">
        <v>0</v>
      </c>
      <c r="HE39" s="326">
        <v>0</v>
      </c>
      <c r="HF39" s="330">
        <v>0</v>
      </c>
      <c r="HG39" s="331">
        <v>0</v>
      </c>
      <c r="HH39" s="326">
        <v>0</v>
      </c>
      <c r="HI39" s="326">
        <v>0</v>
      </c>
      <c r="HJ39" s="326">
        <v>348941</v>
      </c>
      <c r="HK39" s="326">
        <v>0</v>
      </c>
      <c r="HL39" s="326">
        <v>0</v>
      </c>
      <c r="HM39" s="327">
        <v>348941</v>
      </c>
      <c r="HN39" s="328">
        <v>348941</v>
      </c>
      <c r="HO39" s="332">
        <v>0</v>
      </c>
      <c r="HP39" s="326">
        <v>0</v>
      </c>
      <c r="HQ39" s="327">
        <v>0</v>
      </c>
      <c r="HR39" s="325">
        <v>0</v>
      </c>
      <c r="HS39" s="326">
        <v>0</v>
      </c>
      <c r="HT39" s="326">
        <v>0</v>
      </c>
      <c r="HU39" s="326">
        <v>0</v>
      </c>
      <c r="HV39" s="326">
        <v>0</v>
      </c>
      <c r="HW39" s="326">
        <v>0</v>
      </c>
      <c r="HX39" s="330">
        <v>0</v>
      </c>
      <c r="HY39" s="329">
        <v>0</v>
      </c>
      <c r="HZ39" s="334">
        <v>0</v>
      </c>
      <c r="IA39" s="335">
        <v>0</v>
      </c>
      <c r="IB39" s="336">
        <v>0</v>
      </c>
      <c r="IC39" s="337">
        <v>0</v>
      </c>
      <c r="ID39" s="335">
        <v>98350</v>
      </c>
      <c r="IE39" s="338">
        <v>0</v>
      </c>
      <c r="IF39" s="336">
        <v>0</v>
      </c>
      <c r="IG39" s="335">
        <v>0</v>
      </c>
      <c r="IH39" s="336">
        <v>0</v>
      </c>
      <c r="II39" s="339">
        <v>98350</v>
      </c>
      <c r="IJ39" s="340">
        <v>98350</v>
      </c>
      <c r="IK39" s="341">
        <v>0</v>
      </c>
      <c r="IL39" s="342">
        <v>0</v>
      </c>
      <c r="IM39" s="343">
        <v>0</v>
      </c>
      <c r="IN39" s="403">
        <v>0</v>
      </c>
      <c r="IO39" s="344">
        <v>0</v>
      </c>
      <c r="IP39" s="344">
        <v>0</v>
      </c>
      <c r="IQ39" s="344">
        <v>0</v>
      </c>
      <c r="IR39" s="344">
        <v>0</v>
      </c>
      <c r="IS39" s="344">
        <v>0</v>
      </c>
      <c r="IT39" s="345">
        <v>0</v>
      </c>
      <c r="IU39" s="346">
        <v>0</v>
      </c>
      <c r="IV39" s="347">
        <v>0</v>
      </c>
      <c r="IW39" s="344">
        <v>0</v>
      </c>
      <c r="IX39" s="348">
        <v>0</v>
      </c>
      <c r="IY39" s="403">
        <v>0</v>
      </c>
      <c r="IZ39" s="344">
        <v>0</v>
      </c>
      <c r="JA39" s="344">
        <v>0</v>
      </c>
      <c r="JB39" s="344">
        <v>0</v>
      </c>
      <c r="JC39" s="344">
        <v>0</v>
      </c>
      <c r="JD39" s="344">
        <v>0</v>
      </c>
      <c r="JE39" s="348">
        <v>0</v>
      </c>
      <c r="JF39" s="349">
        <v>0</v>
      </c>
      <c r="JG39" s="347">
        <v>0</v>
      </c>
      <c r="JH39" s="344">
        <v>0</v>
      </c>
      <c r="JI39" s="345">
        <v>0</v>
      </c>
      <c r="JJ39" s="350">
        <v>0</v>
      </c>
      <c r="JK39" s="344">
        <v>0</v>
      </c>
      <c r="JL39" s="344">
        <v>0</v>
      </c>
      <c r="JM39" s="344">
        <v>0</v>
      </c>
      <c r="JN39" s="344">
        <v>0</v>
      </c>
      <c r="JO39" s="344">
        <v>0</v>
      </c>
      <c r="JP39" s="348">
        <v>0</v>
      </c>
      <c r="JQ39" s="346">
        <v>0</v>
      </c>
      <c r="JR39" s="347">
        <v>0</v>
      </c>
      <c r="JS39" s="344">
        <v>0</v>
      </c>
      <c r="JT39" s="345">
        <v>0</v>
      </c>
      <c r="JU39" s="350">
        <v>0</v>
      </c>
      <c r="JV39" s="344">
        <v>0</v>
      </c>
      <c r="JW39" s="344">
        <v>0</v>
      </c>
      <c r="JX39" s="344">
        <v>0</v>
      </c>
      <c r="JY39" s="344">
        <v>0</v>
      </c>
      <c r="JZ39" s="344">
        <v>0</v>
      </c>
      <c r="KA39" s="348">
        <v>0</v>
      </c>
      <c r="KB39" s="346">
        <v>0</v>
      </c>
      <c r="KC39" s="351">
        <v>0</v>
      </c>
      <c r="KD39" s="352">
        <v>0</v>
      </c>
      <c r="KE39" s="348">
        <v>0</v>
      </c>
      <c r="KF39" s="350">
        <v>0</v>
      </c>
      <c r="KG39" s="344">
        <v>98350</v>
      </c>
      <c r="KH39" s="344">
        <v>0</v>
      </c>
      <c r="KI39" s="344">
        <v>0</v>
      </c>
      <c r="KJ39" s="344">
        <v>0</v>
      </c>
      <c r="KK39" s="344">
        <v>0</v>
      </c>
      <c r="KL39" s="348">
        <v>98350</v>
      </c>
      <c r="KM39" s="353">
        <v>98350</v>
      </c>
      <c r="KN39" s="341">
        <v>0</v>
      </c>
      <c r="KO39" s="342">
        <v>0</v>
      </c>
      <c r="KP39" s="343">
        <v>0</v>
      </c>
      <c r="KQ39" s="403">
        <v>0</v>
      </c>
      <c r="KR39" s="344">
        <v>0</v>
      </c>
      <c r="KS39" s="344">
        <v>0</v>
      </c>
      <c r="KT39" s="344">
        <v>0</v>
      </c>
      <c r="KU39" s="344">
        <v>0</v>
      </c>
      <c r="KV39" s="344">
        <v>0</v>
      </c>
      <c r="KW39" s="348">
        <v>0</v>
      </c>
      <c r="KX39" s="346">
        <v>0</v>
      </c>
      <c r="KY39" s="347">
        <v>0</v>
      </c>
      <c r="KZ39" s="344">
        <v>0</v>
      </c>
      <c r="LA39" s="348">
        <v>0</v>
      </c>
      <c r="LB39" s="403">
        <v>0</v>
      </c>
      <c r="LC39" s="344">
        <v>0</v>
      </c>
      <c r="LD39" s="344">
        <v>0</v>
      </c>
      <c r="LE39" s="344">
        <v>0</v>
      </c>
      <c r="LF39" s="344">
        <v>0</v>
      </c>
      <c r="LG39" s="344">
        <v>0</v>
      </c>
      <c r="LH39" s="348">
        <v>0</v>
      </c>
      <c r="LI39" s="349">
        <v>0</v>
      </c>
      <c r="LJ39" s="347">
        <v>0</v>
      </c>
      <c r="LK39" s="344">
        <v>0</v>
      </c>
      <c r="LL39" s="348">
        <v>0</v>
      </c>
      <c r="LM39" s="403">
        <v>0</v>
      </c>
      <c r="LN39" s="344">
        <v>0</v>
      </c>
      <c r="LO39" s="344">
        <v>0</v>
      </c>
      <c r="LP39" s="344">
        <v>0</v>
      </c>
      <c r="LQ39" s="344">
        <v>0</v>
      </c>
      <c r="LR39" s="344">
        <v>0</v>
      </c>
      <c r="LS39" s="348">
        <v>0</v>
      </c>
      <c r="LT39" s="346">
        <v>0</v>
      </c>
      <c r="LU39" s="347">
        <v>0</v>
      </c>
      <c r="LV39" s="344">
        <v>0</v>
      </c>
      <c r="LW39" s="348">
        <v>0</v>
      </c>
      <c r="LX39" s="403">
        <v>0</v>
      </c>
      <c r="LY39" s="344">
        <v>0</v>
      </c>
      <c r="LZ39" s="344">
        <v>0</v>
      </c>
      <c r="MA39" s="344">
        <v>0</v>
      </c>
      <c r="MB39" s="344">
        <v>0</v>
      </c>
      <c r="MC39" s="344">
        <v>0</v>
      </c>
      <c r="MD39" s="348">
        <v>0</v>
      </c>
      <c r="ME39" s="349">
        <v>0</v>
      </c>
      <c r="MF39" s="347">
        <v>0</v>
      </c>
      <c r="MG39" s="344">
        <v>0</v>
      </c>
      <c r="MH39" s="348">
        <v>0</v>
      </c>
      <c r="MI39" s="403">
        <v>0</v>
      </c>
      <c r="MJ39" s="344">
        <v>0</v>
      </c>
      <c r="MK39" s="344">
        <v>0</v>
      </c>
      <c r="ML39" s="344">
        <v>0</v>
      </c>
      <c r="MM39" s="344">
        <v>252601</v>
      </c>
      <c r="MN39" s="344">
        <v>0</v>
      </c>
      <c r="MO39" s="348">
        <v>252601</v>
      </c>
      <c r="MP39" s="353">
        <v>252601</v>
      </c>
      <c r="MQ39" s="347">
        <v>0</v>
      </c>
      <c r="MR39" s="344">
        <v>0</v>
      </c>
      <c r="MS39" s="348">
        <v>0</v>
      </c>
      <c r="MT39" s="403">
        <v>0</v>
      </c>
      <c r="MU39" s="344">
        <v>0</v>
      </c>
      <c r="MV39" s="344">
        <v>0</v>
      </c>
      <c r="MW39" s="344">
        <v>0</v>
      </c>
      <c r="MX39" s="344">
        <v>0</v>
      </c>
      <c r="MY39" s="344">
        <v>0</v>
      </c>
      <c r="MZ39" s="348">
        <v>0</v>
      </c>
      <c r="NA39" s="353">
        <v>0</v>
      </c>
      <c r="NB39" s="347">
        <v>0</v>
      </c>
      <c r="NC39" s="344">
        <v>0</v>
      </c>
      <c r="ND39" s="348">
        <v>0</v>
      </c>
      <c r="NE39" s="403">
        <v>0</v>
      </c>
      <c r="NF39" s="344">
        <v>0</v>
      </c>
      <c r="NG39" s="344">
        <v>0</v>
      </c>
      <c r="NH39" s="344">
        <v>0</v>
      </c>
      <c r="NI39" s="344">
        <v>252601</v>
      </c>
      <c r="NJ39" s="344">
        <v>0</v>
      </c>
      <c r="NK39" s="348">
        <v>252601</v>
      </c>
      <c r="NL39" s="346">
        <v>252601</v>
      </c>
      <c r="NM39" s="347">
        <v>0</v>
      </c>
      <c r="NN39" s="344">
        <v>0</v>
      </c>
      <c r="NO39" s="348">
        <v>0</v>
      </c>
      <c r="NP39" s="403">
        <v>0</v>
      </c>
      <c r="NQ39" s="344">
        <v>0</v>
      </c>
      <c r="NR39" s="344">
        <v>0</v>
      </c>
      <c r="NS39" s="344">
        <v>0</v>
      </c>
      <c r="NT39" s="344">
        <v>0</v>
      </c>
      <c r="NU39" s="344">
        <v>0</v>
      </c>
      <c r="NV39" s="348">
        <v>0</v>
      </c>
      <c r="NW39" s="349">
        <v>0</v>
      </c>
      <c r="NX39" s="347">
        <v>0</v>
      </c>
      <c r="NY39" s="344">
        <v>0</v>
      </c>
      <c r="NZ39" s="348">
        <v>0</v>
      </c>
      <c r="OA39" s="403">
        <v>0</v>
      </c>
      <c r="OB39" s="344">
        <v>0</v>
      </c>
      <c r="OC39" s="344">
        <v>0</v>
      </c>
      <c r="OD39" s="344">
        <v>0</v>
      </c>
      <c r="OE39" s="344">
        <v>0</v>
      </c>
      <c r="OF39" s="344">
        <v>0</v>
      </c>
      <c r="OG39" s="348">
        <v>0</v>
      </c>
      <c r="OH39" s="349">
        <v>0</v>
      </c>
      <c r="OI39" s="347">
        <v>0</v>
      </c>
      <c r="OJ39" s="344">
        <v>37086</v>
      </c>
      <c r="OK39" s="345">
        <v>37086</v>
      </c>
      <c r="OL39" s="350">
        <v>0</v>
      </c>
      <c r="OM39" s="344">
        <v>158543</v>
      </c>
      <c r="ON39" s="344">
        <v>159229</v>
      </c>
      <c r="OO39" s="344">
        <v>562581</v>
      </c>
      <c r="OP39" s="344">
        <v>252601</v>
      </c>
      <c r="OQ39" s="344">
        <v>0</v>
      </c>
      <c r="OR39" s="348">
        <v>1132954</v>
      </c>
      <c r="OS39" s="353">
        <v>1170040</v>
      </c>
    </row>
    <row r="40" spans="2:409" s="70" customFormat="1" ht="21" customHeight="1" x14ac:dyDescent="0.2">
      <c r="B40" s="409" t="s">
        <v>35</v>
      </c>
      <c r="C40" s="325">
        <v>291494</v>
      </c>
      <c r="D40" s="326">
        <v>301042</v>
      </c>
      <c r="E40" s="327">
        <v>592536</v>
      </c>
      <c r="F40" s="328">
        <v>0</v>
      </c>
      <c r="G40" s="326">
        <v>806946</v>
      </c>
      <c r="H40" s="326">
        <v>633385</v>
      </c>
      <c r="I40" s="326">
        <v>1220305</v>
      </c>
      <c r="J40" s="326">
        <v>528254</v>
      </c>
      <c r="K40" s="326">
        <v>281386</v>
      </c>
      <c r="L40" s="366">
        <v>3470276</v>
      </c>
      <c r="M40" s="329">
        <v>4062812</v>
      </c>
      <c r="N40" s="325">
        <v>72198</v>
      </c>
      <c r="O40" s="326">
        <v>107401</v>
      </c>
      <c r="P40" s="327">
        <v>179599</v>
      </c>
      <c r="Q40" s="325">
        <v>0</v>
      </c>
      <c r="R40" s="326">
        <v>197257</v>
      </c>
      <c r="S40" s="326">
        <v>354316</v>
      </c>
      <c r="T40" s="326">
        <v>296933</v>
      </c>
      <c r="U40" s="326">
        <v>65219</v>
      </c>
      <c r="V40" s="326">
        <v>43911</v>
      </c>
      <c r="W40" s="327">
        <v>957636</v>
      </c>
      <c r="X40" s="329">
        <v>1137235</v>
      </c>
      <c r="Y40" s="325">
        <v>0</v>
      </c>
      <c r="Z40" s="326">
        <v>0</v>
      </c>
      <c r="AA40" s="327">
        <v>0</v>
      </c>
      <c r="AB40" s="325">
        <v>0</v>
      </c>
      <c r="AC40" s="326">
        <v>49074</v>
      </c>
      <c r="AD40" s="326">
        <v>182060</v>
      </c>
      <c r="AE40" s="326">
        <v>64939</v>
      </c>
      <c r="AF40" s="326">
        <v>0</v>
      </c>
      <c r="AG40" s="326">
        <v>0</v>
      </c>
      <c r="AH40" s="327">
        <v>296073</v>
      </c>
      <c r="AI40" s="329">
        <v>296073</v>
      </c>
      <c r="AJ40" s="325">
        <v>0</v>
      </c>
      <c r="AK40" s="326">
        <v>0</v>
      </c>
      <c r="AL40" s="327">
        <v>0</v>
      </c>
      <c r="AM40" s="325">
        <v>0</v>
      </c>
      <c r="AN40" s="326">
        <v>0</v>
      </c>
      <c r="AO40" s="326">
        <v>0</v>
      </c>
      <c r="AP40" s="326">
        <v>0</v>
      </c>
      <c r="AQ40" s="326">
        <v>0</v>
      </c>
      <c r="AR40" s="326">
        <v>0</v>
      </c>
      <c r="AS40" s="327">
        <v>0</v>
      </c>
      <c r="AT40" s="329">
        <v>0</v>
      </c>
      <c r="AU40" s="325">
        <v>17136</v>
      </c>
      <c r="AV40" s="326">
        <v>67382</v>
      </c>
      <c r="AW40" s="327">
        <v>84518</v>
      </c>
      <c r="AX40" s="325">
        <v>0</v>
      </c>
      <c r="AY40" s="326">
        <v>43582</v>
      </c>
      <c r="AZ40" s="326">
        <v>161770</v>
      </c>
      <c r="BA40" s="326">
        <v>149366</v>
      </c>
      <c r="BB40" s="326">
        <v>0</v>
      </c>
      <c r="BC40" s="326">
        <v>37646</v>
      </c>
      <c r="BD40" s="327">
        <v>392364</v>
      </c>
      <c r="BE40" s="329">
        <v>476882</v>
      </c>
      <c r="BF40" s="325">
        <v>17528</v>
      </c>
      <c r="BG40" s="326">
        <v>17528</v>
      </c>
      <c r="BH40" s="330">
        <v>35056</v>
      </c>
      <c r="BI40" s="331">
        <v>0</v>
      </c>
      <c r="BJ40" s="326">
        <v>58590</v>
      </c>
      <c r="BK40" s="326">
        <v>0</v>
      </c>
      <c r="BL40" s="326">
        <v>0</v>
      </c>
      <c r="BM40" s="326">
        <v>47271</v>
      </c>
      <c r="BN40" s="326">
        <v>0</v>
      </c>
      <c r="BO40" s="327">
        <v>105861</v>
      </c>
      <c r="BP40" s="329">
        <v>140917</v>
      </c>
      <c r="BQ40" s="325">
        <v>37534</v>
      </c>
      <c r="BR40" s="326">
        <v>22491</v>
      </c>
      <c r="BS40" s="327">
        <v>60025</v>
      </c>
      <c r="BT40" s="325">
        <v>0</v>
      </c>
      <c r="BU40" s="326">
        <v>46011</v>
      </c>
      <c r="BV40" s="326">
        <v>10486</v>
      </c>
      <c r="BW40" s="326">
        <v>82628</v>
      </c>
      <c r="BX40" s="326">
        <v>17948</v>
      </c>
      <c r="BY40" s="326">
        <v>6265</v>
      </c>
      <c r="BZ40" s="327">
        <v>163338</v>
      </c>
      <c r="CA40" s="329">
        <v>223363</v>
      </c>
      <c r="CB40" s="325">
        <v>0</v>
      </c>
      <c r="CC40" s="326">
        <v>98770</v>
      </c>
      <c r="CD40" s="327">
        <v>98770</v>
      </c>
      <c r="CE40" s="325">
        <v>0</v>
      </c>
      <c r="CF40" s="326">
        <v>185703</v>
      </c>
      <c r="CG40" s="326">
        <v>184653</v>
      </c>
      <c r="CH40" s="326">
        <v>113327</v>
      </c>
      <c r="CI40" s="326">
        <v>29008</v>
      </c>
      <c r="CJ40" s="326">
        <v>31759</v>
      </c>
      <c r="CK40" s="327">
        <v>544450</v>
      </c>
      <c r="CL40" s="329">
        <v>643220</v>
      </c>
      <c r="CM40" s="325">
        <v>0</v>
      </c>
      <c r="CN40" s="326">
        <v>0</v>
      </c>
      <c r="CO40" s="327">
        <v>0</v>
      </c>
      <c r="CP40" s="331">
        <v>0</v>
      </c>
      <c r="CQ40" s="326">
        <v>66220</v>
      </c>
      <c r="CR40" s="326">
        <v>99064</v>
      </c>
      <c r="CS40" s="326">
        <v>4795</v>
      </c>
      <c r="CT40" s="326">
        <v>29008</v>
      </c>
      <c r="CU40" s="326">
        <v>31759</v>
      </c>
      <c r="CV40" s="327">
        <v>230846</v>
      </c>
      <c r="CW40" s="329">
        <v>230846</v>
      </c>
      <c r="CX40" s="325">
        <v>0</v>
      </c>
      <c r="CY40" s="326">
        <v>98770</v>
      </c>
      <c r="CZ40" s="327">
        <v>98770</v>
      </c>
      <c r="DA40" s="325">
        <v>0</v>
      </c>
      <c r="DB40" s="326">
        <v>119483</v>
      </c>
      <c r="DC40" s="326">
        <v>85589</v>
      </c>
      <c r="DD40" s="326">
        <v>108532</v>
      </c>
      <c r="DE40" s="326">
        <v>0</v>
      </c>
      <c r="DF40" s="326">
        <v>0</v>
      </c>
      <c r="DG40" s="327">
        <v>313604</v>
      </c>
      <c r="DH40" s="329">
        <v>412374</v>
      </c>
      <c r="DI40" s="325">
        <v>0</v>
      </c>
      <c r="DJ40" s="326">
        <v>0</v>
      </c>
      <c r="DK40" s="330">
        <v>0</v>
      </c>
      <c r="DL40" s="331">
        <v>0</v>
      </c>
      <c r="DM40" s="326">
        <v>0</v>
      </c>
      <c r="DN40" s="326">
        <v>0</v>
      </c>
      <c r="DO40" s="326">
        <v>19593</v>
      </c>
      <c r="DP40" s="326">
        <v>0</v>
      </c>
      <c r="DQ40" s="326">
        <v>183596</v>
      </c>
      <c r="DR40" s="327">
        <v>203189</v>
      </c>
      <c r="DS40" s="329">
        <v>203189</v>
      </c>
      <c r="DT40" s="325">
        <v>0</v>
      </c>
      <c r="DU40" s="326">
        <v>0</v>
      </c>
      <c r="DV40" s="327">
        <v>0</v>
      </c>
      <c r="DW40" s="325">
        <v>0</v>
      </c>
      <c r="DX40" s="326">
        <v>0</v>
      </c>
      <c r="DY40" s="326">
        <v>0</v>
      </c>
      <c r="DZ40" s="326">
        <v>0</v>
      </c>
      <c r="EA40" s="326">
        <v>0</v>
      </c>
      <c r="EB40" s="326">
        <v>183596</v>
      </c>
      <c r="EC40" s="327">
        <v>183596</v>
      </c>
      <c r="ED40" s="329">
        <v>183596</v>
      </c>
      <c r="EE40" s="325">
        <v>0</v>
      </c>
      <c r="EF40" s="330">
        <v>0</v>
      </c>
      <c r="EG40" s="327">
        <v>0</v>
      </c>
      <c r="EH40" s="325">
        <v>0</v>
      </c>
      <c r="EI40" s="326">
        <v>0</v>
      </c>
      <c r="EJ40" s="326">
        <v>0</v>
      </c>
      <c r="EK40" s="326">
        <v>19593</v>
      </c>
      <c r="EL40" s="326">
        <v>0</v>
      </c>
      <c r="EM40" s="326">
        <v>0</v>
      </c>
      <c r="EN40" s="330">
        <v>19593</v>
      </c>
      <c r="EO40" s="329">
        <v>19593</v>
      </c>
      <c r="EP40" s="325">
        <v>0</v>
      </c>
      <c r="EQ40" s="326">
        <v>0</v>
      </c>
      <c r="ER40" s="330">
        <v>0</v>
      </c>
      <c r="ES40" s="331">
        <v>0</v>
      </c>
      <c r="ET40" s="326">
        <v>0</v>
      </c>
      <c r="EU40" s="326">
        <v>0</v>
      </c>
      <c r="EV40" s="326">
        <v>0</v>
      </c>
      <c r="EW40" s="326">
        <v>0</v>
      </c>
      <c r="EX40" s="326">
        <v>0</v>
      </c>
      <c r="EY40" s="327">
        <v>0</v>
      </c>
      <c r="EZ40" s="329">
        <v>0</v>
      </c>
      <c r="FA40" s="325">
        <v>0</v>
      </c>
      <c r="FB40" s="326">
        <v>0</v>
      </c>
      <c r="FC40" s="330">
        <v>0</v>
      </c>
      <c r="FD40" s="403">
        <v>0</v>
      </c>
      <c r="FE40" s="326">
        <v>0</v>
      </c>
      <c r="FF40" s="326">
        <v>0</v>
      </c>
      <c r="FG40" s="326">
        <v>0</v>
      </c>
      <c r="FH40" s="326">
        <v>0</v>
      </c>
      <c r="FI40" s="326">
        <v>0</v>
      </c>
      <c r="FJ40" s="327">
        <v>0</v>
      </c>
      <c r="FK40" s="329">
        <v>0</v>
      </c>
      <c r="FL40" s="325">
        <v>33999</v>
      </c>
      <c r="FM40" s="326">
        <v>13125</v>
      </c>
      <c r="FN40" s="327">
        <v>47124</v>
      </c>
      <c r="FO40" s="325">
        <v>0</v>
      </c>
      <c r="FP40" s="326">
        <v>17360</v>
      </c>
      <c r="FQ40" s="326">
        <v>94416</v>
      </c>
      <c r="FR40" s="326">
        <v>118258</v>
      </c>
      <c r="FS40" s="326">
        <v>55720</v>
      </c>
      <c r="FT40" s="326">
        <v>22120</v>
      </c>
      <c r="FU40" s="327">
        <v>307874</v>
      </c>
      <c r="FV40" s="329">
        <v>354998</v>
      </c>
      <c r="FW40" s="332">
        <v>11690</v>
      </c>
      <c r="FX40" s="326">
        <v>13125</v>
      </c>
      <c r="FY40" s="330">
        <v>24815</v>
      </c>
      <c r="FZ40" s="331">
        <v>0</v>
      </c>
      <c r="GA40" s="326">
        <v>17360</v>
      </c>
      <c r="GB40" s="326">
        <v>94416</v>
      </c>
      <c r="GC40" s="326">
        <v>118258</v>
      </c>
      <c r="GD40" s="326">
        <v>55720</v>
      </c>
      <c r="GE40" s="326">
        <v>22120</v>
      </c>
      <c r="GF40" s="327">
        <v>307874</v>
      </c>
      <c r="GG40" s="333">
        <v>332689</v>
      </c>
      <c r="GH40" s="332">
        <v>22309</v>
      </c>
      <c r="GI40" s="326">
        <v>0</v>
      </c>
      <c r="GJ40" s="330">
        <v>22309</v>
      </c>
      <c r="GK40" s="331">
        <v>0</v>
      </c>
      <c r="GL40" s="326">
        <v>0</v>
      </c>
      <c r="GM40" s="326">
        <v>0</v>
      </c>
      <c r="GN40" s="326">
        <v>0</v>
      </c>
      <c r="GO40" s="326">
        <v>0</v>
      </c>
      <c r="GP40" s="326">
        <v>0</v>
      </c>
      <c r="GQ40" s="327">
        <v>0</v>
      </c>
      <c r="GR40" s="329">
        <v>22309</v>
      </c>
      <c r="GS40" s="325">
        <v>0</v>
      </c>
      <c r="GT40" s="326">
        <v>0</v>
      </c>
      <c r="GU40" s="327">
        <v>0</v>
      </c>
      <c r="GV40" s="325">
        <v>0</v>
      </c>
      <c r="GW40" s="326">
        <v>0</v>
      </c>
      <c r="GX40" s="326">
        <v>0</v>
      </c>
      <c r="GY40" s="326">
        <v>0</v>
      </c>
      <c r="GZ40" s="326">
        <v>0</v>
      </c>
      <c r="HA40" s="326">
        <v>0</v>
      </c>
      <c r="HB40" s="330">
        <v>0</v>
      </c>
      <c r="HC40" s="329">
        <v>0</v>
      </c>
      <c r="HD40" s="325">
        <v>185297</v>
      </c>
      <c r="HE40" s="326">
        <v>81746</v>
      </c>
      <c r="HF40" s="330">
        <v>267043</v>
      </c>
      <c r="HG40" s="331">
        <v>0</v>
      </c>
      <c r="HH40" s="326">
        <v>406626</v>
      </c>
      <c r="HI40" s="326">
        <v>0</v>
      </c>
      <c r="HJ40" s="326">
        <v>672194</v>
      </c>
      <c r="HK40" s="326">
        <v>378307</v>
      </c>
      <c r="HL40" s="326">
        <v>0</v>
      </c>
      <c r="HM40" s="327">
        <v>1457127</v>
      </c>
      <c r="HN40" s="328">
        <v>1724170</v>
      </c>
      <c r="HO40" s="332">
        <v>0</v>
      </c>
      <c r="HP40" s="326">
        <v>0</v>
      </c>
      <c r="HQ40" s="327">
        <v>0</v>
      </c>
      <c r="HR40" s="325">
        <v>0</v>
      </c>
      <c r="HS40" s="326">
        <v>0</v>
      </c>
      <c r="HT40" s="326">
        <v>0</v>
      </c>
      <c r="HU40" s="326">
        <v>0</v>
      </c>
      <c r="HV40" s="326">
        <v>0</v>
      </c>
      <c r="HW40" s="326">
        <v>0</v>
      </c>
      <c r="HX40" s="330">
        <v>0</v>
      </c>
      <c r="HY40" s="329">
        <v>0</v>
      </c>
      <c r="HZ40" s="357">
        <v>0</v>
      </c>
      <c r="IA40" s="355">
        <v>0</v>
      </c>
      <c r="IB40" s="357">
        <v>0</v>
      </c>
      <c r="IC40" s="337">
        <v>0</v>
      </c>
      <c r="ID40" s="335">
        <v>283185</v>
      </c>
      <c r="IE40" s="338">
        <v>0</v>
      </c>
      <c r="IF40" s="336">
        <v>0</v>
      </c>
      <c r="IG40" s="335">
        <v>0</v>
      </c>
      <c r="IH40" s="336">
        <v>0</v>
      </c>
      <c r="II40" s="339">
        <v>283185</v>
      </c>
      <c r="IJ40" s="357">
        <v>283185</v>
      </c>
      <c r="IK40" s="341">
        <v>0</v>
      </c>
      <c r="IL40" s="342">
        <v>0</v>
      </c>
      <c r="IM40" s="343">
        <v>0</v>
      </c>
      <c r="IN40" s="403">
        <v>0</v>
      </c>
      <c r="IO40" s="344">
        <v>0</v>
      </c>
      <c r="IP40" s="344">
        <v>0</v>
      </c>
      <c r="IQ40" s="344">
        <v>0</v>
      </c>
      <c r="IR40" s="344">
        <v>0</v>
      </c>
      <c r="IS40" s="344">
        <v>0</v>
      </c>
      <c r="IT40" s="345">
        <v>0</v>
      </c>
      <c r="IU40" s="346">
        <v>0</v>
      </c>
      <c r="IV40" s="347">
        <v>0</v>
      </c>
      <c r="IW40" s="344">
        <v>0</v>
      </c>
      <c r="IX40" s="348">
        <v>0</v>
      </c>
      <c r="IY40" s="403">
        <v>0</v>
      </c>
      <c r="IZ40" s="344">
        <v>0</v>
      </c>
      <c r="JA40" s="344">
        <v>0</v>
      </c>
      <c r="JB40" s="344">
        <v>0</v>
      </c>
      <c r="JC40" s="344">
        <v>0</v>
      </c>
      <c r="JD40" s="344">
        <v>0</v>
      </c>
      <c r="JE40" s="348">
        <v>0</v>
      </c>
      <c r="JF40" s="349">
        <v>0</v>
      </c>
      <c r="JG40" s="347">
        <v>0</v>
      </c>
      <c r="JH40" s="344">
        <v>0</v>
      </c>
      <c r="JI40" s="345">
        <v>0</v>
      </c>
      <c r="JJ40" s="350">
        <v>0</v>
      </c>
      <c r="JK40" s="344">
        <v>0</v>
      </c>
      <c r="JL40" s="344">
        <v>0</v>
      </c>
      <c r="JM40" s="344">
        <v>0</v>
      </c>
      <c r="JN40" s="344">
        <v>0</v>
      </c>
      <c r="JO40" s="344">
        <v>0</v>
      </c>
      <c r="JP40" s="348">
        <v>0</v>
      </c>
      <c r="JQ40" s="346">
        <v>0</v>
      </c>
      <c r="JR40" s="347">
        <v>0</v>
      </c>
      <c r="JS40" s="344">
        <v>0</v>
      </c>
      <c r="JT40" s="345">
        <v>0</v>
      </c>
      <c r="JU40" s="350">
        <v>0</v>
      </c>
      <c r="JV40" s="344">
        <v>0</v>
      </c>
      <c r="JW40" s="344">
        <v>0</v>
      </c>
      <c r="JX40" s="344">
        <v>0</v>
      </c>
      <c r="JY40" s="344">
        <v>0</v>
      </c>
      <c r="JZ40" s="344">
        <v>0</v>
      </c>
      <c r="KA40" s="348">
        <v>0</v>
      </c>
      <c r="KB40" s="346">
        <v>0</v>
      </c>
      <c r="KC40" s="351">
        <v>0</v>
      </c>
      <c r="KD40" s="352">
        <v>0</v>
      </c>
      <c r="KE40" s="348">
        <v>0</v>
      </c>
      <c r="KF40" s="350">
        <v>0</v>
      </c>
      <c r="KG40" s="344">
        <v>82838</v>
      </c>
      <c r="KH40" s="344">
        <v>0</v>
      </c>
      <c r="KI40" s="344">
        <v>0</v>
      </c>
      <c r="KJ40" s="344">
        <v>0</v>
      </c>
      <c r="KK40" s="344">
        <v>0</v>
      </c>
      <c r="KL40" s="348">
        <v>82838</v>
      </c>
      <c r="KM40" s="353">
        <v>82838</v>
      </c>
      <c r="KN40" s="341">
        <v>0</v>
      </c>
      <c r="KO40" s="342">
        <v>0</v>
      </c>
      <c r="KP40" s="343">
        <v>0</v>
      </c>
      <c r="KQ40" s="403">
        <v>0</v>
      </c>
      <c r="KR40" s="344">
        <v>200347</v>
      </c>
      <c r="KS40" s="344">
        <v>0</v>
      </c>
      <c r="KT40" s="344">
        <v>0</v>
      </c>
      <c r="KU40" s="344">
        <v>0</v>
      </c>
      <c r="KV40" s="344">
        <v>0</v>
      </c>
      <c r="KW40" s="348">
        <v>200347</v>
      </c>
      <c r="KX40" s="346">
        <v>200347</v>
      </c>
      <c r="KY40" s="347">
        <v>0</v>
      </c>
      <c r="KZ40" s="344">
        <v>0</v>
      </c>
      <c r="LA40" s="348">
        <v>0</v>
      </c>
      <c r="LB40" s="403">
        <v>0</v>
      </c>
      <c r="LC40" s="344">
        <v>0</v>
      </c>
      <c r="LD40" s="344">
        <v>0</v>
      </c>
      <c r="LE40" s="344">
        <v>0</v>
      </c>
      <c r="LF40" s="344">
        <v>0</v>
      </c>
      <c r="LG40" s="344">
        <v>0</v>
      </c>
      <c r="LH40" s="348">
        <v>0</v>
      </c>
      <c r="LI40" s="349">
        <v>0</v>
      </c>
      <c r="LJ40" s="347">
        <v>0</v>
      </c>
      <c r="LK40" s="344">
        <v>0</v>
      </c>
      <c r="LL40" s="348">
        <v>0</v>
      </c>
      <c r="LM40" s="403">
        <v>0</v>
      </c>
      <c r="LN40" s="344">
        <v>0</v>
      </c>
      <c r="LO40" s="344">
        <v>0</v>
      </c>
      <c r="LP40" s="344">
        <v>0</v>
      </c>
      <c r="LQ40" s="344">
        <v>0</v>
      </c>
      <c r="LR40" s="344">
        <v>0</v>
      </c>
      <c r="LS40" s="348">
        <v>0</v>
      </c>
      <c r="LT40" s="346">
        <v>0</v>
      </c>
      <c r="LU40" s="347">
        <v>0</v>
      </c>
      <c r="LV40" s="344">
        <v>0</v>
      </c>
      <c r="LW40" s="348">
        <v>0</v>
      </c>
      <c r="LX40" s="403">
        <v>0</v>
      </c>
      <c r="LY40" s="344">
        <v>0</v>
      </c>
      <c r="LZ40" s="344">
        <v>0</v>
      </c>
      <c r="MA40" s="344">
        <v>0</v>
      </c>
      <c r="MB40" s="344">
        <v>0</v>
      </c>
      <c r="MC40" s="344">
        <v>0</v>
      </c>
      <c r="MD40" s="348">
        <v>0</v>
      </c>
      <c r="ME40" s="349">
        <v>0</v>
      </c>
      <c r="MF40" s="347">
        <v>0</v>
      </c>
      <c r="MG40" s="344">
        <v>0</v>
      </c>
      <c r="MH40" s="348">
        <v>0</v>
      </c>
      <c r="MI40" s="403">
        <v>0</v>
      </c>
      <c r="MJ40" s="344">
        <v>0</v>
      </c>
      <c r="MK40" s="344">
        <v>0</v>
      </c>
      <c r="ML40" s="344">
        <v>0</v>
      </c>
      <c r="MM40" s="344">
        <v>231945</v>
      </c>
      <c r="MN40" s="344">
        <v>0</v>
      </c>
      <c r="MO40" s="348">
        <v>231945</v>
      </c>
      <c r="MP40" s="353">
        <v>231945</v>
      </c>
      <c r="MQ40" s="347">
        <v>0</v>
      </c>
      <c r="MR40" s="344">
        <v>0</v>
      </c>
      <c r="MS40" s="348">
        <v>0</v>
      </c>
      <c r="MT40" s="403">
        <v>0</v>
      </c>
      <c r="MU40" s="344">
        <v>0</v>
      </c>
      <c r="MV40" s="344">
        <v>0</v>
      </c>
      <c r="MW40" s="344">
        <v>0</v>
      </c>
      <c r="MX40" s="344">
        <v>231945</v>
      </c>
      <c r="MY40" s="344">
        <v>0</v>
      </c>
      <c r="MZ40" s="348">
        <v>231945</v>
      </c>
      <c r="NA40" s="353">
        <v>231945</v>
      </c>
      <c r="NB40" s="347">
        <v>0</v>
      </c>
      <c r="NC40" s="344">
        <v>0</v>
      </c>
      <c r="ND40" s="348">
        <v>0</v>
      </c>
      <c r="NE40" s="403">
        <v>0</v>
      </c>
      <c r="NF40" s="344">
        <v>0</v>
      </c>
      <c r="NG40" s="344">
        <v>0</v>
      </c>
      <c r="NH40" s="344">
        <v>0</v>
      </c>
      <c r="NI40" s="344">
        <v>0</v>
      </c>
      <c r="NJ40" s="344">
        <v>0</v>
      </c>
      <c r="NK40" s="348">
        <v>0</v>
      </c>
      <c r="NL40" s="346">
        <v>0</v>
      </c>
      <c r="NM40" s="347">
        <v>0</v>
      </c>
      <c r="NN40" s="344">
        <v>0</v>
      </c>
      <c r="NO40" s="348">
        <v>0</v>
      </c>
      <c r="NP40" s="403">
        <v>0</v>
      </c>
      <c r="NQ40" s="344">
        <v>0</v>
      </c>
      <c r="NR40" s="344">
        <v>0</v>
      </c>
      <c r="NS40" s="344">
        <v>0</v>
      </c>
      <c r="NT40" s="344">
        <v>0</v>
      </c>
      <c r="NU40" s="344">
        <v>0</v>
      </c>
      <c r="NV40" s="348">
        <v>0</v>
      </c>
      <c r="NW40" s="349">
        <v>0</v>
      </c>
      <c r="NX40" s="347">
        <v>0</v>
      </c>
      <c r="NY40" s="344">
        <v>0</v>
      </c>
      <c r="NZ40" s="348">
        <v>0</v>
      </c>
      <c r="OA40" s="403">
        <v>0</v>
      </c>
      <c r="OB40" s="344">
        <v>0</v>
      </c>
      <c r="OC40" s="344">
        <v>0</v>
      </c>
      <c r="OD40" s="344">
        <v>0</v>
      </c>
      <c r="OE40" s="344">
        <v>0</v>
      </c>
      <c r="OF40" s="344">
        <v>0</v>
      </c>
      <c r="OG40" s="348">
        <v>0</v>
      </c>
      <c r="OH40" s="349">
        <v>0</v>
      </c>
      <c r="OI40" s="347">
        <v>291494</v>
      </c>
      <c r="OJ40" s="344">
        <v>301042</v>
      </c>
      <c r="OK40" s="345">
        <v>592536</v>
      </c>
      <c r="OL40" s="350">
        <v>0</v>
      </c>
      <c r="OM40" s="344">
        <v>1090131</v>
      </c>
      <c r="ON40" s="344">
        <v>633385</v>
      </c>
      <c r="OO40" s="344">
        <v>1220305</v>
      </c>
      <c r="OP40" s="344">
        <v>760199</v>
      </c>
      <c r="OQ40" s="344">
        <v>281386</v>
      </c>
      <c r="OR40" s="348">
        <v>3985406</v>
      </c>
      <c r="OS40" s="353">
        <v>4577942</v>
      </c>
    </row>
    <row r="41" spans="2:409" s="70" customFormat="1" ht="21" customHeight="1" x14ac:dyDescent="0.2">
      <c r="B41" s="409" t="s">
        <v>36</v>
      </c>
      <c r="C41" s="325">
        <v>24038</v>
      </c>
      <c r="D41" s="326">
        <v>53213</v>
      </c>
      <c r="E41" s="327">
        <v>77251</v>
      </c>
      <c r="F41" s="328">
        <v>0</v>
      </c>
      <c r="G41" s="326">
        <v>275178</v>
      </c>
      <c r="H41" s="326">
        <v>1258902</v>
      </c>
      <c r="I41" s="326">
        <v>488434</v>
      </c>
      <c r="J41" s="326">
        <v>625388</v>
      </c>
      <c r="K41" s="326">
        <v>14028</v>
      </c>
      <c r="L41" s="366">
        <v>2661930</v>
      </c>
      <c r="M41" s="329">
        <v>2739181</v>
      </c>
      <c r="N41" s="325">
        <v>24038</v>
      </c>
      <c r="O41" s="326">
        <v>28363</v>
      </c>
      <c r="P41" s="327">
        <v>52401</v>
      </c>
      <c r="Q41" s="325">
        <v>0</v>
      </c>
      <c r="R41" s="326">
        <v>235575</v>
      </c>
      <c r="S41" s="326">
        <v>264383</v>
      </c>
      <c r="T41" s="326">
        <v>122630</v>
      </c>
      <c r="U41" s="326">
        <v>52936</v>
      </c>
      <c r="V41" s="326">
        <v>14028</v>
      </c>
      <c r="W41" s="327">
        <v>689552</v>
      </c>
      <c r="X41" s="329">
        <v>741953</v>
      </c>
      <c r="Y41" s="325">
        <v>0</v>
      </c>
      <c r="Z41" s="326">
        <v>0</v>
      </c>
      <c r="AA41" s="327">
        <v>0</v>
      </c>
      <c r="AB41" s="325">
        <v>0</v>
      </c>
      <c r="AC41" s="326">
        <v>73947</v>
      </c>
      <c r="AD41" s="326">
        <v>167855</v>
      </c>
      <c r="AE41" s="326">
        <v>35974</v>
      </c>
      <c r="AF41" s="326">
        <v>0</v>
      </c>
      <c r="AG41" s="326">
        <v>0</v>
      </c>
      <c r="AH41" s="327">
        <v>277776</v>
      </c>
      <c r="AI41" s="329">
        <v>277776</v>
      </c>
      <c r="AJ41" s="325">
        <v>0</v>
      </c>
      <c r="AK41" s="326">
        <v>0</v>
      </c>
      <c r="AL41" s="327">
        <v>0</v>
      </c>
      <c r="AM41" s="325">
        <v>0</v>
      </c>
      <c r="AN41" s="326">
        <v>53472</v>
      </c>
      <c r="AO41" s="326">
        <v>0</v>
      </c>
      <c r="AP41" s="326">
        <v>0</v>
      </c>
      <c r="AQ41" s="326">
        <v>0</v>
      </c>
      <c r="AR41" s="326">
        <v>0</v>
      </c>
      <c r="AS41" s="327">
        <v>53472</v>
      </c>
      <c r="AT41" s="329">
        <v>53472</v>
      </c>
      <c r="AU41" s="325">
        <v>24038</v>
      </c>
      <c r="AV41" s="326">
        <v>28363</v>
      </c>
      <c r="AW41" s="327">
        <v>52401</v>
      </c>
      <c r="AX41" s="325">
        <v>0</v>
      </c>
      <c r="AY41" s="326">
        <v>63336</v>
      </c>
      <c r="AZ41" s="326">
        <v>50503</v>
      </c>
      <c r="BA41" s="326">
        <v>34793</v>
      </c>
      <c r="BB41" s="326">
        <v>12140</v>
      </c>
      <c r="BC41" s="326">
        <v>0</v>
      </c>
      <c r="BD41" s="327">
        <v>160772</v>
      </c>
      <c r="BE41" s="329">
        <v>213173</v>
      </c>
      <c r="BF41" s="325">
        <v>0</v>
      </c>
      <c r="BG41" s="326">
        <v>0</v>
      </c>
      <c r="BH41" s="330">
        <v>0</v>
      </c>
      <c r="BI41" s="331">
        <v>0</v>
      </c>
      <c r="BJ41" s="326">
        <v>41208</v>
      </c>
      <c r="BK41" s="326">
        <v>0</v>
      </c>
      <c r="BL41" s="326">
        <v>0</v>
      </c>
      <c r="BM41" s="326">
        <v>0</v>
      </c>
      <c r="BN41" s="326">
        <v>0</v>
      </c>
      <c r="BO41" s="327">
        <v>41208</v>
      </c>
      <c r="BP41" s="329">
        <v>41208</v>
      </c>
      <c r="BQ41" s="325">
        <v>0</v>
      </c>
      <c r="BR41" s="326">
        <v>0</v>
      </c>
      <c r="BS41" s="327">
        <v>0</v>
      </c>
      <c r="BT41" s="325">
        <v>0</v>
      </c>
      <c r="BU41" s="326">
        <v>3612</v>
      </c>
      <c r="BV41" s="326">
        <v>46025</v>
      </c>
      <c r="BW41" s="326">
        <v>51863</v>
      </c>
      <c r="BX41" s="326">
        <v>40796</v>
      </c>
      <c r="BY41" s="326">
        <v>14028</v>
      </c>
      <c r="BZ41" s="327">
        <v>156324</v>
      </c>
      <c r="CA41" s="329">
        <v>156324</v>
      </c>
      <c r="CB41" s="325">
        <v>0</v>
      </c>
      <c r="CC41" s="326">
        <v>0</v>
      </c>
      <c r="CD41" s="327">
        <v>0</v>
      </c>
      <c r="CE41" s="325">
        <v>0</v>
      </c>
      <c r="CF41" s="326">
        <v>6437</v>
      </c>
      <c r="CG41" s="326">
        <v>339719</v>
      </c>
      <c r="CH41" s="326">
        <v>0</v>
      </c>
      <c r="CI41" s="326">
        <v>93604</v>
      </c>
      <c r="CJ41" s="326">
        <v>0</v>
      </c>
      <c r="CK41" s="327">
        <v>439760</v>
      </c>
      <c r="CL41" s="329">
        <v>439760</v>
      </c>
      <c r="CM41" s="325">
        <v>0</v>
      </c>
      <c r="CN41" s="326">
        <v>0</v>
      </c>
      <c r="CO41" s="327">
        <v>0</v>
      </c>
      <c r="CP41" s="331">
        <v>0</v>
      </c>
      <c r="CQ41" s="326">
        <v>6437</v>
      </c>
      <c r="CR41" s="326">
        <v>339719</v>
      </c>
      <c r="CS41" s="326">
        <v>0</v>
      </c>
      <c r="CT41" s="326">
        <v>93604</v>
      </c>
      <c r="CU41" s="326">
        <v>0</v>
      </c>
      <c r="CV41" s="327">
        <v>439760</v>
      </c>
      <c r="CW41" s="329">
        <v>439760</v>
      </c>
      <c r="CX41" s="325">
        <v>0</v>
      </c>
      <c r="CY41" s="326">
        <v>0</v>
      </c>
      <c r="CZ41" s="327">
        <v>0</v>
      </c>
      <c r="DA41" s="325">
        <v>0</v>
      </c>
      <c r="DB41" s="326">
        <v>0</v>
      </c>
      <c r="DC41" s="326">
        <v>0</v>
      </c>
      <c r="DD41" s="326">
        <v>0</v>
      </c>
      <c r="DE41" s="326">
        <v>0</v>
      </c>
      <c r="DF41" s="326">
        <v>0</v>
      </c>
      <c r="DG41" s="327">
        <v>0</v>
      </c>
      <c r="DH41" s="329">
        <v>0</v>
      </c>
      <c r="DI41" s="325">
        <v>0</v>
      </c>
      <c r="DJ41" s="326">
        <v>0</v>
      </c>
      <c r="DK41" s="330">
        <v>0</v>
      </c>
      <c r="DL41" s="331">
        <v>0</v>
      </c>
      <c r="DM41" s="326">
        <v>0</v>
      </c>
      <c r="DN41" s="326">
        <v>125156</v>
      </c>
      <c r="DO41" s="326">
        <v>0</v>
      </c>
      <c r="DP41" s="326">
        <v>69724</v>
      </c>
      <c r="DQ41" s="326">
        <v>0</v>
      </c>
      <c r="DR41" s="327">
        <v>194880</v>
      </c>
      <c r="DS41" s="329">
        <v>194880</v>
      </c>
      <c r="DT41" s="325">
        <v>0</v>
      </c>
      <c r="DU41" s="326">
        <v>0</v>
      </c>
      <c r="DV41" s="327">
        <v>0</v>
      </c>
      <c r="DW41" s="325">
        <v>0</v>
      </c>
      <c r="DX41" s="326">
        <v>0</v>
      </c>
      <c r="DY41" s="326">
        <v>125156</v>
      </c>
      <c r="DZ41" s="326">
        <v>0</v>
      </c>
      <c r="EA41" s="326">
        <v>69724</v>
      </c>
      <c r="EB41" s="326">
        <v>0</v>
      </c>
      <c r="EC41" s="327">
        <v>194880</v>
      </c>
      <c r="ED41" s="329">
        <v>194880</v>
      </c>
      <c r="EE41" s="325">
        <v>0</v>
      </c>
      <c r="EF41" s="330">
        <v>0</v>
      </c>
      <c r="EG41" s="327">
        <v>0</v>
      </c>
      <c r="EH41" s="325">
        <v>0</v>
      </c>
      <c r="EI41" s="326">
        <v>0</v>
      </c>
      <c r="EJ41" s="326">
        <v>0</v>
      </c>
      <c r="EK41" s="326">
        <v>0</v>
      </c>
      <c r="EL41" s="326">
        <v>0</v>
      </c>
      <c r="EM41" s="326">
        <v>0</v>
      </c>
      <c r="EN41" s="330">
        <v>0</v>
      </c>
      <c r="EO41" s="329">
        <v>0</v>
      </c>
      <c r="EP41" s="325">
        <v>0</v>
      </c>
      <c r="EQ41" s="326">
        <v>0</v>
      </c>
      <c r="ER41" s="330">
        <v>0</v>
      </c>
      <c r="ES41" s="331">
        <v>0</v>
      </c>
      <c r="ET41" s="326">
        <v>0</v>
      </c>
      <c r="EU41" s="326">
        <v>0</v>
      </c>
      <c r="EV41" s="326">
        <v>0</v>
      </c>
      <c r="EW41" s="326">
        <v>0</v>
      </c>
      <c r="EX41" s="326">
        <v>0</v>
      </c>
      <c r="EY41" s="327">
        <v>0</v>
      </c>
      <c r="EZ41" s="329">
        <v>0</v>
      </c>
      <c r="FA41" s="325">
        <v>0</v>
      </c>
      <c r="FB41" s="326">
        <v>0</v>
      </c>
      <c r="FC41" s="330">
        <v>0</v>
      </c>
      <c r="FD41" s="403">
        <v>0</v>
      </c>
      <c r="FE41" s="326">
        <v>0</v>
      </c>
      <c r="FF41" s="326">
        <v>0</v>
      </c>
      <c r="FG41" s="326">
        <v>0</v>
      </c>
      <c r="FH41" s="326">
        <v>0</v>
      </c>
      <c r="FI41" s="326">
        <v>0</v>
      </c>
      <c r="FJ41" s="327">
        <v>0</v>
      </c>
      <c r="FK41" s="329">
        <v>0</v>
      </c>
      <c r="FL41" s="325">
        <v>0</v>
      </c>
      <c r="FM41" s="326">
        <v>24850</v>
      </c>
      <c r="FN41" s="327">
        <v>24850</v>
      </c>
      <c r="FO41" s="325">
        <v>0</v>
      </c>
      <c r="FP41" s="326">
        <v>33166</v>
      </c>
      <c r="FQ41" s="326">
        <v>222446</v>
      </c>
      <c r="FR41" s="326">
        <v>10836</v>
      </c>
      <c r="FS41" s="326">
        <v>35700</v>
      </c>
      <c r="FT41" s="326">
        <v>0</v>
      </c>
      <c r="FU41" s="327">
        <v>302148</v>
      </c>
      <c r="FV41" s="329">
        <v>326998</v>
      </c>
      <c r="FW41" s="332">
        <v>0</v>
      </c>
      <c r="FX41" s="326">
        <v>24850</v>
      </c>
      <c r="FY41" s="330">
        <v>24850</v>
      </c>
      <c r="FZ41" s="331">
        <v>0</v>
      </c>
      <c r="GA41" s="326">
        <v>33166</v>
      </c>
      <c r="GB41" s="326">
        <v>130046</v>
      </c>
      <c r="GC41" s="326">
        <v>10836</v>
      </c>
      <c r="GD41" s="326">
        <v>35700</v>
      </c>
      <c r="GE41" s="326">
        <v>0</v>
      </c>
      <c r="GF41" s="327">
        <v>209748</v>
      </c>
      <c r="GG41" s="333">
        <v>234598</v>
      </c>
      <c r="GH41" s="332">
        <v>0</v>
      </c>
      <c r="GI41" s="326">
        <v>0</v>
      </c>
      <c r="GJ41" s="330">
        <v>0</v>
      </c>
      <c r="GK41" s="331">
        <v>0</v>
      </c>
      <c r="GL41" s="326">
        <v>0</v>
      </c>
      <c r="GM41" s="326">
        <v>0</v>
      </c>
      <c r="GN41" s="326">
        <v>0</v>
      </c>
      <c r="GO41" s="326">
        <v>0</v>
      </c>
      <c r="GP41" s="326">
        <v>0</v>
      </c>
      <c r="GQ41" s="327">
        <v>0</v>
      </c>
      <c r="GR41" s="329">
        <v>0</v>
      </c>
      <c r="GS41" s="325">
        <v>0</v>
      </c>
      <c r="GT41" s="326">
        <v>0</v>
      </c>
      <c r="GU41" s="327">
        <v>0</v>
      </c>
      <c r="GV41" s="325">
        <v>0</v>
      </c>
      <c r="GW41" s="326">
        <v>0</v>
      </c>
      <c r="GX41" s="326">
        <v>92400</v>
      </c>
      <c r="GY41" s="326">
        <v>0</v>
      </c>
      <c r="GZ41" s="326">
        <v>0</v>
      </c>
      <c r="HA41" s="326">
        <v>0</v>
      </c>
      <c r="HB41" s="330">
        <v>92400</v>
      </c>
      <c r="HC41" s="329">
        <v>92400</v>
      </c>
      <c r="HD41" s="325">
        <v>0</v>
      </c>
      <c r="HE41" s="326">
        <v>0</v>
      </c>
      <c r="HF41" s="330">
        <v>0</v>
      </c>
      <c r="HG41" s="331">
        <v>0</v>
      </c>
      <c r="HH41" s="326">
        <v>0</v>
      </c>
      <c r="HI41" s="326">
        <v>307198</v>
      </c>
      <c r="HJ41" s="326">
        <v>354968</v>
      </c>
      <c r="HK41" s="326">
        <v>373424</v>
      </c>
      <c r="HL41" s="326">
        <v>0</v>
      </c>
      <c r="HM41" s="327">
        <v>1035590</v>
      </c>
      <c r="HN41" s="328">
        <v>1035590</v>
      </c>
      <c r="HO41" s="332">
        <v>0</v>
      </c>
      <c r="HP41" s="326">
        <v>0</v>
      </c>
      <c r="HQ41" s="327">
        <v>0</v>
      </c>
      <c r="HR41" s="325">
        <v>0</v>
      </c>
      <c r="HS41" s="326">
        <v>0</v>
      </c>
      <c r="HT41" s="326">
        <v>0</v>
      </c>
      <c r="HU41" s="326">
        <v>0</v>
      </c>
      <c r="HV41" s="326">
        <v>0</v>
      </c>
      <c r="HW41" s="326">
        <v>0</v>
      </c>
      <c r="HX41" s="330">
        <v>0</v>
      </c>
      <c r="HY41" s="329">
        <v>0</v>
      </c>
      <c r="HZ41" s="334">
        <v>0</v>
      </c>
      <c r="IA41" s="335">
        <v>0</v>
      </c>
      <c r="IB41" s="336">
        <v>0</v>
      </c>
      <c r="IC41" s="337">
        <v>0</v>
      </c>
      <c r="ID41" s="335">
        <v>58972</v>
      </c>
      <c r="IE41" s="338">
        <v>224825</v>
      </c>
      <c r="IF41" s="336">
        <v>457908</v>
      </c>
      <c r="IG41" s="335">
        <v>0</v>
      </c>
      <c r="IH41" s="336">
        <v>231672</v>
      </c>
      <c r="II41" s="339">
        <v>973377</v>
      </c>
      <c r="IJ41" s="340">
        <v>973377</v>
      </c>
      <c r="IK41" s="341">
        <v>0</v>
      </c>
      <c r="IL41" s="342">
        <v>0</v>
      </c>
      <c r="IM41" s="343">
        <v>0</v>
      </c>
      <c r="IN41" s="403">
        <v>0</v>
      </c>
      <c r="IO41" s="344">
        <v>0</v>
      </c>
      <c r="IP41" s="344">
        <v>0</v>
      </c>
      <c r="IQ41" s="344">
        <v>0</v>
      </c>
      <c r="IR41" s="344">
        <v>0</v>
      </c>
      <c r="IS41" s="344">
        <v>0</v>
      </c>
      <c r="IT41" s="345">
        <v>0</v>
      </c>
      <c r="IU41" s="346">
        <v>0</v>
      </c>
      <c r="IV41" s="347">
        <v>0</v>
      </c>
      <c r="IW41" s="344">
        <v>0</v>
      </c>
      <c r="IX41" s="348">
        <v>0</v>
      </c>
      <c r="IY41" s="403">
        <v>0</v>
      </c>
      <c r="IZ41" s="344">
        <v>0</v>
      </c>
      <c r="JA41" s="344">
        <v>0</v>
      </c>
      <c r="JB41" s="344">
        <v>0</v>
      </c>
      <c r="JC41" s="344">
        <v>0</v>
      </c>
      <c r="JD41" s="344">
        <v>0</v>
      </c>
      <c r="JE41" s="348">
        <v>0</v>
      </c>
      <c r="JF41" s="349">
        <v>0</v>
      </c>
      <c r="JG41" s="347">
        <v>0</v>
      </c>
      <c r="JH41" s="344">
        <v>0</v>
      </c>
      <c r="JI41" s="345">
        <v>0</v>
      </c>
      <c r="JJ41" s="350">
        <v>0</v>
      </c>
      <c r="JK41" s="344">
        <v>58972</v>
      </c>
      <c r="JL41" s="344">
        <v>8112</v>
      </c>
      <c r="JM41" s="344">
        <v>33751</v>
      </c>
      <c r="JN41" s="344">
        <v>0</v>
      </c>
      <c r="JO41" s="344">
        <v>0</v>
      </c>
      <c r="JP41" s="348">
        <v>100835</v>
      </c>
      <c r="JQ41" s="346">
        <v>100835</v>
      </c>
      <c r="JR41" s="347">
        <v>0</v>
      </c>
      <c r="JS41" s="344">
        <v>0</v>
      </c>
      <c r="JT41" s="345">
        <v>0</v>
      </c>
      <c r="JU41" s="350">
        <v>0</v>
      </c>
      <c r="JV41" s="344">
        <v>0</v>
      </c>
      <c r="JW41" s="344">
        <v>0</v>
      </c>
      <c r="JX41" s="344">
        <v>0</v>
      </c>
      <c r="JY41" s="344">
        <v>0</v>
      </c>
      <c r="JZ41" s="344">
        <v>0</v>
      </c>
      <c r="KA41" s="348">
        <v>0</v>
      </c>
      <c r="KB41" s="346">
        <v>0</v>
      </c>
      <c r="KC41" s="351">
        <v>0</v>
      </c>
      <c r="KD41" s="352">
        <v>0</v>
      </c>
      <c r="KE41" s="348">
        <v>0</v>
      </c>
      <c r="KF41" s="350">
        <v>0</v>
      </c>
      <c r="KG41" s="344">
        <v>0</v>
      </c>
      <c r="KH41" s="344">
        <v>0</v>
      </c>
      <c r="KI41" s="344">
        <v>201145</v>
      </c>
      <c r="KJ41" s="344">
        <v>0</v>
      </c>
      <c r="KK41" s="344">
        <v>0</v>
      </c>
      <c r="KL41" s="348">
        <v>201145</v>
      </c>
      <c r="KM41" s="353">
        <v>201145</v>
      </c>
      <c r="KN41" s="341">
        <v>0</v>
      </c>
      <c r="KO41" s="342">
        <v>0</v>
      </c>
      <c r="KP41" s="343">
        <v>0</v>
      </c>
      <c r="KQ41" s="403">
        <v>0</v>
      </c>
      <c r="KR41" s="344">
        <v>0</v>
      </c>
      <c r="KS41" s="344">
        <v>216713</v>
      </c>
      <c r="KT41" s="344">
        <v>223012</v>
      </c>
      <c r="KU41" s="344">
        <v>0</v>
      </c>
      <c r="KV41" s="344">
        <v>231672</v>
      </c>
      <c r="KW41" s="348">
        <v>671397</v>
      </c>
      <c r="KX41" s="346">
        <v>671397</v>
      </c>
      <c r="KY41" s="347">
        <v>0</v>
      </c>
      <c r="KZ41" s="344">
        <v>0</v>
      </c>
      <c r="LA41" s="348">
        <v>0</v>
      </c>
      <c r="LB41" s="403">
        <v>0</v>
      </c>
      <c r="LC41" s="344">
        <v>0</v>
      </c>
      <c r="LD41" s="344">
        <v>0</v>
      </c>
      <c r="LE41" s="344">
        <v>0</v>
      </c>
      <c r="LF41" s="344">
        <v>0</v>
      </c>
      <c r="LG41" s="344">
        <v>0</v>
      </c>
      <c r="LH41" s="348">
        <v>0</v>
      </c>
      <c r="LI41" s="349">
        <v>0</v>
      </c>
      <c r="LJ41" s="347">
        <v>0</v>
      </c>
      <c r="LK41" s="344">
        <v>0</v>
      </c>
      <c r="LL41" s="348">
        <v>0</v>
      </c>
      <c r="LM41" s="403">
        <v>0</v>
      </c>
      <c r="LN41" s="344">
        <v>0</v>
      </c>
      <c r="LO41" s="344">
        <v>0</v>
      </c>
      <c r="LP41" s="344">
        <v>0</v>
      </c>
      <c r="LQ41" s="344">
        <v>0</v>
      </c>
      <c r="LR41" s="344">
        <v>0</v>
      </c>
      <c r="LS41" s="348">
        <v>0</v>
      </c>
      <c r="LT41" s="346">
        <v>0</v>
      </c>
      <c r="LU41" s="347">
        <v>0</v>
      </c>
      <c r="LV41" s="344">
        <v>0</v>
      </c>
      <c r="LW41" s="348">
        <v>0</v>
      </c>
      <c r="LX41" s="403">
        <v>0</v>
      </c>
      <c r="LY41" s="344">
        <v>0</v>
      </c>
      <c r="LZ41" s="344">
        <v>0</v>
      </c>
      <c r="MA41" s="344">
        <v>0</v>
      </c>
      <c r="MB41" s="344">
        <v>0</v>
      </c>
      <c r="MC41" s="344">
        <v>0</v>
      </c>
      <c r="MD41" s="348">
        <v>0</v>
      </c>
      <c r="ME41" s="349">
        <v>0</v>
      </c>
      <c r="MF41" s="347">
        <v>0</v>
      </c>
      <c r="MG41" s="344">
        <v>0</v>
      </c>
      <c r="MH41" s="348">
        <v>0</v>
      </c>
      <c r="MI41" s="403">
        <v>0</v>
      </c>
      <c r="MJ41" s="344">
        <v>0</v>
      </c>
      <c r="MK41" s="344">
        <v>0</v>
      </c>
      <c r="ML41" s="344">
        <v>228381</v>
      </c>
      <c r="MM41" s="344">
        <v>220400</v>
      </c>
      <c r="MN41" s="344">
        <v>239273</v>
      </c>
      <c r="MO41" s="348">
        <v>688054</v>
      </c>
      <c r="MP41" s="353">
        <v>688054</v>
      </c>
      <c r="MQ41" s="347">
        <v>0</v>
      </c>
      <c r="MR41" s="344">
        <v>0</v>
      </c>
      <c r="MS41" s="348">
        <v>0</v>
      </c>
      <c r="MT41" s="403">
        <v>0</v>
      </c>
      <c r="MU41" s="344">
        <v>0</v>
      </c>
      <c r="MV41" s="344">
        <v>0</v>
      </c>
      <c r="MW41" s="344">
        <v>0</v>
      </c>
      <c r="MX41" s="344">
        <v>220400</v>
      </c>
      <c r="MY41" s="344">
        <v>239273</v>
      </c>
      <c r="MZ41" s="348">
        <v>459673</v>
      </c>
      <c r="NA41" s="353">
        <v>459673</v>
      </c>
      <c r="NB41" s="347">
        <v>0</v>
      </c>
      <c r="NC41" s="344">
        <v>0</v>
      </c>
      <c r="ND41" s="348">
        <v>0</v>
      </c>
      <c r="NE41" s="403">
        <v>0</v>
      </c>
      <c r="NF41" s="344">
        <v>0</v>
      </c>
      <c r="NG41" s="344">
        <v>0</v>
      </c>
      <c r="NH41" s="344">
        <v>228381</v>
      </c>
      <c r="NI41" s="344">
        <v>0</v>
      </c>
      <c r="NJ41" s="344">
        <v>0</v>
      </c>
      <c r="NK41" s="348">
        <v>228381</v>
      </c>
      <c r="NL41" s="346">
        <v>228381</v>
      </c>
      <c r="NM41" s="347">
        <v>0</v>
      </c>
      <c r="NN41" s="344">
        <v>0</v>
      </c>
      <c r="NO41" s="348">
        <v>0</v>
      </c>
      <c r="NP41" s="403">
        <v>0</v>
      </c>
      <c r="NQ41" s="344">
        <v>0</v>
      </c>
      <c r="NR41" s="344">
        <v>0</v>
      </c>
      <c r="NS41" s="344">
        <v>0</v>
      </c>
      <c r="NT41" s="344">
        <v>0</v>
      </c>
      <c r="NU41" s="344">
        <v>0</v>
      </c>
      <c r="NV41" s="348">
        <v>0</v>
      </c>
      <c r="NW41" s="349">
        <v>0</v>
      </c>
      <c r="NX41" s="347">
        <v>0</v>
      </c>
      <c r="NY41" s="344">
        <v>0</v>
      </c>
      <c r="NZ41" s="348">
        <v>0</v>
      </c>
      <c r="OA41" s="403">
        <v>0</v>
      </c>
      <c r="OB41" s="344">
        <v>0</v>
      </c>
      <c r="OC41" s="344">
        <v>0</v>
      </c>
      <c r="OD41" s="344">
        <v>0</v>
      </c>
      <c r="OE41" s="344">
        <v>0</v>
      </c>
      <c r="OF41" s="344">
        <v>0</v>
      </c>
      <c r="OG41" s="348">
        <v>0</v>
      </c>
      <c r="OH41" s="349">
        <v>0</v>
      </c>
      <c r="OI41" s="347">
        <v>24038</v>
      </c>
      <c r="OJ41" s="344">
        <v>53213</v>
      </c>
      <c r="OK41" s="345">
        <v>77251</v>
      </c>
      <c r="OL41" s="350">
        <v>0</v>
      </c>
      <c r="OM41" s="344">
        <v>334150</v>
      </c>
      <c r="ON41" s="344">
        <v>1483727</v>
      </c>
      <c r="OO41" s="344">
        <v>1174723</v>
      </c>
      <c r="OP41" s="344">
        <v>845788</v>
      </c>
      <c r="OQ41" s="344">
        <v>484973</v>
      </c>
      <c r="OR41" s="348">
        <v>4323361</v>
      </c>
      <c r="OS41" s="353">
        <v>4400612</v>
      </c>
    </row>
    <row r="42" spans="2:409" s="70" customFormat="1" ht="21" customHeight="1" thickBot="1" x14ac:dyDescent="0.25">
      <c r="B42" s="410" t="s">
        <v>37</v>
      </c>
      <c r="C42" s="370">
        <v>16741</v>
      </c>
      <c r="D42" s="371">
        <v>0</v>
      </c>
      <c r="E42" s="372">
        <v>16741</v>
      </c>
      <c r="F42" s="373">
        <v>0</v>
      </c>
      <c r="G42" s="371">
        <v>0</v>
      </c>
      <c r="H42" s="371">
        <v>0</v>
      </c>
      <c r="I42" s="371">
        <v>0</v>
      </c>
      <c r="J42" s="371">
        <v>77682</v>
      </c>
      <c r="K42" s="371">
        <v>144929</v>
      </c>
      <c r="L42" s="373">
        <v>222611</v>
      </c>
      <c r="M42" s="374">
        <v>239352</v>
      </c>
      <c r="N42" s="370">
        <v>0</v>
      </c>
      <c r="O42" s="371">
        <v>0</v>
      </c>
      <c r="P42" s="372">
        <v>0</v>
      </c>
      <c r="Q42" s="370">
        <v>0</v>
      </c>
      <c r="R42" s="371">
        <v>0</v>
      </c>
      <c r="S42" s="371">
        <v>0</v>
      </c>
      <c r="T42" s="371">
        <v>0</v>
      </c>
      <c r="U42" s="371">
        <v>43154</v>
      </c>
      <c r="V42" s="371">
        <v>48537</v>
      </c>
      <c r="W42" s="372">
        <v>91691</v>
      </c>
      <c r="X42" s="374">
        <v>91691</v>
      </c>
      <c r="Y42" s="370">
        <v>0</v>
      </c>
      <c r="Z42" s="371">
        <v>0</v>
      </c>
      <c r="AA42" s="372">
        <v>0</v>
      </c>
      <c r="AB42" s="370">
        <v>0</v>
      </c>
      <c r="AC42" s="371">
        <v>0</v>
      </c>
      <c r="AD42" s="371">
        <v>0</v>
      </c>
      <c r="AE42" s="371">
        <v>0</v>
      </c>
      <c r="AF42" s="371">
        <v>0</v>
      </c>
      <c r="AG42" s="371">
        <v>7762</v>
      </c>
      <c r="AH42" s="372">
        <v>7762</v>
      </c>
      <c r="AI42" s="374">
        <v>7762</v>
      </c>
      <c r="AJ42" s="370">
        <v>0</v>
      </c>
      <c r="AK42" s="371">
        <v>0</v>
      </c>
      <c r="AL42" s="372">
        <v>0</v>
      </c>
      <c r="AM42" s="370">
        <v>0</v>
      </c>
      <c r="AN42" s="371">
        <v>0</v>
      </c>
      <c r="AO42" s="371">
        <v>0</v>
      </c>
      <c r="AP42" s="371">
        <v>0</v>
      </c>
      <c r="AQ42" s="371">
        <v>0</v>
      </c>
      <c r="AR42" s="371">
        <v>0</v>
      </c>
      <c r="AS42" s="372">
        <v>0</v>
      </c>
      <c r="AT42" s="374">
        <v>0</v>
      </c>
      <c r="AU42" s="370">
        <v>0</v>
      </c>
      <c r="AV42" s="371">
        <v>0</v>
      </c>
      <c r="AW42" s="372">
        <v>0</v>
      </c>
      <c r="AX42" s="370">
        <v>0</v>
      </c>
      <c r="AY42" s="371">
        <v>0</v>
      </c>
      <c r="AZ42" s="371">
        <v>0</v>
      </c>
      <c r="BA42" s="371">
        <v>0</v>
      </c>
      <c r="BB42" s="371">
        <v>43154</v>
      </c>
      <c r="BC42" s="371">
        <v>29365</v>
      </c>
      <c r="BD42" s="372">
        <v>72519</v>
      </c>
      <c r="BE42" s="374">
        <v>72519</v>
      </c>
      <c r="BF42" s="370">
        <v>0</v>
      </c>
      <c r="BG42" s="371">
        <v>0</v>
      </c>
      <c r="BH42" s="375">
        <v>0</v>
      </c>
      <c r="BI42" s="376">
        <v>0</v>
      </c>
      <c r="BJ42" s="371">
        <v>0</v>
      </c>
      <c r="BK42" s="371">
        <v>0</v>
      </c>
      <c r="BL42" s="371">
        <v>0</v>
      </c>
      <c r="BM42" s="371">
        <v>0</v>
      </c>
      <c r="BN42" s="371">
        <v>0</v>
      </c>
      <c r="BO42" s="372">
        <v>0</v>
      </c>
      <c r="BP42" s="374">
        <v>0</v>
      </c>
      <c r="BQ42" s="370">
        <v>0</v>
      </c>
      <c r="BR42" s="371">
        <v>0</v>
      </c>
      <c r="BS42" s="372">
        <v>0</v>
      </c>
      <c r="BT42" s="370">
        <v>0</v>
      </c>
      <c r="BU42" s="371">
        <v>0</v>
      </c>
      <c r="BV42" s="371">
        <v>0</v>
      </c>
      <c r="BW42" s="371">
        <v>0</v>
      </c>
      <c r="BX42" s="371">
        <v>0</v>
      </c>
      <c r="BY42" s="371">
        <v>11410</v>
      </c>
      <c r="BZ42" s="372">
        <v>11410</v>
      </c>
      <c r="CA42" s="374">
        <v>11410</v>
      </c>
      <c r="CB42" s="370">
        <v>16741</v>
      </c>
      <c r="CC42" s="371">
        <v>0</v>
      </c>
      <c r="CD42" s="372">
        <v>16741</v>
      </c>
      <c r="CE42" s="370">
        <v>0</v>
      </c>
      <c r="CF42" s="371">
        <v>0</v>
      </c>
      <c r="CG42" s="371">
        <v>0</v>
      </c>
      <c r="CH42" s="371">
        <v>0</v>
      </c>
      <c r="CI42" s="371">
        <v>20402</v>
      </c>
      <c r="CJ42" s="371">
        <v>0</v>
      </c>
      <c r="CK42" s="372">
        <v>20402</v>
      </c>
      <c r="CL42" s="374">
        <v>37143</v>
      </c>
      <c r="CM42" s="370">
        <v>0</v>
      </c>
      <c r="CN42" s="371">
        <v>0</v>
      </c>
      <c r="CO42" s="372">
        <v>0</v>
      </c>
      <c r="CP42" s="376">
        <v>0</v>
      </c>
      <c r="CQ42" s="371">
        <v>0</v>
      </c>
      <c r="CR42" s="371">
        <v>0</v>
      </c>
      <c r="CS42" s="371">
        <v>0</v>
      </c>
      <c r="CT42" s="371">
        <v>20402</v>
      </c>
      <c r="CU42" s="371">
        <v>0</v>
      </c>
      <c r="CV42" s="372">
        <v>20402</v>
      </c>
      <c r="CW42" s="374">
        <v>20402</v>
      </c>
      <c r="CX42" s="370">
        <v>16741</v>
      </c>
      <c r="CY42" s="371">
        <v>0</v>
      </c>
      <c r="CZ42" s="372">
        <v>16741</v>
      </c>
      <c r="DA42" s="370">
        <v>0</v>
      </c>
      <c r="DB42" s="371">
        <v>0</v>
      </c>
      <c r="DC42" s="371">
        <v>0</v>
      </c>
      <c r="DD42" s="371">
        <v>0</v>
      </c>
      <c r="DE42" s="371">
        <v>0</v>
      </c>
      <c r="DF42" s="371">
        <v>0</v>
      </c>
      <c r="DG42" s="372">
        <v>0</v>
      </c>
      <c r="DH42" s="374">
        <v>16741</v>
      </c>
      <c r="DI42" s="370">
        <v>0</v>
      </c>
      <c r="DJ42" s="371">
        <v>0</v>
      </c>
      <c r="DK42" s="375">
        <v>0</v>
      </c>
      <c r="DL42" s="376">
        <v>0</v>
      </c>
      <c r="DM42" s="371">
        <v>0</v>
      </c>
      <c r="DN42" s="371">
        <v>0</v>
      </c>
      <c r="DO42" s="371">
        <v>0</v>
      </c>
      <c r="DP42" s="371">
        <v>0</v>
      </c>
      <c r="DQ42" s="371">
        <v>67132</v>
      </c>
      <c r="DR42" s="372">
        <v>67132</v>
      </c>
      <c r="DS42" s="374">
        <v>67132</v>
      </c>
      <c r="DT42" s="370">
        <v>0</v>
      </c>
      <c r="DU42" s="371">
        <v>0</v>
      </c>
      <c r="DV42" s="372">
        <v>0</v>
      </c>
      <c r="DW42" s="370">
        <v>0</v>
      </c>
      <c r="DX42" s="371">
        <v>0</v>
      </c>
      <c r="DY42" s="371">
        <v>0</v>
      </c>
      <c r="DZ42" s="371">
        <v>0</v>
      </c>
      <c r="EA42" s="371">
        <v>0</v>
      </c>
      <c r="EB42" s="371">
        <v>0</v>
      </c>
      <c r="EC42" s="372">
        <v>0</v>
      </c>
      <c r="ED42" s="374">
        <v>0</v>
      </c>
      <c r="EE42" s="370">
        <v>0</v>
      </c>
      <c r="EF42" s="375">
        <v>0</v>
      </c>
      <c r="EG42" s="372">
        <v>0</v>
      </c>
      <c r="EH42" s="370">
        <v>0</v>
      </c>
      <c r="EI42" s="371">
        <v>0</v>
      </c>
      <c r="EJ42" s="371">
        <v>0</v>
      </c>
      <c r="EK42" s="371">
        <v>0</v>
      </c>
      <c r="EL42" s="371">
        <v>0</v>
      </c>
      <c r="EM42" s="371">
        <v>67132</v>
      </c>
      <c r="EN42" s="375">
        <v>67132</v>
      </c>
      <c r="EO42" s="374">
        <v>67132</v>
      </c>
      <c r="EP42" s="370">
        <v>0</v>
      </c>
      <c r="EQ42" s="371">
        <v>0</v>
      </c>
      <c r="ER42" s="375">
        <v>0</v>
      </c>
      <c r="ES42" s="376">
        <v>0</v>
      </c>
      <c r="ET42" s="371">
        <v>0</v>
      </c>
      <c r="EU42" s="371">
        <v>0</v>
      </c>
      <c r="EV42" s="371">
        <v>0</v>
      </c>
      <c r="EW42" s="371">
        <v>0</v>
      </c>
      <c r="EX42" s="371">
        <v>0</v>
      </c>
      <c r="EY42" s="372">
        <v>0</v>
      </c>
      <c r="EZ42" s="374">
        <v>0</v>
      </c>
      <c r="FA42" s="370">
        <v>0</v>
      </c>
      <c r="FB42" s="371">
        <v>0</v>
      </c>
      <c r="FC42" s="375">
        <v>0</v>
      </c>
      <c r="FD42" s="404">
        <v>0</v>
      </c>
      <c r="FE42" s="371">
        <v>0</v>
      </c>
      <c r="FF42" s="371">
        <v>0</v>
      </c>
      <c r="FG42" s="371">
        <v>0</v>
      </c>
      <c r="FH42" s="371">
        <v>0</v>
      </c>
      <c r="FI42" s="371">
        <v>0</v>
      </c>
      <c r="FJ42" s="372">
        <v>0</v>
      </c>
      <c r="FK42" s="374">
        <v>0</v>
      </c>
      <c r="FL42" s="370">
        <v>0</v>
      </c>
      <c r="FM42" s="371">
        <v>0</v>
      </c>
      <c r="FN42" s="372">
        <v>0</v>
      </c>
      <c r="FO42" s="370">
        <v>0</v>
      </c>
      <c r="FP42" s="371">
        <v>0</v>
      </c>
      <c r="FQ42" s="371">
        <v>0</v>
      </c>
      <c r="FR42" s="371">
        <v>0</v>
      </c>
      <c r="FS42" s="371">
        <v>14126</v>
      </c>
      <c r="FT42" s="371">
        <v>29260</v>
      </c>
      <c r="FU42" s="372">
        <v>43386</v>
      </c>
      <c r="FV42" s="374">
        <v>43386</v>
      </c>
      <c r="FW42" s="377">
        <v>0</v>
      </c>
      <c r="FX42" s="371">
        <v>0</v>
      </c>
      <c r="FY42" s="375">
        <v>0</v>
      </c>
      <c r="FZ42" s="376">
        <v>0</v>
      </c>
      <c r="GA42" s="371">
        <v>0</v>
      </c>
      <c r="GB42" s="371">
        <v>0</v>
      </c>
      <c r="GC42" s="371">
        <v>0</v>
      </c>
      <c r="GD42" s="371">
        <v>14126</v>
      </c>
      <c r="GE42" s="371">
        <v>29260</v>
      </c>
      <c r="GF42" s="372">
        <v>43386</v>
      </c>
      <c r="GG42" s="378">
        <v>43386</v>
      </c>
      <c r="GH42" s="377">
        <v>0</v>
      </c>
      <c r="GI42" s="371">
        <v>0</v>
      </c>
      <c r="GJ42" s="375">
        <v>0</v>
      </c>
      <c r="GK42" s="376">
        <v>0</v>
      </c>
      <c r="GL42" s="371">
        <v>0</v>
      </c>
      <c r="GM42" s="371">
        <v>0</v>
      </c>
      <c r="GN42" s="371">
        <v>0</v>
      </c>
      <c r="GO42" s="371">
        <v>0</v>
      </c>
      <c r="GP42" s="371">
        <v>0</v>
      </c>
      <c r="GQ42" s="372">
        <v>0</v>
      </c>
      <c r="GR42" s="374">
        <v>0</v>
      </c>
      <c r="GS42" s="370">
        <v>0</v>
      </c>
      <c r="GT42" s="371">
        <v>0</v>
      </c>
      <c r="GU42" s="372">
        <v>0</v>
      </c>
      <c r="GV42" s="370">
        <v>0</v>
      </c>
      <c r="GW42" s="371">
        <v>0</v>
      </c>
      <c r="GX42" s="371">
        <v>0</v>
      </c>
      <c r="GY42" s="371">
        <v>0</v>
      </c>
      <c r="GZ42" s="371">
        <v>0</v>
      </c>
      <c r="HA42" s="371">
        <v>0</v>
      </c>
      <c r="HB42" s="375">
        <v>0</v>
      </c>
      <c r="HC42" s="374">
        <v>0</v>
      </c>
      <c r="HD42" s="370">
        <v>0</v>
      </c>
      <c r="HE42" s="371">
        <v>0</v>
      </c>
      <c r="HF42" s="375">
        <v>0</v>
      </c>
      <c r="HG42" s="376">
        <v>0</v>
      </c>
      <c r="HH42" s="371">
        <v>0</v>
      </c>
      <c r="HI42" s="371">
        <v>0</v>
      </c>
      <c r="HJ42" s="371">
        <v>0</v>
      </c>
      <c r="HK42" s="371">
        <v>0</v>
      </c>
      <c r="HL42" s="371">
        <v>0</v>
      </c>
      <c r="HM42" s="372">
        <v>0</v>
      </c>
      <c r="HN42" s="373">
        <v>0</v>
      </c>
      <c r="HO42" s="377">
        <v>0</v>
      </c>
      <c r="HP42" s="371">
        <v>0</v>
      </c>
      <c r="HQ42" s="372">
        <v>0</v>
      </c>
      <c r="HR42" s="370">
        <v>0</v>
      </c>
      <c r="HS42" s="371">
        <v>0</v>
      </c>
      <c r="HT42" s="371">
        <v>0</v>
      </c>
      <c r="HU42" s="371">
        <v>0</v>
      </c>
      <c r="HV42" s="371">
        <v>0</v>
      </c>
      <c r="HW42" s="371">
        <v>0</v>
      </c>
      <c r="HX42" s="375">
        <v>0</v>
      </c>
      <c r="HY42" s="374">
        <v>0</v>
      </c>
      <c r="HZ42" s="379">
        <v>0</v>
      </c>
      <c r="IA42" s="380">
        <v>0</v>
      </c>
      <c r="IB42" s="381">
        <v>0</v>
      </c>
      <c r="IC42" s="382">
        <v>0</v>
      </c>
      <c r="ID42" s="383">
        <v>0</v>
      </c>
      <c r="IE42" s="384">
        <v>0</v>
      </c>
      <c r="IF42" s="385">
        <v>0</v>
      </c>
      <c r="IG42" s="383">
        <v>0</v>
      </c>
      <c r="IH42" s="385">
        <v>144858</v>
      </c>
      <c r="II42" s="386">
        <v>144858</v>
      </c>
      <c r="IJ42" s="387">
        <v>144858</v>
      </c>
      <c r="IK42" s="388">
        <v>0</v>
      </c>
      <c r="IL42" s="389">
        <v>0</v>
      </c>
      <c r="IM42" s="390">
        <v>0</v>
      </c>
      <c r="IN42" s="404">
        <v>0</v>
      </c>
      <c r="IO42" s="391">
        <v>0</v>
      </c>
      <c r="IP42" s="391">
        <v>0</v>
      </c>
      <c r="IQ42" s="391">
        <v>0</v>
      </c>
      <c r="IR42" s="391">
        <v>0</v>
      </c>
      <c r="IS42" s="391">
        <v>0</v>
      </c>
      <c r="IT42" s="392">
        <v>0</v>
      </c>
      <c r="IU42" s="393">
        <v>0</v>
      </c>
      <c r="IV42" s="394">
        <v>0</v>
      </c>
      <c r="IW42" s="391">
        <v>0</v>
      </c>
      <c r="IX42" s="395">
        <v>0</v>
      </c>
      <c r="IY42" s="404">
        <v>0</v>
      </c>
      <c r="IZ42" s="391">
        <v>0</v>
      </c>
      <c r="JA42" s="391">
        <v>0</v>
      </c>
      <c r="JB42" s="391">
        <v>0</v>
      </c>
      <c r="JC42" s="391">
        <v>0</v>
      </c>
      <c r="JD42" s="391">
        <v>0</v>
      </c>
      <c r="JE42" s="395">
        <v>0</v>
      </c>
      <c r="JF42" s="396">
        <v>0</v>
      </c>
      <c r="JG42" s="394">
        <v>0</v>
      </c>
      <c r="JH42" s="391">
        <v>0</v>
      </c>
      <c r="JI42" s="392">
        <v>0</v>
      </c>
      <c r="JJ42" s="397">
        <v>0</v>
      </c>
      <c r="JK42" s="391">
        <v>0</v>
      </c>
      <c r="JL42" s="391">
        <v>0</v>
      </c>
      <c r="JM42" s="391">
        <v>0</v>
      </c>
      <c r="JN42" s="391">
        <v>0</v>
      </c>
      <c r="JO42" s="391">
        <v>144858</v>
      </c>
      <c r="JP42" s="395">
        <v>144858</v>
      </c>
      <c r="JQ42" s="393">
        <v>144858</v>
      </c>
      <c r="JR42" s="394">
        <v>0</v>
      </c>
      <c r="JS42" s="391">
        <v>0</v>
      </c>
      <c r="JT42" s="392">
        <v>0</v>
      </c>
      <c r="JU42" s="397">
        <v>0</v>
      </c>
      <c r="JV42" s="391">
        <v>0</v>
      </c>
      <c r="JW42" s="391">
        <v>0</v>
      </c>
      <c r="JX42" s="391">
        <v>0</v>
      </c>
      <c r="JY42" s="391">
        <v>0</v>
      </c>
      <c r="JZ42" s="391">
        <v>0</v>
      </c>
      <c r="KA42" s="395">
        <v>0</v>
      </c>
      <c r="KB42" s="393">
        <v>0</v>
      </c>
      <c r="KC42" s="398">
        <v>0</v>
      </c>
      <c r="KD42" s="399">
        <v>0</v>
      </c>
      <c r="KE42" s="395">
        <v>0</v>
      </c>
      <c r="KF42" s="397">
        <v>0</v>
      </c>
      <c r="KG42" s="391">
        <v>0</v>
      </c>
      <c r="KH42" s="391">
        <v>0</v>
      </c>
      <c r="KI42" s="391">
        <v>0</v>
      </c>
      <c r="KJ42" s="391">
        <v>0</v>
      </c>
      <c r="KK42" s="391">
        <v>0</v>
      </c>
      <c r="KL42" s="395">
        <v>0</v>
      </c>
      <c r="KM42" s="400">
        <v>0</v>
      </c>
      <c r="KN42" s="388">
        <v>0</v>
      </c>
      <c r="KO42" s="389">
        <v>0</v>
      </c>
      <c r="KP42" s="390">
        <v>0</v>
      </c>
      <c r="KQ42" s="404">
        <v>0</v>
      </c>
      <c r="KR42" s="391">
        <v>0</v>
      </c>
      <c r="KS42" s="391">
        <v>0</v>
      </c>
      <c r="KT42" s="391">
        <v>0</v>
      </c>
      <c r="KU42" s="391">
        <v>0</v>
      </c>
      <c r="KV42" s="391">
        <v>0</v>
      </c>
      <c r="KW42" s="395">
        <v>0</v>
      </c>
      <c r="KX42" s="393">
        <v>0</v>
      </c>
      <c r="KY42" s="394">
        <v>0</v>
      </c>
      <c r="KZ42" s="391">
        <v>0</v>
      </c>
      <c r="LA42" s="395">
        <v>0</v>
      </c>
      <c r="LB42" s="404">
        <v>0</v>
      </c>
      <c r="LC42" s="391">
        <v>0</v>
      </c>
      <c r="LD42" s="391">
        <v>0</v>
      </c>
      <c r="LE42" s="391">
        <v>0</v>
      </c>
      <c r="LF42" s="391">
        <v>0</v>
      </c>
      <c r="LG42" s="391">
        <v>0</v>
      </c>
      <c r="LH42" s="395">
        <v>0</v>
      </c>
      <c r="LI42" s="396">
        <v>0</v>
      </c>
      <c r="LJ42" s="394">
        <v>0</v>
      </c>
      <c r="LK42" s="391">
        <v>0</v>
      </c>
      <c r="LL42" s="395">
        <v>0</v>
      </c>
      <c r="LM42" s="404">
        <v>0</v>
      </c>
      <c r="LN42" s="391">
        <v>0</v>
      </c>
      <c r="LO42" s="391">
        <v>0</v>
      </c>
      <c r="LP42" s="391">
        <v>0</v>
      </c>
      <c r="LQ42" s="391">
        <v>0</v>
      </c>
      <c r="LR42" s="391">
        <v>0</v>
      </c>
      <c r="LS42" s="395">
        <v>0</v>
      </c>
      <c r="LT42" s="393">
        <v>0</v>
      </c>
      <c r="LU42" s="394">
        <v>0</v>
      </c>
      <c r="LV42" s="391">
        <v>0</v>
      </c>
      <c r="LW42" s="395">
        <v>0</v>
      </c>
      <c r="LX42" s="404">
        <v>0</v>
      </c>
      <c r="LY42" s="391">
        <v>0</v>
      </c>
      <c r="LZ42" s="391">
        <v>0</v>
      </c>
      <c r="MA42" s="391">
        <v>0</v>
      </c>
      <c r="MB42" s="391">
        <v>0</v>
      </c>
      <c r="MC42" s="391">
        <v>0</v>
      </c>
      <c r="MD42" s="395">
        <v>0</v>
      </c>
      <c r="ME42" s="396">
        <v>0</v>
      </c>
      <c r="MF42" s="394">
        <v>0</v>
      </c>
      <c r="MG42" s="391">
        <v>0</v>
      </c>
      <c r="MH42" s="395">
        <v>0</v>
      </c>
      <c r="MI42" s="404">
        <v>0</v>
      </c>
      <c r="MJ42" s="391">
        <v>0</v>
      </c>
      <c r="MK42" s="391">
        <v>0</v>
      </c>
      <c r="ML42" s="391">
        <v>0</v>
      </c>
      <c r="MM42" s="391">
        <v>0</v>
      </c>
      <c r="MN42" s="391">
        <v>0</v>
      </c>
      <c r="MO42" s="395">
        <v>0</v>
      </c>
      <c r="MP42" s="400">
        <v>0</v>
      </c>
      <c r="MQ42" s="394">
        <v>0</v>
      </c>
      <c r="MR42" s="391">
        <v>0</v>
      </c>
      <c r="MS42" s="395">
        <v>0</v>
      </c>
      <c r="MT42" s="404">
        <v>0</v>
      </c>
      <c r="MU42" s="391">
        <v>0</v>
      </c>
      <c r="MV42" s="391">
        <v>0</v>
      </c>
      <c r="MW42" s="391">
        <v>0</v>
      </c>
      <c r="MX42" s="391">
        <v>0</v>
      </c>
      <c r="MY42" s="391">
        <v>0</v>
      </c>
      <c r="MZ42" s="395">
        <v>0</v>
      </c>
      <c r="NA42" s="400">
        <v>0</v>
      </c>
      <c r="NB42" s="394">
        <v>0</v>
      </c>
      <c r="NC42" s="391">
        <v>0</v>
      </c>
      <c r="ND42" s="395">
        <v>0</v>
      </c>
      <c r="NE42" s="404">
        <v>0</v>
      </c>
      <c r="NF42" s="391">
        <v>0</v>
      </c>
      <c r="NG42" s="391">
        <v>0</v>
      </c>
      <c r="NH42" s="391">
        <v>0</v>
      </c>
      <c r="NI42" s="391">
        <v>0</v>
      </c>
      <c r="NJ42" s="391">
        <v>0</v>
      </c>
      <c r="NK42" s="395">
        <v>0</v>
      </c>
      <c r="NL42" s="393">
        <v>0</v>
      </c>
      <c r="NM42" s="394">
        <v>0</v>
      </c>
      <c r="NN42" s="391">
        <v>0</v>
      </c>
      <c r="NO42" s="395">
        <v>0</v>
      </c>
      <c r="NP42" s="404">
        <v>0</v>
      </c>
      <c r="NQ42" s="391">
        <v>0</v>
      </c>
      <c r="NR42" s="391">
        <v>0</v>
      </c>
      <c r="NS42" s="391">
        <v>0</v>
      </c>
      <c r="NT42" s="391">
        <v>0</v>
      </c>
      <c r="NU42" s="391">
        <v>0</v>
      </c>
      <c r="NV42" s="395">
        <v>0</v>
      </c>
      <c r="NW42" s="396">
        <v>0</v>
      </c>
      <c r="NX42" s="394">
        <v>0</v>
      </c>
      <c r="NY42" s="391">
        <v>0</v>
      </c>
      <c r="NZ42" s="395">
        <v>0</v>
      </c>
      <c r="OA42" s="404">
        <v>0</v>
      </c>
      <c r="OB42" s="391">
        <v>0</v>
      </c>
      <c r="OC42" s="391">
        <v>0</v>
      </c>
      <c r="OD42" s="391">
        <v>0</v>
      </c>
      <c r="OE42" s="391">
        <v>0</v>
      </c>
      <c r="OF42" s="391">
        <v>0</v>
      </c>
      <c r="OG42" s="395">
        <v>0</v>
      </c>
      <c r="OH42" s="396">
        <v>0</v>
      </c>
      <c r="OI42" s="394">
        <v>16741</v>
      </c>
      <c r="OJ42" s="391">
        <v>0</v>
      </c>
      <c r="OK42" s="392">
        <v>16741</v>
      </c>
      <c r="OL42" s="397">
        <v>0</v>
      </c>
      <c r="OM42" s="391">
        <v>0</v>
      </c>
      <c r="ON42" s="391">
        <v>0</v>
      </c>
      <c r="OO42" s="391">
        <v>0</v>
      </c>
      <c r="OP42" s="391">
        <v>77682</v>
      </c>
      <c r="OQ42" s="391">
        <v>289787</v>
      </c>
      <c r="OR42" s="395">
        <v>367469</v>
      </c>
      <c r="OS42" s="400">
        <v>384210</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5</v>
      </c>
      <c r="G1" s="535">
        <f>IF(F1&lt;3,F1-2+12,F1-2)</f>
        <v>3</v>
      </c>
      <c r="H1" s="535"/>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83"/>
      <c r="C3" s="443" t="s">
        <v>115</v>
      </c>
      <c r="D3" s="444"/>
      <c r="E3" s="444"/>
      <c r="F3" s="444"/>
      <c r="G3" s="444"/>
      <c r="H3" s="444"/>
      <c r="I3" s="444"/>
      <c r="J3" s="444"/>
      <c r="K3" s="444"/>
      <c r="L3" s="444"/>
      <c r="M3" s="444"/>
      <c r="N3" s="441"/>
      <c r="O3" s="441"/>
      <c r="P3" s="441"/>
      <c r="Q3" s="441"/>
      <c r="R3" s="441"/>
      <c r="S3" s="441"/>
      <c r="T3" s="441"/>
      <c r="U3" s="441"/>
      <c r="V3" s="441"/>
      <c r="W3" s="441"/>
      <c r="X3" s="441"/>
      <c r="Y3" s="441"/>
      <c r="Z3" s="441"/>
      <c r="AA3" s="441"/>
      <c r="AB3" s="441"/>
      <c r="AC3" s="441"/>
      <c r="AD3" s="441"/>
      <c r="AE3" s="441"/>
      <c r="AF3" s="441"/>
      <c r="AG3" s="441"/>
      <c r="AH3" s="441"/>
      <c r="AI3" s="441"/>
      <c r="AJ3" s="441"/>
      <c r="AK3" s="441"/>
      <c r="AL3" s="441"/>
      <c r="AM3" s="441"/>
      <c r="AN3" s="441"/>
      <c r="AO3" s="441"/>
      <c r="AP3" s="441"/>
      <c r="AQ3" s="441"/>
      <c r="AR3" s="441"/>
      <c r="AS3" s="441"/>
      <c r="AT3" s="441"/>
      <c r="AU3" s="441"/>
      <c r="AV3" s="441"/>
      <c r="AW3" s="441"/>
      <c r="AX3" s="441"/>
      <c r="AY3" s="441"/>
      <c r="AZ3" s="441"/>
      <c r="BA3" s="441"/>
      <c r="BB3" s="441"/>
      <c r="BC3" s="441"/>
      <c r="BD3" s="441"/>
      <c r="BE3" s="441"/>
      <c r="BF3" s="441"/>
      <c r="BG3" s="441"/>
      <c r="BH3" s="441"/>
      <c r="BI3" s="441"/>
      <c r="BJ3" s="441"/>
      <c r="BK3" s="441"/>
      <c r="BL3" s="441"/>
      <c r="BM3" s="441"/>
      <c r="BN3" s="441"/>
      <c r="BO3" s="441"/>
      <c r="BP3" s="441"/>
      <c r="BQ3" s="441"/>
      <c r="BR3" s="441"/>
      <c r="BS3" s="441"/>
      <c r="BT3" s="441"/>
      <c r="BU3" s="441"/>
      <c r="BV3" s="441"/>
      <c r="BW3" s="441"/>
      <c r="BX3" s="441"/>
      <c r="BY3" s="441"/>
      <c r="BZ3" s="441"/>
      <c r="CA3" s="441"/>
      <c r="CB3" s="441"/>
      <c r="CC3" s="441"/>
      <c r="CD3" s="441"/>
      <c r="CE3" s="441"/>
      <c r="CF3" s="441"/>
      <c r="CG3" s="441"/>
      <c r="CH3" s="441"/>
      <c r="CI3" s="441"/>
      <c r="CJ3" s="441"/>
      <c r="CK3" s="441"/>
      <c r="CL3" s="441"/>
      <c r="CM3" s="441"/>
      <c r="CN3" s="441"/>
      <c r="CO3" s="441"/>
      <c r="CP3" s="441"/>
      <c r="CQ3" s="441"/>
      <c r="CR3" s="441"/>
      <c r="CS3" s="441"/>
      <c r="CT3" s="441"/>
      <c r="CU3" s="441"/>
      <c r="CV3" s="441"/>
      <c r="CW3" s="441"/>
      <c r="CX3" s="441"/>
      <c r="CY3" s="441"/>
      <c r="CZ3" s="441"/>
      <c r="DA3" s="441"/>
      <c r="DB3" s="441"/>
      <c r="DC3" s="441"/>
      <c r="DD3" s="441"/>
      <c r="DE3" s="441"/>
      <c r="DF3" s="441"/>
      <c r="DG3" s="441"/>
      <c r="DH3" s="442"/>
      <c r="DI3" s="443" t="s">
        <v>117</v>
      </c>
      <c r="DJ3" s="444"/>
      <c r="DK3" s="444"/>
      <c r="DL3" s="444"/>
      <c r="DM3" s="444"/>
      <c r="DN3" s="444"/>
      <c r="DO3" s="444"/>
      <c r="DP3" s="444"/>
      <c r="DQ3" s="444"/>
      <c r="DR3" s="444"/>
      <c r="DS3" s="444"/>
      <c r="DT3" s="444"/>
      <c r="DU3" s="444"/>
      <c r="DV3" s="444"/>
      <c r="DW3" s="444"/>
      <c r="DX3" s="444"/>
      <c r="DY3" s="444"/>
      <c r="DZ3" s="444"/>
      <c r="EA3" s="444"/>
      <c r="EB3" s="444"/>
      <c r="EC3" s="444"/>
      <c r="ED3" s="444"/>
      <c r="EE3" s="444"/>
      <c r="EF3" s="444"/>
      <c r="EG3" s="444"/>
      <c r="EH3" s="444"/>
      <c r="EI3" s="444"/>
      <c r="EJ3" s="444"/>
      <c r="EK3" s="444"/>
      <c r="EL3" s="444"/>
      <c r="EM3" s="444"/>
      <c r="EN3" s="444"/>
      <c r="EO3" s="444"/>
      <c r="EP3" s="444"/>
      <c r="EQ3" s="444"/>
      <c r="ER3" s="444"/>
      <c r="ES3" s="444"/>
      <c r="ET3" s="444"/>
      <c r="EU3" s="444"/>
      <c r="EV3" s="444"/>
      <c r="EW3" s="444"/>
      <c r="EX3" s="444"/>
      <c r="EY3" s="444"/>
      <c r="EZ3" s="444"/>
      <c r="FA3" s="444"/>
      <c r="FB3" s="444"/>
      <c r="FC3" s="444"/>
      <c r="FD3" s="444"/>
      <c r="FE3" s="444"/>
      <c r="FF3" s="444"/>
      <c r="FG3" s="444"/>
      <c r="FH3" s="444"/>
      <c r="FI3" s="444"/>
      <c r="FJ3" s="444"/>
      <c r="FK3" s="444"/>
      <c r="FL3" s="444"/>
      <c r="FM3" s="444"/>
      <c r="FN3" s="444"/>
      <c r="FO3" s="444"/>
      <c r="FP3" s="444"/>
      <c r="FQ3" s="444"/>
      <c r="FR3" s="444"/>
      <c r="FS3" s="444"/>
      <c r="FT3" s="444"/>
      <c r="FU3" s="444"/>
      <c r="FV3" s="444"/>
      <c r="FW3" s="444"/>
      <c r="FX3" s="444"/>
      <c r="FY3" s="444"/>
      <c r="FZ3" s="444"/>
      <c r="GA3" s="444"/>
      <c r="GB3" s="444"/>
      <c r="GC3" s="444"/>
      <c r="GD3" s="444"/>
      <c r="GE3" s="444"/>
      <c r="GF3" s="444"/>
      <c r="GG3" s="444"/>
      <c r="GH3" s="444"/>
      <c r="GI3" s="444"/>
      <c r="GJ3" s="444"/>
      <c r="GK3" s="444"/>
      <c r="GL3" s="444"/>
      <c r="GM3" s="444"/>
      <c r="GN3" s="444"/>
      <c r="GO3" s="444"/>
      <c r="GP3" s="444"/>
      <c r="GQ3" s="444"/>
      <c r="GR3" s="444"/>
      <c r="GS3" s="444"/>
      <c r="GT3" s="444"/>
      <c r="GU3" s="444"/>
      <c r="GV3" s="444"/>
      <c r="GW3" s="444"/>
      <c r="GX3" s="444"/>
      <c r="GY3" s="444"/>
      <c r="GZ3" s="444"/>
      <c r="HA3" s="444"/>
      <c r="HB3" s="444"/>
      <c r="HC3" s="444"/>
      <c r="HD3" s="444"/>
      <c r="HE3" s="444"/>
      <c r="HF3" s="444"/>
      <c r="HG3" s="444"/>
      <c r="HH3" s="444"/>
      <c r="HI3" s="444"/>
      <c r="HJ3" s="444"/>
      <c r="HK3" s="444"/>
      <c r="HL3" s="444"/>
      <c r="HM3" s="444"/>
      <c r="HN3" s="445"/>
      <c r="HO3" s="543" t="s">
        <v>60</v>
      </c>
      <c r="HP3" s="544"/>
      <c r="HQ3" s="544"/>
      <c r="HR3" s="544"/>
      <c r="HS3" s="544"/>
      <c r="HT3" s="544"/>
      <c r="HU3" s="544"/>
      <c r="HV3" s="544"/>
      <c r="HW3" s="544"/>
      <c r="HX3" s="544"/>
      <c r="HY3" s="545"/>
    </row>
    <row r="4" spans="2:233" ht="21" customHeight="1" thickBot="1" x14ac:dyDescent="0.25">
      <c r="B4" s="564"/>
      <c r="C4" s="524"/>
      <c r="D4" s="525"/>
      <c r="E4" s="525"/>
      <c r="F4" s="525"/>
      <c r="G4" s="525"/>
      <c r="H4" s="525"/>
      <c r="I4" s="525"/>
      <c r="J4" s="525"/>
      <c r="K4" s="525"/>
      <c r="L4" s="525"/>
      <c r="M4" s="582"/>
      <c r="N4" s="540" t="s">
        <v>57</v>
      </c>
      <c r="O4" s="541"/>
      <c r="P4" s="541"/>
      <c r="Q4" s="541"/>
      <c r="R4" s="541"/>
      <c r="S4" s="541"/>
      <c r="T4" s="541"/>
      <c r="U4" s="541"/>
      <c r="V4" s="541"/>
      <c r="W4" s="541"/>
      <c r="X4" s="542"/>
      <c r="Y4" s="540" t="s">
        <v>58</v>
      </c>
      <c r="Z4" s="541"/>
      <c r="AA4" s="541"/>
      <c r="AB4" s="541"/>
      <c r="AC4" s="541"/>
      <c r="AD4" s="541"/>
      <c r="AE4" s="541"/>
      <c r="AF4" s="541"/>
      <c r="AG4" s="541"/>
      <c r="AH4" s="541"/>
      <c r="AI4" s="542"/>
      <c r="AJ4" s="540" t="s">
        <v>59</v>
      </c>
      <c r="AK4" s="541"/>
      <c r="AL4" s="541"/>
      <c r="AM4" s="541"/>
      <c r="AN4" s="541"/>
      <c r="AO4" s="541"/>
      <c r="AP4" s="541"/>
      <c r="AQ4" s="541"/>
      <c r="AR4" s="541"/>
      <c r="AS4" s="541"/>
      <c r="AT4" s="542"/>
      <c r="AU4" s="540" t="s">
        <v>148</v>
      </c>
      <c r="AV4" s="541"/>
      <c r="AW4" s="541"/>
      <c r="AX4" s="541"/>
      <c r="AY4" s="541"/>
      <c r="AZ4" s="541"/>
      <c r="BA4" s="541"/>
      <c r="BB4" s="541"/>
      <c r="BC4" s="541"/>
      <c r="BD4" s="541"/>
      <c r="BE4" s="542"/>
      <c r="BF4" s="540" t="s">
        <v>116</v>
      </c>
      <c r="BG4" s="541"/>
      <c r="BH4" s="541"/>
      <c r="BI4" s="541"/>
      <c r="BJ4" s="541"/>
      <c r="BK4" s="541"/>
      <c r="BL4" s="541"/>
      <c r="BM4" s="541"/>
      <c r="BN4" s="541"/>
      <c r="BO4" s="541"/>
      <c r="BP4" s="542"/>
      <c r="BQ4" s="540" t="s">
        <v>77</v>
      </c>
      <c r="BR4" s="541"/>
      <c r="BS4" s="541"/>
      <c r="BT4" s="541"/>
      <c r="BU4" s="541"/>
      <c r="BV4" s="541"/>
      <c r="BW4" s="541"/>
      <c r="BX4" s="541"/>
      <c r="BY4" s="541"/>
      <c r="BZ4" s="541"/>
      <c r="CA4" s="542"/>
      <c r="CB4" s="540" t="s">
        <v>78</v>
      </c>
      <c r="CC4" s="541"/>
      <c r="CD4" s="541"/>
      <c r="CE4" s="541"/>
      <c r="CF4" s="541"/>
      <c r="CG4" s="541"/>
      <c r="CH4" s="541"/>
      <c r="CI4" s="541"/>
      <c r="CJ4" s="541"/>
      <c r="CK4" s="541"/>
      <c r="CL4" s="542"/>
      <c r="CM4" s="540" t="s">
        <v>79</v>
      </c>
      <c r="CN4" s="541"/>
      <c r="CO4" s="541"/>
      <c r="CP4" s="541"/>
      <c r="CQ4" s="541"/>
      <c r="CR4" s="541"/>
      <c r="CS4" s="541"/>
      <c r="CT4" s="541"/>
      <c r="CU4" s="541"/>
      <c r="CV4" s="541"/>
      <c r="CW4" s="542"/>
      <c r="CX4" s="540" t="s">
        <v>149</v>
      </c>
      <c r="CY4" s="541"/>
      <c r="CZ4" s="541"/>
      <c r="DA4" s="541"/>
      <c r="DB4" s="541"/>
      <c r="DC4" s="541"/>
      <c r="DD4" s="541"/>
      <c r="DE4" s="541"/>
      <c r="DF4" s="541"/>
      <c r="DG4" s="541"/>
      <c r="DH4" s="542"/>
      <c r="DI4" s="524"/>
      <c r="DJ4" s="525"/>
      <c r="DK4" s="525"/>
      <c r="DL4" s="525"/>
      <c r="DM4" s="525"/>
      <c r="DN4" s="525"/>
      <c r="DO4" s="525"/>
      <c r="DP4" s="525"/>
      <c r="DQ4" s="525"/>
      <c r="DR4" s="525"/>
      <c r="DS4" s="526"/>
      <c r="DT4" s="540" t="s">
        <v>57</v>
      </c>
      <c r="DU4" s="541"/>
      <c r="DV4" s="541"/>
      <c r="DW4" s="541"/>
      <c r="DX4" s="541"/>
      <c r="DY4" s="541"/>
      <c r="DZ4" s="541"/>
      <c r="EA4" s="541"/>
      <c r="EB4" s="541"/>
      <c r="EC4" s="541"/>
      <c r="ED4" s="542"/>
      <c r="EE4" s="540" t="s">
        <v>58</v>
      </c>
      <c r="EF4" s="541"/>
      <c r="EG4" s="541"/>
      <c r="EH4" s="541"/>
      <c r="EI4" s="541"/>
      <c r="EJ4" s="541"/>
      <c r="EK4" s="541"/>
      <c r="EL4" s="541"/>
      <c r="EM4" s="541"/>
      <c r="EN4" s="541"/>
      <c r="EO4" s="542"/>
      <c r="EP4" s="540" t="s">
        <v>59</v>
      </c>
      <c r="EQ4" s="541"/>
      <c r="ER4" s="541"/>
      <c r="ES4" s="541"/>
      <c r="ET4" s="541"/>
      <c r="EU4" s="541"/>
      <c r="EV4" s="541"/>
      <c r="EW4" s="541"/>
      <c r="EX4" s="541"/>
      <c r="EY4" s="541"/>
      <c r="EZ4" s="542"/>
      <c r="FA4" s="540" t="s">
        <v>148</v>
      </c>
      <c r="FB4" s="541"/>
      <c r="FC4" s="541"/>
      <c r="FD4" s="541"/>
      <c r="FE4" s="541"/>
      <c r="FF4" s="541"/>
      <c r="FG4" s="541"/>
      <c r="FH4" s="541"/>
      <c r="FI4" s="541"/>
      <c r="FJ4" s="541"/>
      <c r="FK4" s="542"/>
      <c r="FL4" s="540" t="s">
        <v>116</v>
      </c>
      <c r="FM4" s="541"/>
      <c r="FN4" s="541"/>
      <c r="FO4" s="541"/>
      <c r="FP4" s="541"/>
      <c r="FQ4" s="541"/>
      <c r="FR4" s="541"/>
      <c r="FS4" s="541"/>
      <c r="FT4" s="541"/>
      <c r="FU4" s="541"/>
      <c r="FV4" s="542"/>
      <c r="FW4" s="540" t="s">
        <v>77</v>
      </c>
      <c r="FX4" s="541"/>
      <c r="FY4" s="541"/>
      <c r="FZ4" s="541"/>
      <c r="GA4" s="541"/>
      <c r="GB4" s="541"/>
      <c r="GC4" s="541"/>
      <c r="GD4" s="541"/>
      <c r="GE4" s="541"/>
      <c r="GF4" s="541"/>
      <c r="GG4" s="542"/>
      <c r="GH4" s="540" t="s">
        <v>78</v>
      </c>
      <c r="GI4" s="541"/>
      <c r="GJ4" s="541"/>
      <c r="GK4" s="541"/>
      <c r="GL4" s="541"/>
      <c r="GM4" s="541"/>
      <c r="GN4" s="541"/>
      <c r="GO4" s="541"/>
      <c r="GP4" s="541"/>
      <c r="GQ4" s="541"/>
      <c r="GR4" s="542"/>
      <c r="GS4" s="540" t="s">
        <v>79</v>
      </c>
      <c r="GT4" s="541"/>
      <c r="GU4" s="541"/>
      <c r="GV4" s="541"/>
      <c r="GW4" s="541"/>
      <c r="GX4" s="541"/>
      <c r="GY4" s="541"/>
      <c r="GZ4" s="541"/>
      <c r="HA4" s="541"/>
      <c r="HB4" s="541"/>
      <c r="HC4" s="542"/>
      <c r="HD4" s="540" t="s">
        <v>149</v>
      </c>
      <c r="HE4" s="541"/>
      <c r="HF4" s="541"/>
      <c r="HG4" s="541"/>
      <c r="HH4" s="541"/>
      <c r="HI4" s="541"/>
      <c r="HJ4" s="541"/>
      <c r="HK4" s="541"/>
      <c r="HL4" s="541"/>
      <c r="HM4" s="541"/>
      <c r="HN4" s="542"/>
      <c r="HO4" s="560"/>
      <c r="HP4" s="561"/>
      <c r="HQ4" s="561"/>
      <c r="HR4" s="561"/>
      <c r="HS4" s="561"/>
      <c r="HT4" s="561"/>
      <c r="HU4" s="561"/>
      <c r="HV4" s="561"/>
      <c r="HW4" s="561"/>
      <c r="HX4" s="561"/>
      <c r="HY4" s="562"/>
    </row>
    <row r="5" spans="2:233" ht="21" customHeight="1" x14ac:dyDescent="0.2">
      <c r="B5" s="564"/>
      <c r="C5" s="516" t="s">
        <v>61</v>
      </c>
      <c r="D5" s="517"/>
      <c r="E5" s="518"/>
      <c r="F5" s="565" t="s">
        <v>62</v>
      </c>
      <c r="G5" s="517"/>
      <c r="H5" s="517"/>
      <c r="I5" s="517"/>
      <c r="J5" s="517"/>
      <c r="K5" s="517"/>
      <c r="L5" s="566"/>
      <c r="M5" s="567" t="s">
        <v>52</v>
      </c>
      <c r="N5" s="524" t="s">
        <v>61</v>
      </c>
      <c r="O5" s="525"/>
      <c r="P5" s="526"/>
      <c r="Q5" s="547" t="s">
        <v>62</v>
      </c>
      <c r="R5" s="525"/>
      <c r="S5" s="525"/>
      <c r="T5" s="525"/>
      <c r="U5" s="525"/>
      <c r="V5" s="525"/>
      <c r="W5" s="548"/>
      <c r="X5" s="437" t="s">
        <v>52</v>
      </c>
      <c r="Y5" s="524" t="s">
        <v>61</v>
      </c>
      <c r="Z5" s="525"/>
      <c r="AA5" s="526"/>
      <c r="AB5" s="547" t="s">
        <v>62</v>
      </c>
      <c r="AC5" s="525"/>
      <c r="AD5" s="525"/>
      <c r="AE5" s="525"/>
      <c r="AF5" s="525"/>
      <c r="AG5" s="525"/>
      <c r="AH5" s="548"/>
      <c r="AI5" s="437" t="s">
        <v>52</v>
      </c>
      <c r="AJ5" s="524" t="s">
        <v>61</v>
      </c>
      <c r="AK5" s="525"/>
      <c r="AL5" s="526"/>
      <c r="AM5" s="547" t="s">
        <v>62</v>
      </c>
      <c r="AN5" s="525"/>
      <c r="AO5" s="525"/>
      <c r="AP5" s="525"/>
      <c r="AQ5" s="525"/>
      <c r="AR5" s="525"/>
      <c r="AS5" s="548"/>
      <c r="AT5" s="437" t="s">
        <v>52</v>
      </c>
      <c r="AU5" s="524" t="s">
        <v>61</v>
      </c>
      <c r="AV5" s="525"/>
      <c r="AW5" s="526"/>
      <c r="AX5" s="547" t="s">
        <v>62</v>
      </c>
      <c r="AY5" s="525"/>
      <c r="AZ5" s="525"/>
      <c r="BA5" s="525"/>
      <c r="BB5" s="525"/>
      <c r="BC5" s="525"/>
      <c r="BD5" s="548"/>
      <c r="BE5" s="437" t="s">
        <v>52</v>
      </c>
      <c r="BF5" s="524" t="s">
        <v>61</v>
      </c>
      <c r="BG5" s="525"/>
      <c r="BH5" s="526"/>
      <c r="BI5" s="547" t="s">
        <v>62</v>
      </c>
      <c r="BJ5" s="525"/>
      <c r="BK5" s="525"/>
      <c r="BL5" s="525"/>
      <c r="BM5" s="525"/>
      <c r="BN5" s="525"/>
      <c r="BO5" s="548"/>
      <c r="BP5" s="437" t="s">
        <v>52</v>
      </c>
      <c r="BQ5" s="524" t="s">
        <v>61</v>
      </c>
      <c r="BR5" s="525"/>
      <c r="BS5" s="526"/>
      <c r="BT5" s="547" t="s">
        <v>62</v>
      </c>
      <c r="BU5" s="525"/>
      <c r="BV5" s="525"/>
      <c r="BW5" s="525"/>
      <c r="BX5" s="525"/>
      <c r="BY5" s="525"/>
      <c r="BZ5" s="548"/>
      <c r="CA5" s="437" t="s">
        <v>52</v>
      </c>
      <c r="CB5" s="524" t="s">
        <v>61</v>
      </c>
      <c r="CC5" s="525"/>
      <c r="CD5" s="526"/>
      <c r="CE5" s="547" t="s">
        <v>62</v>
      </c>
      <c r="CF5" s="525"/>
      <c r="CG5" s="525"/>
      <c r="CH5" s="525"/>
      <c r="CI5" s="525"/>
      <c r="CJ5" s="525"/>
      <c r="CK5" s="548"/>
      <c r="CL5" s="437" t="s">
        <v>52</v>
      </c>
      <c r="CM5" s="524" t="s">
        <v>61</v>
      </c>
      <c r="CN5" s="525"/>
      <c r="CO5" s="526"/>
      <c r="CP5" s="547" t="s">
        <v>62</v>
      </c>
      <c r="CQ5" s="525"/>
      <c r="CR5" s="525"/>
      <c r="CS5" s="525"/>
      <c r="CT5" s="525"/>
      <c r="CU5" s="525"/>
      <c r="CV5" s="548"/>
      <c r="CW5" s="437" t="s">
        <v>52</v>
      </c>
      <c r="CX5" s="524" t="s">
        <v>61</v>
      </c>
      <c r="CY5" s="525"/>
      <c r="CZ5" s="526"/>
      <c r="DA5" s="547" t="s">
        <v>62</v>
      </c>
      <c r="DB5" s="525"/>
      <c r="DC5" s="525"/>
      <c r="DD5" s="525"/>
      <c r="DE5" s="525"/>
      <c r="DF5" s="525"/>
      <c r="DG5" s="548"/>
      <c r="DH5" s="437" t="s">
        <v>52</v>
      </c>
      <c r="DI5" s="516" t="s">
        <v>61</v>
      </c>
      <c r="DJ5" s="517"/>
      <c r="DK5" s="518"/>
      <c r="DL5" s="565" t="s">
        <v>62</v>
      </c>
      <c r="DM5" s="517"/>
      <c r="DN5" s="517"/>
      <c r="DO5" s="517"/>
      <c r="DP5" s="517"/>
      <c r="DQ5" s="517"/>
      <c r="DR5" s="566"/>
      <c r="DS5" s="520" t="s">
        <v>52</v>
      </c>
      <c r="DT5" s="524" t="s">
        <v>61</v>
      </c>
      <c r="DU5" s="525"/>
      <c r="DV5" s="526"/>
      <c r="DW5" s="547" t="s">
        <v>62</v>
      </c>
      <c r="DX5" s="525"/>
      <c r="DY5" s="525"/>
      <c r="DZ5" s="525"/>
      <c r="EA5" s="525"/>
      <c r="EB5" s="525"/>
      <c r="EC5" s="548"/>
      <c r="ED5" s="437" t="s">
        <v>52</v>
      </c>
      <c r="EE5" s="524" t="s">
        <v>61</v>
      </c>
      <c r="EF5" s="525"/>
      <c r="EG5" s="526"/>
      <c r="EH5" s="547" t="s">
        <v>62</v>
      </c>
      <c r="EI5" s="525"/>
      <c r="EJ5" s="525"/>
      <c r="EK5" s="525"/>
      <c r="EL5" s="525"/>
      <c r="EM5" s="525"/>
      <c r="EN5" s="548"/>
      <c r="EO5" s="437" t="s">
        <v>52</v>
      </c>
      <c r="EP5" s="524" t="s">
        <v>61</v>
      </c>
      <c r="EQ5" s="525"/>
      <c r="ER5" s="526"/>
      <c r="ES5" s="547" t="s">
        <v>62</v>
      </c>
      <c r="ET5" s="525"/>
      <c r="EU5" s="525"/>
      <c r="EV5" s="525"/>
      <c r="EW5" s="525"/>
      <c r="EX5" s="525"/>
      <c r="EY5" s="548"/>
      <c r="EZ5" s="437" t="s">
        <v>52</v>
      </c>
      <c r="FA5" s="524" t="s">
        <v>61</v>
      </c>
      <c r="FB5" s="525"/>
      <c r="FC5" s="526"/>
      <c r="FD5" s="547" t="s">
        <v>62</v>
      </c>
      <c r="FE5" s="525"/>
      <c r="FF5" s="525"/>
      <c r="FG5" s="525"/>
      <c r="FH5" s="525"/>
      <c r="FI5" s="525"/>
      <c r="FJ5" s="548"/>
      <c r="FK5" s="437" t="s">
        <v>52</v>
      </c>
      <c r="FL5" s="524" t="s">
        <v>61</v>
      </c>
      <c r="FM5" s="525"/>
      <c r="FN5" s="526"/>
      <c r="FO5" s="547" t="s">
        <v>62</v>
      </c>
      <c r="FP5" s="525"/>
      <c r="FQ5" s="525"/>
      <c r="FR5" s="525"/>
      <c r="FS5" s="525"/>
      <c r="FT5" s="525"/>
      <c r="FU5" s="548"/>
      <c r="FV5" s="437" t="s">
        <v>52</v>
      </c>
      <c r="FW5" s="524" t="s">
        <v>61</v>
      </c>
      <c r="FX5" s="525"/>
      <c r="FY5" s="526"/>
      <c r="FZ5" s="547" t="s">
        <v>62</v>
      </c>
      <c r="GA5" s="525"/>
      <c r="GB5" s="525"/>
      <c r="GC5" s="525"/>
      <c r="GD5" s="525"/>
      <c r="GE5" s="525"/>
      <c r="GF5" s="548"/>
      <c r="GG5" s="437" t="s">
        <v>52</v>
      </c>
      <c r="GH5" s="524" t="s">
        <v>61</v>
      </c>
      <c r="GI5" s="525"/>
      <c r="GJ5" s="526"/>
      <c r="GK5" s="547" t="s">
        <v>62</v>
      </c>
      <c r="GL5" s="525"/>
      <c r="GM5" s="525"/>
      <c r="GN5" s="525"/>
      <c r="GO5" s="525"/>
      <c r="GP5" s="525"/>
      <c r="GQ5" s="548"/>
      <c r="GR5" s="437" t="s">
        <v>52</v>
      </c>
      <c r="GS5" s="524" t="s">
        <v>61</v>
      </c>
      <c r="GT5" s="525"/>
      <c r="GU5" s="526"/>
      <c r="GV5" s="547" t="s">
        <v>62</v>
      </c>
      <c r="GW5" s="525"/>
      <c r="GX5" s="525"/>
      <c r="GY5" s="525"/>
      <c r="GZ5" s="525"/>
      <c r="HA5" s="525"/>
      <c r="HB5" s="548"/>
      <c r="HC5" s="437" t="s">
        <v>52</v>
      </c>
      <c r="HD5" s="524" t="s">
        <v>61</v>
      </c>
      <c r="HE5" s="525"/>
      <c r="HF5" s="526"/>
      <c r="HG5" s="547" t="s">
        <v>62</v>
      </c>
      <c r="HH5" s="525"/>
      <c r="HI5" s="525"/>
      <c r="HJ5" s="525"/>
      <c r="HK5" s="525"/>
      <c r="HL5" s="525"/>
      <c r="HM5" s="548"/>
      <c r="HN5" s="437" t="s">
        <v>52</v>
      </c>
      <c r="HO5" s="524" t="s">
        <v>61</v>
      </c>
      <c r="HP5" s="525"/>
      <c r="HQ5" s="526"/>
      <c r="HR5" s="547" t="s">
        <v>62</v>
      </c>
      <c r="HS5" s="525"/>
      <c r="HT5" s="525"/>
      <c r="HU5" s="525"/>
      <c r="HV5" s="525"/>
      <c r="HW5" s="525"/>
      <c r="HX5" s="548"/>
      <c r="HY5" s="437" t="s">
        <v>52</v>
      </c>
    </row>
    <row r="6" spans="2:233" ht="30" customHeight="1" thickBot="1" x14ac:dyDescent="0.25">
      <c r="B6" s="584"/>
      <c r="C6" s="421" t="s">
        <v>118</v>
      </c>
      <c r="D6" s="422" t="s">
        <v>44</v>
      </c>
      <c r="E6" s="249" t="s">
        <v>45</v>
      </c>
      <c r="F6" s="76" t="s">
        <v>83</v>
      </c>
      <c r="G6" s="422" t="s">
        <v>47</v>
      </c>
      <c r="H6" s="422" t="s">
        <v>48</v>
      </c>
      <c r="I6" s="422" t="s">
        <v>49</v>
      </c>
      <c r="J6" s="422" t="s">
        <v>50</v>
      </c>
      <c r="K6" s="422" t="s">
        <v>51</v>
      </c>
      <c r="L6" s="75" t="s">
        <v>45</v>
      </c>
      <c r="M6" s="536"/>
      <c r="N6" s="421" t="s">
        <v>118</v>
      </c>
      <c r="O6" s="422" t="s">
        <v>44</v>
      </c>
      <c r="P6" s="249" t="s">
        <v>45</v>
      </c>
      <c r="Q6" s="76" t="s">
        <v>83</v>
      </c>
      <c r="R6" s="422" t="s">
        <v>47</v>
      </c>
      <c r="S6" s="422" t="s">
        <v>48</v>
      </c>
      <c r="T6" s="422" t="s">
        <v>49</v>
      </c>
      <c r="U6" s="422" t="s">
        <v>50</v>
      </c>
      <c r="V6" s="422" t="s">
        <v>51</v>
      </c>
      <c r="W6" s="75" t="s">
        <v>45</v>
      </c>
      <c r="X6" s="536"/>
      <c r="Y6" s="421" t="s">
        <v>118</v>
      </c>
      <c r="Z6" s="422" t="s">
        <v>44</v>
      </c>
      <c r="AA6" s="249" t="s">
        <v>45</v>
      </c>
      <c r="AB6" s="76" t="s">
        <v>83</v>
      </c>
      <c r="AC6" s="422" t="s">
        <v>47</v>
      </c>
      <c r="AD6" s="422" t="s">
        <v>48</v>
      </c>
      <c r="AE6" s="422" t="s">
        <v>49</v>
      </c>
      <c r="AF6" s="422" t="s">
        <v>50</v>
      </c>
      <c r="AG6" s="422" t="s">
        <v>51</v>
      </c>
      <c r="AH6" s="75" t="s">
        <v>45</v>
      </c>
      <c r="AI6" s="536"/>
      <c r="AJ6" s="421" t="s">
        <v>118</v>
      </c>
      <c r="AK6" s="422" t="s">
        <v>44</v>
      </c>
      <c r="AL6" s="249" t="s">
        <v>45</v>
      </c>
      <c r="AM6" s="76" t="s">
        <v>83</v>
      </c>
      <c r="AN6" s="422" t="s">
        <v>47</v>
      </c>
      <c r="AO6" s="422" t="s">
        <v>48</v>
      </c>
      <c r="AP6" s="422" t="s">
        <v>49</v>
      </c>
      <c r="AQ6" s="422" t="s">
        <v>50</v>
      </c>
      <c r="AR6" s="422" t="s">
        <v>51</v>
      </c>
      <c r="AS6" s="75" t="s">
        <v>45</v>
      </c>
      <c r="AT6" s="536"/>
      <c r="AU6" s="421" t="s">
        <v>118</v>
      </c>
      <c r="AV6" s="422" t="s">
        <v>44</v>
      </c>
      <c r="AW6" s="249" t="s">
        <v>45</v>
      </c>
      <c r="AX6" s="76" t="s">
        <v>83</v>
      </c>
      <c r="AY6" s="422" t="s">
        <v>47</v>
      </c>
      <c r="AZ6" s="422" t="s">
        <v>48</v>
      </c>
      <c r="BA6" s="422" t="s">
        <v>49</v>
      </c>
      <c r="BB6" s="422" t="s">
        <v>50</v>
      </c>
      <c r="BC6" s="422" t="s">
        <v>51</v>
      </c>
      <c r="BD6" s="75" t="s">
        <v>45</v>
      </c>
      <c r="BE6" s="536"/>
      <c r="BF6" s="421" t="s">
        <v>118</v>
      </c>
      <c r="BG6" s="422" t="s">
        <v>44</v>
      </c>
      <c r="BH6" s="249" t="s">
        <v>45</v>
      </c>
      <c r="BI6" s="76" t="s">
        <v>83</v>
      </c>
      <c r="BJ6" s="422" t="s">
        <v>47</v>
      </c>
      <c r="BK6" s="422" t="s">
        <v>48</v>
      </c>
      <c r="BL6" s="422" t="s">
        <v>49</v>
      </c>
      <c r="BM6" s="422" t="s">
        <v>50</v>
      </c>
      <c r="BN6" s="422" t="s">
        <v>51</v>
      </c>
      <c r="BO6" s="75" t="s">
        <v>45</v>
      </c>
      <c r="BP6" s="536"/>
      <c r="BQ6" s="421" t="s">
        <v>118</v>
      </c>
      <c r="BR6" s="422" t="s">
        <v>44</v>
      </c>
      <c r="BS6" s="249" t="s">
        <v>45</v>
      </c>
      <c r="BT6" s="76" t="s">
        <v>83</v>
      </c>
      <c r="BU6" s="422" t="s">
        <v>47</v>
      </c>
      <c r="BV6" s="422" t="s">
        <v>48</v>
      </c>
      <c r="BW6" s="422" t="s">
        <v>49</v>
      </c>
      <c r="BX6" s="422" t="s">
        <v>50</v>
      </c>
      <c r="BY6" s="422" t="s">
        <v>51</v>
      </c>
      <c r="BZ6" s="75" t="s">
        <v>45</v>
      </c>
      <c r="CA6" s="536"/>
      <c r="CB6" s="421" t="s">
        <v>118</v>
      </c>
      <c r="CC6" s="422" t="s">
        <v>44</v>
      </c>
      <c r="CD6" s="249" t="s">
        <v>45</v>
      </c>
      <c r="CE6" s="76" t="s">
        <v>83</v>
      </c>
      <c r="CF6" s="422" t="s">
        <v>47</v>
      </c>
      <c r="CG6" s="422" t="s">
        <v>48</v>
      </c>
      <c r="CH6" s="422" t="s">
        <v>49</v>
      </c>
      <c r="CI6" s="422" t="s">
        <v>50</v>
      </c>
      <c r="CJ6" s="422" t="s">
        <v>51</v>
      </c>
      <c r="CK6" s="75" t="s">
        <v>45</v>
      </c>
      <c r="CL6" s="536"/>
      <c r="CM6" s="421" t="s">
        <v>118</v>
      </c>
      <c r="CN6" s="422" t="s">
        <v>44</v>
      </c>
      <c r="CO6" s="249" t="s">
        <v>45</v>
      </c>
      <c r="CP6" s="76" t="s">
        <v>83</v>
      </c>
      <c r="CQ6" s="422" t="s">
        <v>47</v>
      </c>
      <c r="CR6" s="422" t="s">
        <v>48</v>
      </c>
      <c r="CS6" s="422" t="s">
        <v>49</v>
      </c>
      <c r="CT6" s="422" t="s">
        <v>50</v>
      </c>
      <c r="CU6" s="422" t="s">
        <v>51</v>
      </c>
      <c r="CV6" s="75" t="s">
        <v>45</v>
      </c>
      <c r="CW6" s="536"/>
      <c r="CX6" s="421" t="s">
        <v>118</v>
      </c>
      <c r="CY6" s="422" t="s">
        <v>44</v>
      </c>
      <c r="CZ6" s="249" t="s">
        <v>45</v>
      </c>
      <c r="DA6" s="76" t="s">
        <v>83</v>
      </c>
      <c r="DB6" s="422" t="s">
        <v>47</v>
      </c>
      <c r="DC6" s="422" t="s">
        <v>48</v>
      </c>
      <c r="DD6" s="422" t="s">
        <v>49</v>
      </c>
      <c r="DE6" s="422" t="s">
        <v>50</v>
      </c>
      <c r="DF6" s="422" t="s">
        <v>51</v>
      </c>
      <c r="DG6" s="75" t="s">
        <v>45</v>
      </c>
      <c r="DH6" s="536"/>
      <c r="DI6" s="421" t="s">
        <v>118</v>
      </c>
      <c r="DJ6" s="422" t="s">
        <v>44</v>
      </c>
      <c r="DK6" s="249" t="s">
        <v>45</v>
      </c>
      <c r="DL6" s="76" t="s">
        <v>83</v>
      </c>
      <c r="DM6" s="422" t="s">
        <v>47</v>
      </c>
      <c r="DN6" s="422" t="s">
        <v>48</v>
      </c>
      <c r="DO6" s="422" t="s">
        <v>49</v>
      </c>
      <c r="DP6" s="422" t="s">
        <v>50</v>
      </c>
      <c r="DQ6" s="422" t="s">
        <v>51</v>
      </c>
      <c r="DR6" s="75" t="s">
        <v>45</v>
      </c>
      <c r="DS6" s="570"/>
      <c r="DT6" s="421" t="s">
        <v>118</v>
      </c>
      <c r="DU6" s="422" t="s">
        <v>44</v>
      </c>
      <c r="DV6" s="249" t="s">
        <v>45</v>
      </c>
      <c r="DW6" s="76" t="s">
        <v>83</v>
      </c>
      <c r="DX6" s="422" t="s">
        <v>47</v>
      </c>
      <c r="DY6" s="422" t="s">
        <v>48</v>
      </c>
      <c r="DZ6" s="422" t="s">
        <v>49</v>
      </c>
      <c r="EA6" s="422" t="s">
        <v>50</v>
      </c>
      <c r="EB6" s="422" t="s">
        <v>51</v>
      </c>
      <c r="EC6" s="75" t="s">
        <v>45</v>
      </c>
      <c r="ED6" s="536"/>
      <c r="EE6" s="421" t="s">
        <v>118</v>
      </c>
      <c r="EF6" s="422" t="s">
        <v>44</v>
      </c>
      <c r="EG6" s="249" t="s">
        <v>45</v>
      </c>
      <c r="EH6" s="76" t="s">
        <v>83</v>
      </c>
      <c r="EI6" s="422" t="s">
        <v>47</v>
      </c>
      <c r="EJ6" s="422" t="s">
        <v>48</v>
      </c>
      <c r="EK6" s="422" t="s">
        <v>49</v>
      </c>
      <c r="EL6" s="422" t="s">
        <v>50</v>
      </c>
      <c r="EM6" s="422" t="s">
        <v>51</v>
      </c>
      <c r="EN6" s="75" t="s">
        <v>45</v>
      </c>
      <c r="EO6" s="536"/>
      <c r="EP6" s="421" t="s">
        <v>118</v>
      </c>
      <c r="EQ6" s="422" t="s">
        <v>44</v>
      </c>
      <c r="ER6" s="249" t="s">
        <v>45</v>
      </c>
      <c r="ES6" s="76" t="s">
        <v>83</v>
      </c>
      <c r="ET6" s="422" t="s">
        <v>47</v>
      </c>
      <c r="EU6" s="422" t="s">
        <v>48</v>
      </c>
      <c r="EV6" s="422" t="s">
        <v>49</v>
      </c>
      <c r="EW6" s="422" t="s">
        <v>50</v>
      </c>
      <c r="EX6" s="422" t="s">
        <v>51</v>
      </c>
      <c r="EY6" s="75" t="s">
        <v>45</v>
      </c>
      <c r="EZ6" s="536"/>
      <c r="FA6" s="421" t="s">
        <v>118</v>
      </c>
      <c r="FB6" s="422" t="s">
        <v>44</v>
      </c>
      <c r="FC6" s="249" t="s">
        <v>45</v>
      </c>
      <c r="FD6" s="76" t="s">
        <v>83</v>
      </c>
      <c r="FE6" s="422" t="s">
        <v>47</v>
      </c>
      <c r="FF6" s="422" t="s">
        <v>48</v>
      </c>
      <c r="FG6" s="422" t="s">
        <v>49</v>
      </c>
      <c r="FH6" s="422" t="s">
        <v>50</v>
      </c>
      <c r="FI6" s="422" t="s">
        <v>51</v>
      </c>
      <c r="FJ6" s="75" t="s">
        <v>45</v>
      </c>
      <c r="FK6" s="536"/>
      <c r="FL6" s="421" t="s">
        <v>118</v>
      </c>
      <c r="FM6" s="422" t="s">
        <v>44</v>
      </c>
      <c r="FN6" s="249" t="s">
        <v>45</v>
      </c>
      <c r="FO6" s="76" t="s">
        <v>83</v>
      </c>
      <c r="FP6" s="422" t="s">
        <v>47</v>
      </c>
      <c r="FQ6" s="422" t="s">
        <v>48</v>
      </c>
      <c r="FR6" s="422" t="s">
        <v>49</v>
      </c>
      <c r="FS6" s="422" t="s">
        <v>50</v>
      </c>
      <c r="FT6" s="422" t="s">
        <v>51</v>
      </c>
      <c r="FU6" s="75" t="s">
        <v>45</v>
      </c>
      <c r="FV6" s="536"/>
      <c r="FW6" s="421" t="s">
        <v>118</v>
      </c>
      <c r="FX6" s="422" t="s">
        <v>44</v>
      </c>
      <c r="FY6" s="249" t="s">
        <v>45</v>
      </c>
      <c r="FZ6" s="76" t="s">
        <v>83</v>
      </c>
      <c r="GA6" s="422" t="s">
        <v>47</v>
      </c>
      <c r="GB6" s="422" t="s">
        <v>48</v>
      </c>
      <c r="GC6" s="422" t="s">
        <v>49</v>
      </c>
      <c r="GD6" s="422" t="s">
        <v>50</v>
      </c>
      <c r="GE6" s="422" t="s">
        <v>51</v>
      </c>
      <c r="GF6" s="75" t="s">
        <v>45</v>
      </c>
      <c r="GG6" s="536"/>
      <c r="GH6" s="421" t="s">
        <v>118</v>
      </c>
      <c r="GI6" s="422" t="s">
        <v>44</v>
      </c>
      <c r="GJ6" s="249" t="s">
        <v>45</v>
      </c>
      <c r="GK6" s="76" t="s">
        <v>83</v>
      </c>
      <c r="GL6" s="422" t="s">
        <v>47</v>
      </c>
      <c r="GM6" s="422" t="s">
        <v>48</v>
      </c>
      <c r="GN6" s="422" t="s">
        <v>49</v>
      </c>
      <c r="GO6" s="422" t="s">
        <v>50</v>
      </c>
      <c r="GP6" s="422" t="s">
        <v>51</v>
      </c>
      <c r="GQ6" s="75" t="s">
        <v>45</v>
      </c>
      <c r="GR6" s="536"/>
      <c r="GS6" s="421" t="s">
        <v>118</v>
      </c>
      <c r="GT6" s="422" t="s">
        <v>44</v>
      </c>
      <c r="GU6" s="249" t="s">
        <v>45</v>
      </c>
      <c r="GV6" s="76" t="s">
        <v>83</v>
      </c>
      <c r="GW6" s="422" t="s">
        <v>47</v>
      </c>
      <c r="GX6" s="422" t="s">
        <v>48</v>
      </c>
      <c r="GY6" s="422" t="s">
        <v>49</v>
      </c>
      <c r="GZ6" s="422" t="s">
        <v>50</v>
      </c>
      <c r="HA6" s="422" t="s">
        <v>51</v>
      </c>
      <c r="HB6" s="75" t="s">
        <v>45</v>
      </c>
      <c r="HC6" s="536"/>
      <c r="HD6" s="421" t="s">
        <v>118</v>
      </c>
      <c r="HE6" s="422" t="s">
        <v>44</v>
      </c>
      <c r="HF6" s="249" t="s">
        <v>45</v>
      </c>
      <c r="HG6" s="76" t="s">
        <v>83</v>
      </c>
      <c r="HH6" s="422" t="s">
        <v>47</v>
      </c>
      <c r="HI6" s="422" t="s">
        <v>48</v>
      </c>
      <c r="HJ6" s="422" t="s">
        <v>49</v>
      </c>
      <c r="HK6" s="422" t="s">
        <v>50</v>
      </c>
      <c r="HL6" s="422" t="s">
        <v>51</v>
      </c>
      <c r="HM6" s="75" t="s">
        <v>45</v>
      </c>
      <c r="HN6" s="536"/>
      <c r="HO6" s="421" t="s">
        <v>118</v>
      </c>
      <c r="HP6" s="422" t="s">
        <v>44</v>
      </c>
      <c r="HQ6" s="249" t="s">
        <v>45</v>
      </c>
      <c r="HR6" s="76" t="s">
        <v>83</v>
      </c>
      <c r="HS6" s="422" t="s">
        <v>47</v>
      </c>
      <c r="HT6" s="422" t="s">
        <v>48</v>
      </c>
      <c r="HU6" s="422" t="s">
        <v>49</v>
      </c>
      <c r="HV6" s="422" t="s">
        <v>50</v>
      </c>
      <c r="HW6" s="422" t="s">
        <v>51</v>
      </c>
      <c r="HX6" s="75" t="s">
        <v>45</v>
      </c>
      <c r="HY6" s="536"/>
    </row>
    <row r="7" spans="2:233" s="293" customFormat="1" ht="21" customHeight="1" x14ac:dyDescent="0.2">
      <c r="B7" s="84" t="s">
        <v>4</v>
      </c>
      <c r="C7" s="49">
        <v>22500</v>
      </c>
      <c r="D7" s="50">
        <v>88753</v>
      </c>
      <c r="E7" s="51">
        <v>111253</v>
      </c>
      <c r="F7" s="52">
        <v>0</v>
      </c>
      <c r="G7" s="50">
        <v>17352430</v>
      </c>
      <c r="H7" s="50">
        <v>42102364</v>
      </c>
      <c r="I7" s="50">
        <v>118521558</v>
      </c>
      <c r="J7" s="50">
        <v>159021450</v>
      </c>
      <c r="K7" s="50">
        <v>96184329</v>
      </c>
      <c r="L7" s="53">
        <v>433182131</v>
      </c>
      <c r="M7" s="54">
        <v>433293384</v>
      </c>
      <c r="N7" s="49">
        <v>0</v>
      </c>
      <c r="O7" s="50">
        <v>0</v>
      </c>
      <c r="P7" s="51">
        <v>0</v>
      </c>
      <c r="Q7" s="401">
        <v>0</v>
      </c>
      <c r="R7" s="50">
        <v>4582166</v>
      </c>
      <c r="S7" s="50">
        <v>15521770</v>
      </c>
      <c r="T7" s="50">
        <v>80947159</v>
      </c>
      <c r="U7" s="50">
        <v>116280424</v>
      </c>
      <c r="V7" s="50">
        <v>74520636</v>
      </c>
      <c r="W7" s="53">
        <v>291852155</v>
      </c>
      <c r="X7" s="54">
        <v>291852155</v>
      </c>
      <c r="Y7" s="49">
        <v>0</v>
      </c>
      <c r="Z7" s="50">
        <v>0</v>
      </c>
      <c r="AA7" s="51">
        <v>0</v>
      </c>
      <c r="AB7" s="401">
        <v>0</v>
      </c>
      <c r="AC7" s="50">
        <v>10725532</v>
      </c>
      <c r="AD7" s="50">
        <v>22026885</v>
      </c>
      <c r="AE7" s="50">
        <v>27083935</v>
      </c>
      <c r="AF7" s="50">
        <v>31568152</v>
      </c>
      <c r="AG7" s="50">
        <v>13884196</v>
      </c>
      <c r="AH7" s="53">
        <v>105288700</v>
      </c>
      <c r="AI7" s="54">
        <v>105288700</v>
      </c>
      <c r="AJ7" s="49">
        <v>0</v>
      </c>
      <c r="AK7" s="50">
        <v>0</v>
      </c>
      <c r="AL7" s="51">
        <v>0</v>
      </c>
      <c r="AM7" s="401">
        <v>0</v>
      </c>
      <c r="AN7" s="50">
        <v>0</v>
      </c>
      <c r="AO7" s="50">
        <v>0</v>
      </c>
      <c r="AP7" s="50">
        <v>2635</v>
      </c>
      <c r="AQ7" s="50">
        <v>280895</v>
      </c>
      <c r="AR7" s="50">
        <v>399770</v>
      </c>
      <c r="AS7" s="53">
        <v>683300</v>
      </c>
      <c r="AT7" s="54">
        <v>683300</v>
      </c>
      <c r="AU7" s="49">
        <v>0</v>
      </c>
      <c r="AV7" s="50">
        <v>0</v>
      </c>
      <c r="AW7" s="51">
        <v>0</v>
      </c>
      <c r="AX7" s="401">
        <v>0</v>
      </c>
      <c r="AY7" s="50">
        <v>152445</v>
      </c>
      <c r="AZ7" s="50">
        <v>229390</v>
      </c>
      <c r="BA7" s="50">
        <v>435800</v>
      </c>
      <c r="BB7" s="50">
        <v>2044570</v>
      </c>
      <c r="BC7" s="50">
        <v>2560555</v>
      </c>
      <c r="BD7" s="53">
        <v>5422760</v>
      </c>
      <c r="BE7" s="54">
        <v>5422760</v>
      </c>
      <c r="BF7" s="49">
        <v>0</v>
      </c>
      <c r="BG7" s="50">
        <v>0</v>
      </c>
      <c r="BH7" s="51">
        <v>0</v>
      </c>
      <c r="BI7" s="401">
        <v>0</v>
      </c>
      <c r="BJ7" s="50">
        <v>62620</v>
      </c>
      <c r="BK7" s="50">
        <v>316045</v>
      </c>
      <c r="BL7" s="50">
        <v>1490750</v>
      </c>
      <c r="BM7" s="50">
        <v>2014870</v>
      </c>
      <c r="BN7" s="50">
        <v>1374260</v>
      </c>
      <c r="BO7" s="53">
        <v>5258545</v>
      </c>
      <c r="BP7" s="54">
        <v>5258545</v>
      </c>
      <c r="BQ7" s="49">
        <v>17410</v>
      </c>
      <c r="BR7" s="50">
        <v>88753</v>
      </c>
      <c r="BS7" s="51">
        <v>106163</v>
      </c>
      <c r="BT7" s="52">
        <v>0</v>
      </c>
      <c r="BU7" s="50">
        <v>1740734</v>
      </c>
      <c r="BV7" s="50">
        <v>3777529</v>
      </c>
      <c r="BW7" s="50">
        <v>8312735</v>
      </c>
      <c r="BX7" s="50">
        <v>6596588</v>
      </c>
      <c r="BY7" s="50">
        <v>3171069</v>
      </c>
      <c r="BZ7" s="53">
        <v>23598655</v>
      </c>
      <c r="CA7" s="54">
        <v>23704818</v>
      </c>
      <c r="CB7" s="49">
        <v>5090</v>
      </c>
      <c r="CC7" s="50">
        <v>0</v>
      </c>
      <c r="CD7" s="51">
        <v>5090</v>
      </c>
      <c r="CE7" s="52">
        <v>0</v>
      </c>
      <c r="CF7" s="50">
        <v>88933</v>
      </c>
      <c r="CG7" s="50">
        <v>230745</v>
      </c>
      <c r="CH7" s="50">
        <v>248544</v>
      </c>
      <c r="CI7" s="50">
        <v>235951</v>
      </c>
      <c r="CJ7" s="50">
        <v>273843</v>
      </c>
      <c r="CK7" s="53">
        <v>1078016</v>
      </c>
      <c r="CL7" s="54">
        <v>1083106</v>
      </c>
      <c r="CM7" s="49">
        <v>0</v>
      </c>
      <c r="CN7" s="50">
        <v>0</v>
      </c>
      <c r="CO7" s="51">
        <v>0</v>
      </c>
      <c r="CP7" s="52">
        <v>0</v>
      </c>
      <c r="CQ7" s="50">
        <v>0</v>
      </c>
      <c r="CR7" s="50">
        <v>0</v>
      </c>
      <c r="CS7" s="50">
        <v>0</v>
      </c>
      <c r="CT7" s="50">
        <v>0</v>
      </c>
      <c r="CU7" s="50">
        <v>0</v>
      </c>
      <c r="CV7" s="53">
        <v>0</v>
      </c>
      <c r="CW7" s="54">
        <v>0</v>
      </c>
      <c r="CX7" s="49">
        <v>0</v>
      </c>
      <c r="CY7" s="50">
        <v>0</v>
      </c>
      <c r="CZ7" s="51">
        <v>0</v>
      </c>
      <c r="DA7" s="401">
        <v>0</v>
      </c>
      <c r="DB7" s="50">
        <v>0</v>
      </c>
      <c r="DC7" s="50">
        <v>0</v>
      </c>
      <c r="DD7" s="50">
        <v>0</v>
      </c>
      <c r="DE7" s="50">
        <v>0</v>
      </c>
      <c r="DF7" s="50">
        <v>0</v>
      </c>
      <c r="DG7" s="53">
        <v>0</v>
      </c>
      <c r="DH7" s="54">
        <v>0</v>
      </c>
      <c r="DI7" s="49">
        <v>30156</v>
      </c>
      <c r="DJ7" s="50">
        <v>155097</v>
      </c>
      <c r="DK7" s="51">
        <v>185253</v>
      </c>
      <c r="DL7" s="52">
        <v>0</v>
      </c>
      <c r="DM7" s="50">
        <v>11266194</v>
      </c>
      <c r="DN7" s="50">
        <v>33799603</v>
      </c>
      <c r="DO7" s="50">
        <v>130471950</v>
      </c>
      <c r="DP7" s="50">
        <v>167723046</v>
      </c>
      <c r="DQ7" s="50">
        <v>102454331</v>
      </c>
      <c r="DR7" s="53">
        <v>445715124</v>
      </c>
      <c r="DS7" s="55">
        <v>445900377</v>
      </c>
      <c r="DT7" s="49">
        <v>0</v>
      </c>
      <c r="DU7" s="50">
        <v>0</v>
      </c>
      <c r="DV7" s="51">
        <v>0</v>
      </c>
      <c r="DW7" s="401">
        <v>0</v>
      </c>
      <c r="DX7" s="50">
        <v>5771831</v>
      </c>
      <c r="DY7" s="50">
        <v>21733184</v>
      </c>
      <c r="DZ7" s="50">
        <v>108124183</v>
      </c>
      <c r="EA7" s="50">
        <v>146335006</v>
      </c>
      <c r="EB7" s="50">
        <v>90616120</v>
      </c>
      <c r="EC7" s="53">
        <v>372580324</v>
      </c>
      <c r="ED7" s="54">
        <v>372580324</v>
      </c>
      <c r="EE7" s="49">
        <v>0</v>
      </c>
      <c r="EF7" s="50">
        <v>0</v>
      </c>
      <c r="EG7" s="51">
        <v>0</v>
      </c>
      <c r="EH7" s="401">
        <v>0</v>
      </c>
      <c r="EI7" s="50">
        <v>2538471</v>
      </c>
      <c r="EJ7" s="50">
        <v>5220119</v>
      </c>
      <c r="EK7" s="50">
        <v>6858463</v>
      </c>
      <c r="EL7" s="50">
        <v>7051386</v>
      </c>
      <c r="EM7" s="50">
        <v>3753793</v>
      </c>
      <c r="EN7" s="53">
        <v>25422232</v>
      </c>
      <c r="EO7" s="54">
        <v>25422232</v>
      </c>
      <c r="EP7" s="49">
        <v>0</v>
      </c>
      <c r="EQ7" s="50">
        <v>0</v>
      </c>
      <c r="ER7" s="51">
        <v>0</v>
      </c>
      <c r="ES7" s="401">
        <v>0</v>
      </c>
      <c r="ET7" s="50">
        <v>0</v>
      </c>
      <c r="EU7" s="50">
        <v>0</v>
      </c>
      <c r="EV7" s="50">
        <v>0</v>
      </c>
      <c r="EW7" s="50">
        <v>58716</v>
      </c>
      <c r="EX7" s="50">
        <v>59303</v>
      </c>
      <c r="EY7" s="53">
        <v>118019</v>
      </c>
      <c r="EZ7" s="54">
        <v>118019</v>
      </c>
      <c r="FA7" s="49">
        <v>0</v>
      </c>
      <c r="FB7" s="50">
        <v>0</v>
      </c>
      <c r="FC7" s="51">
        <v>0</v>
      </c>
      <c r="FD7" s="401">
        <v>0</v>
      </c>
      <c r="FE7" s="50">
        <v>12772</v>
      </c>
      <c r="FF7" s="50">
        <v>39167</v>
      </c>
      <c r="FG7" s="50">
        <v>87554</v>
      </c>
      <c r="FH7" s="50">
        <v>278211</v>
      </c>
      <c r="FI7" s="50">
        <v>459476</v>
      </c>
      <c r="FJ7" s="53">
        <v>877180</v>
      </c>
      <c r="FK7" s="54">
        <v>877180</v>
      </c>
      <c r="FL7" s="49">
        <v>0</v>
      </c>
      <c r="FM7" s="50">
        <v>0</v>
      </c>
      <c r="FN7" s="51">
        <v>0</v>
      </c>
      <c r="FO7" s="401">
        <v>0</v>
      </c>
      <c r="FP7" s="50">
        <v>101494</v>
      </c>
      <c r="FQ7" s="50">
        <v>435309</v>
      </c>
      <c r="FR7" s="50">
        <v>2484849</v>
      </c>
      <c r="FS7" s="50">
        <v>3332577</v>
      </c>
      <c r="FT7" s="50">
        <v>2254673</v>
      </c>
      <c r="FU7" s="53">
        <v>8608902</v>
      </c>
      <c r="FV7" s="54">
        <v>8608902</v>
      </c>
      <c r="FW7" s="49">
        <v>26839</v>
      </c>
      <c r="FX7" s="50">
        <v>155083</v>
      </c>
      <c r="FY7" s="51">
        <v>181922</v>
      </c>
      <c r="FZ7" s="52">
        <v>0</v>
      </c>
      <c r="GA7" s="50">
        <v>2804836</v>
      </c>
      <c r="GB7" s="50">
        <v>6199803</v>
      </c>
      <c r="GC7" s="50">
        <v>12759856</v>
      </c>
      <c r="GD7" s="50">
        <v>10523820</v>
      </c>
      <c r="GE7" s="50">
        <v>5097624</v>
      </c>
      <c r="GF7" s="53">
        <v>37385939</v>
      </c>
      <c r="GG7" s="54">
        <v>37567861</v>
      </c>
      <c r="GH7" s="49">
        <v>3317</v>
      </c>
      <c r="GI7" s="50">
        <v>14</v>
      </c>
      <c r="GJ7" s="51">
        <v>3331</v>
      </c>
      <c r="GK7" s="52">
        <v>0</v>
      </c>
      <c r="GL7" s="50">
        <v>36790</v>
      </c>
      <c r="GM7" s="50">
        <v>172021</v>
      </c>
      <c r="GN7" s="50">
        <v>157045</v>
      </c>
      <c r="GO7" s="50">
        <v>143330</v>
      </c>
      <c r="GP7" s="50">
        <v>213342</v>
      </c>
      <c r="GQ7" s="53">
        <v>722528</v>
      </c>
      <c r="GR7" s="54">
        <v>725859</v>
      </c>
      <c r="GS7" s="49">
        <v>0</v>
      </c>
      <c r="GT7" s="50">
        <v>0</v>
      </c>
      <c r="GU7" s="51">
        <v>0</v>
      </c>
      <c r="GV7" s="52">
        <v>0</v>
      </c>
      <c r="GW7" s="50">
        <v>0</v>
      </c>
      <c r="GX7" s="50">
        <v>0</v>
      </c>
      <c r="GY7" s="50">
        <v>0</v>
      </c>
      <c r="GZ7" s="50">
        <v>0</v>
      </c>
      <c r="HA7" s="50">
        <v>0</v>
      </c>
      <c r="HB7" s="53">
        <v>0</v>
      </c>
      <c r="HC7" s="54">
        <v>0</v>
      </c>
      <c r="HD7" s="49">
        <v>0</v>
      </c>
      <c r="HE7" s="50">
        <v>0</v>
      </c>
      <c r="HF7" s="51">
        <v>0</v>
      </c>
      <c r="HG7" s="401">
        <v>0</v>
      </c>
      <c r="HH7" s="50">
        <v>0</v>
      </c>
      <c r="HI7" s="50">
        <v>0</v>
      </c>
      <c r="HJ7" s="50">
        <v>0</v>
      </c>
      <c r="HK7" s="50">
        <v>0</v>
      </c>
      <c r="HL7" s="50">
        <v>0</v>
      </c>
      <c r="HM7" s="53">
        <v>0</v>
      </c>
      <c r="HN7" s="54">
        <v>0</v>
      </c>
      <c r="HO7" s="49">
        <v>52656</v>
      </c>
      <c r="HP7" s="50">
        <v>243850</v>
      </c>
      <c r="HQ7" s="51">
        <v>296506</v>
      </c>
      <c r="HR7" s="52">
        <v>0</v>
      </c>
      <c r="HS7" s="50">
        <v>28618624</v>
      </c>
      <c r="HT7" s="50">
        <v>75901967</v>
      </c>
      <c r="HU7" s="50">
        <v>248993508</v>
      </c>
      <c r="HV7" s="50">
        <v>326744496</v>
      </c>
      <c r="HW7" s="50">
        <v>198638660</v>
      </c>
      <c r="HX7" s="53">
        <v>878897255</v>
      </c>
      <c r="HY7" s="54">
        <v>879193761</v>
      </c>
    </row>
    <row r="8" spans="2:233" s="293" customFormat="1" ht="21" customHeight="1" x14ac:dyDescent="0.2">
      <c r="B8" s="95" t="s">
        <v>5</v>
      </c>
      <c r="C8" s="56">
        <v>1520</v>
      </c>
      <c r="D8" s="57">
        <v>33075</v>
      </c>
      <c r="E8" s="58">
        <v>34595</v>
      </c>
      <c r="F8" s="59">
        <v>0</v>
      </c>
      <c r="G8" s="57">
        <v>6913621</v>
      </c>
      <c r="H8" s="57">
        <v>21848008</v>
      </c>
      <c r="I8" s="57">
        <v>50821387</v>
      </c>
      <c r="J8" s="57">
        <v>68231902</v>
      </c>
      <c r="K8" s="57">
        <v>41467917</v>
      </c>
      <c r="L8" s="60">
        <v>189282835</v>
      </c>
      <c r="M8" s="61">
        <v>189317430</v>
      </c>
      <c r="N8" s="56">
        <v>0</v>
      </c>
      <c r="O8" s="57">
        <v>0</v>
      </c>
      <c r="P8" s="58">
        <v>0</v>
      </c>
      <c r="Q8" s="402">
        <v>0</v>
      </c>
      <c r="R8" s="57">
        <v>2412271</v>
      </c>
      <c r="S8" s="57">
        <v>10466771</v>
      </c>
      <c r="T8" s="57">
        <v>35794239</v>
      </c>
      <c r="U8" s="57">
        <v>51053286</v>
      </c>
      <c r="V8" s="57">
        <v>32708566</v>
      </c>
      <c r="W8" s="60">
        <v>132435133</v>
      </c>
      <c r="X8" s="61">
        <v>132435133</v>
      </c>
      <c r="Y8" s="56">
        <v>0</v>
      </c>
      <c r="Z8" s="57">
        <v>0</v>
      </c>
      <c r="AA8" s="58">
        <v>0</v>
      </c>
      <c r="AB8" s="402">
        <v>0</v>
      </c>
      <c r="AC8" s="57">
        <v>3801142</v>
      </c>
      <c r="AD8" s="57">
        <v>9348839</v>
      </c>
      <c r="AE8" s="57">
        <v>11427719</v>
      </c>
      <c r="AF8" s="57">
        <v>13867467</v>
      </c>
      <c r="AG8" s="57">
        <v>6508138</v>
      </c>
      <c r="AH8" s="60">
        <v>44953305</v>
      </c>
      <c r="AI8" s="61">
        <v>44953305</v>
      </c>
      <c r="AJ8" s="56">
        <v>0</v>
      </c>
      <c r="AK8" s="57">
        <v>0</v>
      </c>
      <c r="AL8" s="58">
        <v>0</v>
      </c>
      <c r="AM8" s="402">
        <v>0</v>
      </c>
      <c r="AN8" s="57">
        <v>0</v>
      </c>
      <c r="AO8" s="57">
        <v>0</v>
      </c>
      <c r="AP8" s="57">
        <v>0</v>
      </c>
      <c r="AQ8" s="57">
        <v>38130</v>
      </c>
      <c r="AR8" s="57">
        <v>57195</v>
      </c>
      <c r="AS8" s="60">
        <v>95325</v>
      </c>
      <c r="AT8" s="61">
        <v>95325</v>
      </c>
      <c r="AU8" s="56">
        <v>0</v>
      </c>
      <c r="AV8" s="57">
        <v>0</v>
      </c>
      <c r="AW8" s="58">
        <v>0</v>
      </c>
      <c r="AX8" s="402">
        <v>0</v>
      </c>
      <c r="AY8" s="57">
        <v>24645</v>
      </c>
      <c r="AZ8" s="57">
        <v>38430</v>
      </c>
      <c r="BA8" s="57">
        <v>56590</v>
      </c>
      <c r="BB8" s="57">
        <v>534065</v>
      </c>
      <c r="BC8" s="57">
        <v>448650</v>
      </c>
      <c r="BD8" s="60">
        <v>1102380</v>
      </c>
      <c r="BE8" s="61">
        <v>1102380</v>
      </c>
      <c r="BF8" s="56">
        <v>0</v>
      </c>
      <c r="BG8" s="57">
        <v>0</v>
      </c>
      <c r="BH8" s="58">
        <v>0</v>
      </c>
      <c r="BI8" s="402">
        <v>0</v>
      </c>
      <c r="BJ8" s="57">
        <v>35340</v>
      </c>
      <c r="BK8" s="57">
        <v>130905</v>
      </c>
      <c r="BL8" s="57">
        <v>232910</v>
      </c>
      <c r="BM8" s="57">
        <v>182895</v>
      </c>
      <c r="BN8" s="57">
        <v>216140</v>
      </c>
      <c r="BO8" s="60">
        <v>798190</v>
      </c>
      <c r="BP8" s="61">
        <v>798190</v>
      </c>
      <c r="BQ8" s="56">
        <v>1230</v>
      </c>
      <c r="BR8" s="57">
        <v>33075</v>
      </c>
      <c r="BS8" s="58">
        <v>34305</v>
      </c>
      <c r="BT8" s="59">
        <v>0</v>
      </c>
      <c r="BU8" s="57">
        <v>601541</v>
      </c>
      <c r="BV8" s="57">
        <v>1746759</v>
      </c>
      <c r="BW8" s="57">
        <v>3173226</v>
      </c>
      <c r="BX8" s="57">
        <v>2425668</v>
      </c>
      <c r="BY8" s="57">
        <v>1370358</v>
      </c>
      <c r="BZ8" s="60">
        <v>9317552</v>
      </c>
      <c r="CA8" s="61">
        <v>9351857</v>
      </c>
      <c r="CB8" s="56">
        <v>290</v>
      </c>
      <c r="CC8" s="57">
        <v>0</v>
      </c>
      <c r="CD8" s="58">
        <v>290</v>
      </c>
      <c r="CE8" s="59">
        <v>0</v>
      </c>
      <c r="CF8" s="57">
        <v>38682</v>
      </c>
      <c r="CG8" s="57">
        <v>116304</v>
      </c>
      <c r="CH8" s="57">
        <v>136703</v>
      </c>
      <c r="CI8" s="57">
        <v>130391</v>
      </c>
      <c r="CJ8" s="57">
        <v>158870</v>
      </c>
      <c r="CK8" s="60">
        <v>580950</v>
      </c>
      <c r="CL8" s="61">
        <v>581240</v>
      </c>
      <c r="CM8" s="56">
        <v>0</v>
      </c>
      <c r="CN8" s="57">
        <v>0</v>
      </c>
      <c r="CO8" s="58">
        <v>0</v>
      </c>
      <c r="CP8" s="59">
        <v>0</v>
      </c>
      <c r="CQ8" s="57">
        <v>0</v>
      </c>
      <c r="CR8" s="57">
        <v>0</v>
      </c>
      <c r="CS8" s="57">
        <v>0</v>
      </c>
      <c r="CT8" s="57">
        <v>0</v>
      </c>
      <c r="CU8" s="57">
        <v>0</v>
      </c>
      <c r="CV8" s="60">
        <v>0</v>
      </c>
      <c r="CW8" s="61">
        <v>0</v>
      </c>
      <c r="CX8" s="56">
        <v>0</v>
      </c>
      <c r="CY8" s="57">
        <v>0</v>
      </c>
      <c r="CZ8" s="58">
        <v>0</v>
      </c>
      <c r="DA8" s="402">
        <v>0</v>
      </c>
      <c r="DB8" s="57">
        <v>0</v>
      </c>
      <c r="DC8" s="57">
        <v>0</v>
      </c>
      <c r="DD8" s="57">
        <v>0</v>
      </c>
      <c r="DE8" s="57">
        <v>0</v>
      </c>
      <c r="DF8" s="57">
        <v>0</v>
      </c>
      <c r="DG8" s="60">
        <v>0</v>
      </c>
      <c r="DH8" s="61">
        <v>0</v>
      </c>
      <c r="DI8" s="56">
        <v>10843</v>
      </c>
      <c r="DJ8" s="57">
        <v>66982</v>
      </c>
      <c r="DK8" s="58">
        <v>77825</v>
      </c>
      <c r="DL8" s="59">
        <v>0</v>
      </c>
      <c r="DM8" s="57">
        <v>5789761</v>
      </c>
      <c r="DN8" s="57">
        <v>21263726</v>
      </c>
      <c r="DO8" s="57">
        <v>59309661</v>
      </c>
      <c r="DP8" s="57">
        <v>73350100</v>
      </c>
      <c r="DQ8" s="57">
        <v>45676020</v>
      </c>
      <c r="DR8" s="60">
        <v>205389268</v>
      </c>
      <c r="DS8" s="62">
        <v>205467093</v>
      </c>
      <c r="DT8" s="56">
        <v>0</v>
      </c>
      <c r="DU8" s="57">
        <v>0</v>
      </c>
      <c r="DV8" s="58">
        <v>0</v>
      </c>
      <c r="DW8" s="402">
        <v>0</v>
      </c>
      <c r="DX8" s="57">
        <v>3511499</v>
      </c>
      <c r="DY8" s="57">
        <v>14813894</v>
      </c>
      <c r="DZ8" s="57">
        <v>49732938</v>
      </c>
      <c r="EA8" s="57">
        <v>64782818</v>
      </c>
      <c r="EB8" s="57">
        <v>40397421</v>
      </c>
      <c r="EC8" s="60">
        <v>173238570</v>
      </c>
      <c r="ED8" s="61">
        <v>173238570</v>
      </c>
      <c r="EE8" s="56">
        <v>0</v>
      </c>
      <c r="EF8" s="57">
        <v>0</v>
      </c>
      <c r="EG8" s="58">
        <v>0</v>
      </c>
      <c r="EH8" s="402">
        <v>0</v>
      </c>
      <c r="EI8" s="57">
        <v>1226948</v>
      </c>
      <c r="EJ8" s="57">
        <v>3294204</v>
      </c>
      <c r="EK8" s="57">
        <v>3836800</v>
      </c>
      <c r="EL8" s="57">
        <v>4182614</v>
      </c>
      <c r="EM8" s="57">
        <v>2428982</v>
      </c>
      <c r="EN8" s="60">
        <v>14969548</v>
      </c>
      <c r="EO8" s="61">
        <v>14969548</v>
      </c>
      <c r="EP8" s="56">
        <v>0</v>
      </c>
      <c r="EQ8" s="57">
        <v>0</v>
      </c>
      <c r="ER8" s="58">
        <v>0</v>
      </c>
      <c r="ES8" s="402">
        <v>0</v>
      </c>
      <c r="ET8" s="57">
        <v>0</v>
      </c>
      <c r="EU8" s="57">
        <v>0</v>
      </c>
      <c r="EV8" s="57">
        <v>0</v>
      </c>
      <c r="EW8" s="57">
        <v>11687</v>
      </c>
      <c r="EX8" s="57">
        <v>434</v>
      </c>
      <c r="EY8" s="60">
        <v>12121</v>
      </c>
      <c r="EZ8" s="61">
        <v>12121</v>
      </c>
      <c r="FA8" s="56">
        <v>0</v>
      </c>
      <c r="FB8" s="57">
        <v>0</v>
      </c>
      <c r="FC8" s="58">
        <v>0</v>
      </c>
      <c r="FD8" s="402">
        <v>0</v>
      </c>
      <c r="FE8" s="57">
        <v>217</v>
      </c>
      <c r="FF8" s="57">
        <v>3610</v>
      </c>
      <c r="FG8" s="57">
        <v>12302</v>
      </c>
      <c r="FH8" s="57">
        <v>77213</v>
      </c>
      <c r="FI8" s="57">
        <v>175237</v>
      </c>
      <c r="FJ8" s="60">
        <v>268579</v>
      </c>
      <c r="FK8" s="61">
        <v>268579</v>
      </c>
      <c r="FL8" s="56">
        <v>0</v>
      </c>
      <c r="FM8" s="57">
        <v>0</v>
      </c>
      <c r="FN8" s="58">
        <v>0</v>
      </c>
      <c r="FO8" s="402">
        <v>0</v>
      </c>
      <c r="FP8" s="57">
        <v>58342</v>
      </c>
      <c r="FQ8" s="57">
        <v>134702</v>
      </c>
      <c r="FR8" s="57">
        <v>378014</v>
      </c>
      <c r="FS8" s="57">
        <v>362072</v>
      </c>
      <c r="FT8" s="57">
        <v>383008</v>
      </c>
      <c r="FU8" s="60">
        <v>1316138</v>
      </c>
      <c r="FV8" s="61">
        <v>1316138</v>
      </c>
      <c r="FW8" s="56">
        <v>9411</v>
      </c>
      <c r="FX8" s="57">
        <v>66982</v>
      </c>
      <c r="FY8" s="58">
        <v>76393</v>
      </c>
      <c r="FZ8" s="59">
        <v>0</v>
      </c>
      <c r="GA8" s="57">
        <v>966180</v>
      </c>
      <c r="GB8" s="57">
        <v>2951735</v>
      </c>
      <c r="GC8" s="57">
        <v>5265011</v>
      </c>
      <c r="GD8" s="57">
        <v>3857130</v>
      </c>
      <c r="GE8" s="57">
        <v>2195626</v>
      </c>
      <c r="GF8" s="60">
        <v>15235682</v>
      </c>
      <c r="GG8" s="61">
        <v>15312075</v>
      </c>
      <c r="GH8" s="56">
        <v>1432</v>
      </c>
      <c r="GI8" s="57">
        <v>0</v>
      </c>
      <c r="GJ8" s="58">
        <v>1432</v>
      </c>
      <c r="GK8" s="59">
        <v>0</v>
      </c>
      <c r="GL8" s="57">
        <v>26575</v>
      </c>
      <c r="GM8" s="57">
        <v>65581</v>
      </c>
      <c r="GN8" s="57">
        <v>84596</v>
      </c>
      <c r="GO8" s="57">
        <v>76566</v>
      </c>
      <c r="GP8" s="57">
        <v>95312</v>
      </c>
      <c r="GQ8" s="60">
        <v>348630</v>
      </c>
      <c r="GR8" s="61">
        <v>350062</v>
      </c>
      <c r="GS8" s="56">
        <v>0</v>
      </c>
      <c r="GT8" s="57">
        <v>0</v>
      </c>
      <c r="GU8" s="58">
        <v>0</v>
      </c>
      <c r="GV8" s="59">
        <v>0</v>
      </c>
      <c r="GW8" s="57">
        <v>0</v>
      </c>
      <c r="GX8" s="57">
        <v>0</v>
      </c>
      <c r="GY8" s="57">
        <v>0</v>
      </c>
      <c r="GZ8" s="57">
        <v>0</v>
      </c>
      <c r="HA8" s="57">
        <v>0</v>
      </c>
      <c r="HB8" s="60">
        <v>0</v>
      </c>
      <c r="HC8" s="61">
        <v>0</v>
      </c>
      <c r="HD8" s="56">
        <v>0</v>
      </c>
      <c r="HE8" s="57">
        <v>0</v>
      </c>
      <c r="HF8" s="58">
        <v>0</v>
      </c>
      <c r="HG8" s="402">
        <v>0</v>
      </c>
      <c r="HH8" s="57">
        <v>0</v>
      </c>
      <c r="HI8" s="57">
        <v>0</v>
      </c>
      <c r="HJ8" s="57">
        <v>0</v>
      </c>
      <c r="HK8" s="57">
        <v>0</v>
      </c>
      <c r="HL8" s="57">
        <v>0</v>
      </c>
      <c r="HM8" s="60">
        <v>0</v>
      </c>
      <c r="HN8" s="61">
        <v>0</v>
      </c>
      <c r="HO8" s="56">
        <v>12363</v>
      </c>
      <c r="HP8" s="57">
        <v>100057</v>
      </c>
      <c r="HQ8" s="58">
        <v>112420</v>
      </c>
      <c r="HR8" s="59">
        <v>0</v>
      </c>
      <c r="HS8" s="57">
        <v>12703382</v>
      </c>
      <c r="HT8" s="57">
        <v>43111734</v>
      </c>
      <c r="HU8" s="57">
        <v>110131048</v>
      </c>
      <c r="HV8" s="57">
        <v>141582002</v>
      </c>
      <c r="HW8" s="57">
        <v>87143937</v>
      </c>
      <c r="HX8" s="60">
        <v>394672103</v>
      </c>
      <c r="HY8" s="61">
        <v>394784523</v>
      </c>
    </row>
    <row r="9" spans="2:233" ht="21" customHeight="1" x14ac:dyDescent="0.2">
      <c r="B9" s="106" t="s">
        <v>6</v>
      </c>
      <c r="C9" s="24">
        <v>4800</v>
      </c>
      <c r="D9" s="25">
        <v>7768</v>
      </c>
      <c r="E9" s="26">
        <v>12568</v>
      </c>
      <c r="F9" s="27">
        <v>0</v>
      </c>
      <c r="G9" s="25">
        <v>2787968</v>
      </c>
      <c r="H9" s="25">
        <v>4789880</v>
      </c>
      <c r="I9" s="25">
        <v>15536476</v>
      </c>
      <c r="J9" s="25">
        <v>21700491</v>
      </c>
      <c r="K9" s="25">
        <v>12822979</v>
      </c>
      <c r="L9" s="28">
        <v>57637794</v>
      </c>
      <c r="M9" s="29">
        <v>57650362</v>
      </c>
      <c r="N9" s="24">
        <v>0</v>
      </c>
      <c r="O9" s="25">
        <v>0</v>
      </c>
      <c r="P9" s="26">
        <v>0</v>
      </c>
      <c r="Q9" s="403">
        <v>0</v>
      </c>
      <c r="R9" s="25">
        <v>1059240</v>
      </c>
      <c r="S9" s="25">
        <v>1810525</v>
      </c>
      <c r="T9" s="25">
        <v>10845620</v>
      </c>
      <c r="U9" s="25">
        <v>16158669</v>
      </c>
      <c r="V9" s="25">
        <v>9667405</v>
      </c>
      <c r="W9" s="28">
        <v>39541459</v>
      </c>
      <c r="X9" s="29">
        <v>39541459</v>
      </c>
      <c r="Y9" s="24">
        <v>0</v>
      </c>
      <c r="Z9" s="25">
        <v>0</v>
      </c>
      <c r="AA9" s="26">
        <v>0</v>
      </c>
      <c r="AB9" s="403">
        <v>0</v>
      </c>
      <c r="AC9" s="25">
        <v>1483750</v>
      </c>
      <c r="AD9" s="25">
        <v>2456775</v>
      </c>
      <c r="AE9" s="25">
        <v>3276963</v>
      </c>
      <c r="AF9" s="25">
        <v>4114660</v>
      </c>
      <c r="AG9" s="25">
        <v>1914420</v>
      </c>
      <c r="AH9" s="28">
        <v>13246568</v>
      </c>
      <c r="AI9" s="29">
        <v>13246568</v>
      </c>
      <c r="AJ9" s="24">
        <v>0</v>
      </c>
      <c r="AK9" s="25">
        <v>0</v>
      </c>
      <c r="AL9" s="26">
        <v>0</v>
      </c>
      <c r="AM9" s="403">
        <v>0</v>
      </c>
      <c r="AN9" s="25">
        <v>0</v>
      </c>
      <c r="AO9" s="25">
        <v>0</v>
      </c>
      <c r="AP9" s="25">
        <v>0</v>
      </c>
      <c r="AQ9" s="25">
        <v>78895</v>
      </c>
      <c r="AR9" s="25">
        <v>90055</v>
      </c>
      <c r="AS9" s="28">
        <v>168950</v>
      </c>
      <c r="AT9" s="29">
        <v>168950</v>
      </c>
      <c r="AU9" s="24">
        <v>0</v>
      </c>
      <c r="AV9" s="25">
        <v>0</v>
      </c>
      <c r="AW9" s="26">
        <v>0</v>
      </c>
      <c r="AX9" s="403">
        <v>0</v>
      </c>
      <c r="AY9" s="25">
        <v>0</v>
      </c>
      <c r="AZ9" s="25">
        <v>0</v>
      </c>
      <c r="BA9" s="25">
        <v>0</v>
      </c>
      <c r="BB9" s="25">
        <v>206615</v>
      </c>
      <c r="BC9" s="25">
        <v>298200</v>
      </c>
      <c r="BD9" s="28">
        <v>504815</v>
      </c>
      <c r="BE9" s="29">
        <v>504815</v>
      </c>
      <c r="BF9" s="24">
        <v>0</v>
      </c>
      <c r="BG9" s="25">
        <v>0</v>
      </c>
      <c r="BH9" s="26">
        <v>0</v>
      </c>
      <c r="BI9" s="403">
        <v>0</v>
      </c>
      <c r="BJ9" s="25">
        <v>27280</v>
      </c>
      <c r="BK9" s="25">
        <v>128030</v>
      </c>
      <c r="BL9" s="25">
        <v>435225</v>
      </c>
      <c r="BM9" s="25">
        <v>439560</v>
      </c>
      <c r="BN9" s="25">
        <v>328600</v>
      </c>
      <c r="BO9" s="28">
        <v>1358695</v>
      </c>
      <c r="BP9" s="29">
        <v>1358695</v>
      </c>
      <c r="BQ9" s="24">
        <v>0</v>
      </c>
      <c r="BR9" s="25">
        <v>7768</v>
      </c>
      <c r="BS9" s="26">
        <v>7768</v>
      </c>
      <c r="BT9" s="27">
        <v>0</v>
      </c>
      <c r="BU9" s="25">
        <v>215878</v>
      </c>
      <c r="BV9" s="25">
        <v>353963</v>
      </c>
      <c r="BW9" s="25">
        <v>927083</v>
      </c>
      <c r="BX9" s="25">
        <v>677971</v>
      </c>
      <c r="BY9" s="25">
        <v>452165</v>
      </c>
      <c r="BZ9" s="28">
        <v>2627060</v>
      </c>
      <c r="CA9" s="29">
        <v>2634828</v>
      </c>
      <c r="CB9" s="24">
        <v>4800</v>
      </c>
      <c r="CC9" s="25">
        <v>0</v>
      </c>
      <c r="CD9" s="26">
        <v>4800</v>
      </c>
      <c r="CE9" s="27">
        <v>0</v>
      </c>
      <c r="CF9" s="25">
        <v>1820</v>
      </c>
      <c r="CG9" s="25">
        <v>40587</v>
      </c>
      <c r="CH9" s="25">
        <v>51585</v>
      </c>
      <c r="CI9" s="25">
        <v>24121</v>
      </c>
      <c r="CJ9" s="25">
        <v>72134</v>
      </c>
      <c r="CK9" s="28">
        <v>190247</v>
      </c>
      <c r="CL9" s="29">
        <v>195047</v>
      </c>
      <c r="CM9" s="24">
        <v>0</v>
      </c>
      <c r="CN9" s="25">
        <v>0</v>
      </c>
      <c r="CO9" s="26">
        <v>0</v>
      </c>
      <c r="CP9" s="27">
        <v>0</v>
      </c>
      <c r="CQ9" s="25">
        <v>0</v>
      </c>
      <c r="CR9" s="25">
        <v>0</v>
      </c>
      <c r="CS9" s="25">
        <v>0</v>
      </c>
      <c r="CT9" s="25">
        <v>0</v>
      </c>
      <c r="CU9" s="25">
        <v>0</v>
      </c>
      <c r="CV9" s="28">
        <v>0</v>
      </c>
      <c r="CW9" s="29">
        <v>0</v>
      </c>
      <c r="CX9" s="24">
        <v>0</v>
      </c>
      <c r="CY9" s="25">
        <v>0</v>
      </c>
      <c r="CZ9" s="26">
        <v>0</v>
      </c>
      <c r="DA9" s="403">
        <v>0</v>
      </c>
      <c r="DB9" s="25">
        <v>0</v>
      </c>
      <c r="DC9" s="25">
        <v>0</v>
      </c>
      <c r="DD9" s="25">
        <v>0</v>
      </c>
      <c r="DE9" s="25">
        <v>0</v>
      </c>
      <c r="DF9" s="25">
        <v>0</v>
      </c>
      <c r="DG9" s="28">
        <v>0</v>
      </c>
      <c r="DH9" s="29">
        <v>0</v>
      </c>
      <c r="DI9" s="24">
        <v>1885</v>
      </c>
      <c r="DJ9" s="25">
        <v>10805</v>
      </c>
      <c r="DK9" s="26">
        <v>12690</v>
      </c>
      <c r="DL9" s="27">
        <v>0</v>
      </c>
      <c r="DM9" s="25">
        <v>1538090</v>
      </c>
      <c r="DN9" s="25">
        <v>3195261</v>
      </c>
      <c r="DO9" s="25">
        <v>14169618</v>
      </c>
      <c r="DP9" s="25">
        <v>19942920</v>
      </c>
      <c r="DQ9" s="25">
        <v>12805222</v>
      </c>
      <c r="DR9" s="28">
        <v>51651111</v>
      </c>
      <c r="DS9" s="30">
        <v>51663801</v>
      </c>
      <c r="DT9" s="24">
        <v>0</v>
      </c>
      <c r="DU9" s="25">
        <v>0</v>
      </c>
      <c r="DV9" s="26">
        <v>0</v>
      </c>
      <c r="DW9" s="403">
        <v>0</v>
      </c>
      <c r="DX9" s="25">
        <v>932403</v>
      </c>
      <c r="DY9" s="25">
        <v>2043291</v>
      </c>
      <c r="DZ9" s="25">
        <v>11571984</v>
      </c>
      <c r="EA9" s="25">
        <v>17142564</v>
      </c>
      <c r="EB9" s="25">
        <v>10860491</v>
      </c>
      <c r="EC9" s="28">
        <v>42550733</v>
      </c>
      <c r="ED9" s="29">
        <v>42550733</v>
      </c>
      <c r="EE9" s="24">
        <v>0</v>
      </c>
      <c r="EF9" s="25">
        <v>0</v>
      </c>
      <c r="EG9" s="26">
        <v>0</v>
      </c>
      <c r="EH9" s="403">
        <v>0</v>
      </c>
      <c r="EI9" s="25">
        <v>249556</v>
      </c>
      <c r="EJ9" s="25">
        <v>386242</v>
      </c>
      <c r="EK9" s="25">
        <v>755451</v>
      </c>
      <c r="EL9" s="25">
        <v>753751</v>
      </c>
      <c r="EM9" s="25">
        <v>575135</v>
      </c>
      <c r="EN9" s="28">
        <v>2720135</v>
      </c>
      <c r="EO9" s="29">
        <v>2720135</v>
      </c>
      <c r="EP9" s="24">
        <v>0</v>
      </c>
      <c r="EQ9" s="25">
        <v>0</v>
      </c>
      <c r="ER9" s="26">
        <v>0</v>
      </c>
      <c r="ES9" s="403">
        <v>0</v>
      </c>
      <c r="ET9" s="25">
        <v>0</v>
      </c>
      <c r="EU9" s="25">
        <v>0</v>
      </c>
      <c r="EV9" s="25">
        <v>0</v>
      </c>
      <c r="EW9" s="25">
        <v>24025</v>
      </c>
      <c r="EX9" s="25">
        <v>12338</v>
      </c>
      <c r="EY9" s="28">
        <v>36363</v>
      </c>
      <c r="EZ9" s="29">
        <v>36363</v>
      </c>
      <c r="FA9" s="24">
        <v>0</v>
      </c>
      <c r="FB9" s="25">
        <v>0</v>
      </c>
      <c r="FC9" s="26">
        <v>0</v>
      </c>
      <c r="FD9" s="403">
        <v>0</v>
      </c>
      <c r="FE9" s="25">
        <v>0</v>
      </c>
      <c r="FF9" s="25">
        <v>0</v>
      </c>
      <c r="FG9" s="25">
        <v>0</v>
      </c>
      <c r="FH9" s="25">
        <v>37882</v>
      </c>
      <c r="FI9" s="25">
        <v>32026</v>
      </c>
      <c r="FJ9" s="28">
        <v>69908</v>
      </c>
      <c r="FK9" s="29">
        <v>69908</v>
      </c>
      <c r="FL9" s="24">
        <v>0</v>
      </c>
      <c r="FM9" s="25">
        <v>0</v>
      </c>
      <c r="FN9" s="26">
        <v>0</v>
      </c>
      <c r="FO9" s="403">
        <v>0</v>
      </c>
      <c r="FP9" s="25">
        <v>43152</v>
      </c>
      <c r="FQ9" s="25">
        <v>192727</v>
      </c>
      <c r="FR9" s="25">
        <v>687986</v>
      </c>
      <c r="FS9" s="25">
        <v>826987</v>
      </c>
      <c r="FT9" s="25">
        <v>619721</v>
      </c>
      <c r="FU9" s="28">
        <v>2370573</v>
      </c>
      <c r="FV9" s="29">
        <v>2370573</v>
      </c>
      <c r="FW9" s="24">
        <v>0</v>
      </c>
      <c r="FX9" s="25">
        <v>10805</v>
      </c>
      <c r="FY9" s="26">
        <v>10805</v>
      </c>
      <c r="FZ9" s="27">
        <v>0</v>
      </c>
      <c r="GA9" s="25">
        <v>310581</v>
      </c>
      <c r="GB9" s="25">
        <v>522439</v>
      </c>
      <c r="GC9" s="25">
        <v>1127056</v>
      </c>
      <c r="GD9" s="25">
        <v>1125624</v>
      </c>
      <c r="GE9" s="25">
        <v>625472</v>
      </c>
      <c r="GF9" s="28">
        <v>3711172</v>
      </c>
      <c r="GG9" s="29">
        <v>3721977</v>
      </c>
      <c r="GH9" s="24">
        <v>1885</v>
      </c>
      <c r="GI9" s="25">
        <v>0</v>
      </c>
      <c r="GJ9" s="26">
        <v>1885</v>
      </c>
      <c r="GK9" s="27">
        <v>0</v>
      </c>
      <c r="GL9" s="25">
        <v>2398</v>
      </c>
      <c r="GM9" s="25">
        <v>50562</v>
      </c>
      <c r="GN9" s="25">
        <v>27141</v>
      </c>
      <c r="GO9" s="25">
        <v>32087</v>
      </c>
      <c r="GP9" s="25">
        <v>80039</v>
      </c>
      <c r="GQ9" s="28">
        <v>192227</v>
      </c>
      <c r="GR9" s="29">
        <v>194112</v>
      </c>
      <c r="GS9" s="24">
        <v>0</v>
      </c>
      <c r="GT9" s="25">
        <v>0</v>
      </c>
      <c r="GU9" s="26">
        <v>0</v>
      </c>
      <c r="GV9" s="27">
        <v>0</v>
      </c>
      <c r="GW9" s="25">
        <v>0</v>
      </c>
      <c r="GX9" s="25">
        <v>0</v>
      </c>
      <c r="GY9" s="25">
        <v>0</v>
      </c>
      <c r="GZ9" s="25">
        <v>0</v>
      </c>
      <c r="HA9" s="25">
        <v>0</v>
      </c>
      <c r="HB9" s="28">
        <v>0</v>
      </c>
      <c r="HC9" s="29">
        <v>0</v>
      </c>
      <c r="HD9" s="24">
        <v>0</v>
      </c>
      <c r="HE9" s="25">
        <v>0</v>
      </c>
      <c r="HF9" s="26">
        <v>0</v>
      </c>
      <c r="HG9" s="403">
        <v>0</v>
      </c>
      <c r="HH9" s="25">
        <v>0</v>
      </c>
      <c r="HI9" s="25">
        <v>0</v>
      </c>
      <c r="HJ9" s="25">
        <v>0</v>
      </c>
      <c r="HK9" s="25">
        <v>0</v>
      </c>
      <c r="HL9" s="25">
        <v>0</v>
      </c>
      <c r="HM9" s="28">
        <v>0</v>
      </c>
      <c r="HN9" s="29">
        <v>0</v>
      </c>
      <c r="HO9" s="24">
        <v>6685</v>
      </c>
      <c r="HP9" s="25">
        <v>18573</v>
      </c>
      <c r="HQ9" s="26">
        <v>25258</v>
      </c>
      <c r="HR9" s="27">
        <v>0</v>
      </c>
      <c r="HS9" s="25">
        <v>4326058</v>
      </c>
      <c r="HT9" s="25">
        <v>7985141</v>
      </c>
      <c r="HU9" s="25">
        <v>29706094</v>
      </c>
      <c r="HV9" s="25">
        <v>41643411</v>
      </c>
      <c r="HW9" s="25">
        <v>25628201</v>
      </c>
      <c r="HX9" s="28">
        <v>109288905</v>
      </c>
      <c r="HY9" s="29">
        <v>109314163</v>
      </c>
    </row>
    <row r="10" spans="2:233" ht="21" customHeight="1" x14ac:dyDescent="0.2">
      <c r="B10" s="106" t="s">
        <v>14</v>
      </c>
      <c r="C10" s="24">
        <v>0</v>
      </c>
      <c r="D10" s="25">
        <v>6175</v>
      </c>
      <c r="E10" s="26">
        <v>6175</v>
      </c>
      <c r="F10" s="27">
        <v>0</v>
      </c>
      <c r="G10" s="25">
        <v>567694</v>
      </c>
      <c r="H10" s="25">
        <v>2040014</v>
      </c>
      <c r="I10" s="25">
        <v>8481778</v>
      </c>
      <c r="J10" s="25">
        <v>12595944</v>
      </c>
      <c r="K10" s="25">
        <v>8018173</v>
      </c>
      <c r="L10" s="28">
        <v>31703603</v>
      </c>
      <c r="M10" s="29">
        <v>31709778</v>
      </c>
      <c r="N10" s="24">
        <v>0</v>
      </c>
      <c r="O10" s="25">
        <v>0</v>
      </c>
      <c r="P10" s="26">
        <v>0</v>
      </c>
      <c r="Q10" s="403">
        <v>0</v>
      </c>
      <c r="R10" s="25">
        <v>100875</v>
      </c>
      <c r="S10" s="25">
        <v>262925</v>
      </c>
      <c r="T10" s="25">
        <v>5695862</v>
      </c>
      <c r="U10" s="25">
        <v>8937203</v>
      </c>
      <c r="V10" s="25">
        <v>6384014</v>
      </c>
      <c r="W10" s="28">
        <v>21380879</v>
      </c>
      <c r="X10" s="29">
        <v>21380879</v>
      </c>
      <c r="Y10" s="24">
        <v>0</v>
      </c>
      <c r="Z10" s="25">
        <v>0</v>
      </c>
      <c r="AA10" s="26">
        <v>0</v>
      </c>
      <c r="AB10" s="403">
        <v>0</v>
      </c>
      <c r="AC10" s="25">
        <v>348690</v>
      </c>
      <c r="AD10" s="25">
        <v>1446384</v>
      </c>
      <c r="AE10" s="25">
        <v>1885501</v>
      </c>
      <c r="AF10" s="25">
        <v>2069336</v>
      </c>
      <c r="AG10" s="25">
        <v>687660</v>
      </c>
      <c r="AH10" s="28">
        <v>6437571</v>
      </c>
      <c r="AI10" s="29">
        <v>6437571</v>
      </c>
      <c r="AJ10" s="24">
        <v>0</v>
      </c>
      <c r="AK10" s="25">
        <v>0</v>
      </c>
      <c r="AL10" s="26">
        <v>0</v>
      </c>
      <c r="AM10" s="403">
        <v>0</v>
      </c>
      <c r="AN10" s="25">
        <v>0</v>
      </c>
      <c r="AO10" s="25">
        <v>0</v>
      </c>
      <c r="AP10" s="25">
        <v>2635</v>
      </c>
      <c r="AQ10" s="25">
        <v>161235</v>
      </c>
      <c r="AR10" s="25">
        <v>179205</v>
      </c>
      <c r="AS10" s="28">
        <v>343075</v>
      </c>
      <c r="AT10" s="29">
        <v>343075</v>
      </c>
      <c r="AU10" s="24">
        <v>0</v>
      </c>
      <c r="AV10" s="25">
        <v>0</v>
      </c>
      <c r="AW10" s="26">
        <v>0</v>
      </c>
      <c r="AX10" s="403">
        <v>0</v>
      </c>
      <c r="AY10" s="25">
        <v>0</v>
      </c>
      <c r="AZ10" s="25">
        <v>0</v>
      </c>
      <c r="BA10" s="25">
        <v>5270</v>
      </c>
      <c r="BB10" s="25">
        <v>654500</v>
      </c>
      <c r="BC10" s="25">
        <v>438405</v>
      </c>
      <c r="BD10" s="28">
        <v>1098175</v>
      </c>
      <c r="BE10" s="29">
        <v>1098175</v>
      </c>
      <c r="BF10" s="24">
        <v>0</v>
      </c>
      <c r="BG10" s="25">
        <v>0</v>
      </c>
      <c r="BH10" s="26">
        <v>0</v>
      </c>
      <c r="BI10" s="403">
        <v>0</v>
      </c>
      <c r="BJ10" s="25">
        <v>0</v>
      </c>
      <c r="BK10" s="25">
        <v>0</v>
      </c>
      <c r="BL10" s="25">
        <v>34660</v>
      </c>
      <c r="BM10" s="25">
        <v>152460</v>
      </c>
      <c r="BN10" s="25">
        <v>60410</v>
      </c>
      <c r="BO10" s="28">
        <v>247530</v>
      </c>
      <c r="BP10" s="29">
        <v>247530</v>
      </c>
      <c r="BQ10" s="24">
        <v>0</v>
      </c>
      <c r="BR10" s="25">
        <v>6175</v>
      </c>
      <c r="BS10" s="26">
        <v>6175</v>
      </c>
      <c r="BT10" s="27">
        <v>0</v>
      </c>
      <c r="BU10" s="25">
        <v>118129</v>
      </c>
      <c r="BV10" s="25">
        <v>330705</v>
      </c>
      <c r="BW10" s="25">
        <v>854225</v>
      </c>
      <c r="BX10" s="25">
        <v>621210</v>
      </c>
      <c r="BY10" s="25">
        <v>268479</v>
      </c>
      <c r="BZ10" s="28">
        <v>2192748</v>
      </c>
      <c r="CA10" s="29">
        <v>2198923</v>
      </c>
      <c r="CB10" s="24">
        <v>0</v>
      </c>
      <c r="CC10" s="25">
        <v>0</v>
      </c>
      <c r="CD10" s="26">
        <v>0</v>
      </c>
      <c r="CE10" s="27">
        <v>0</v>
      </c>
      <c r="CF10" s="25">
        <v>0</v>
      </c>
      <c r="CG10" s="25">
        <v>0</v>
      </c>
      <c r="CH10" s="25">
        <v>3625</v>
      </c>
      <c r="CI10" s="25">
        <v>0</v>
      </c>
      <c r="CJ10" s="25">
        <v>0</v>
      </c>
      <c r="CK10" s="28">
        <v>3625</v>
      </c>
      <c r="CL10" s="29">
        <v>3625</v>
      </c>
      <c r="CM10" s="24">
        <v>0</v>
      </c>
      <c r="CN10" s="25">
        <v>0</v>
      </c>
      <c r="CO10" s="26">
        <v>0</v>
      </c>
      <c r="CP10" s="27">
        <v>0</v>
      </c>
      <c r="CQ10" s="25">
        <v>0</v>
      </c>
      <c r="CR10" s="25">
        <v>0</v>
      </c>
      <c r="CS10" s="25">
        <v>0</v>
      </c>
      <c r="CT10" s="25">
        <v>0</v>
      </c>
      <c r="CU10" s="25">
        <v>0</v>
      </c>
      <c r="CV10" s="28">
        <v>0</v>
      </c>
      <c r="CW10" s="29">
        <v>0</v>
      </c>
      <c r="CX10" s="24">
        <v>0</v>
      </c>
      <c r="CY10" s="25">
        <v>0</v>
      </c>
      <c r="CZ10" s="26">
        <v>0</v>
      </c>
      <c r="DA10" s="403">
        <v>0</v>
      </c>
      <c r="DB10" s="25">
        <v>0</v>
      </c>
      <c r="DC10" s="25">
        <v>0</v>
      </c>
      <c r="DD10" s="25">
        <v>0</v>
      </c>
      <c r="DE10" s="25">
        <v>0</v>
      </c>
      <c r="DF10" s="25">
        <v>0</v>
      </c>
      <c r="DG10" s="28">
        <v>0</v>
      </c>
      <c r="DH10" s="29">
        <v>0</v>
      </c>
      <c r="DI10" s="24">
        <v>0</v>
      </c>
      <c r="DJ10" s="25">
        <v>10244</v>
      </c>
      <c r="DK10" s="26">
        <v>10244</v>
      </c>
      <c r="DL10" s="27">
        <v>0</v>
      </c>
      <c r="DM10" s="25">
        <v>383490</v>
      </c>
      <c r="DN10" s="25">
        <v>1306892</v>
      </c>
      <c r="DO10" s="25">
        <v>10162242</v>
      </c>
      <c r="DP10" s="25">
        <v>13461203</v>
      </c>
      <c r="DQ10" s="25">
        <v>8197555</v>
      </c>
      <c r="DR10" s="28">
        <v>33511382</v>
      </c>
      <c r="DS10" s="30">
        <v>33521626</v>
      </c>
      <c r="DT10" s="24">
        <v>0</v>
      </c>
      <c r="DU10" s="25">
        <v>0</v>
      </c>
      <c r="DV10" s="26">
        <v>0</v>
      </c>
      <c r="DW10" s="403">
        <v>0</v>
      </c>
      <c r="DX10" s="25">
        <v>92710</v>
      </c>
      <c r="DY10" s="25">
        <v>513627</v>
      </c>
      <c r="DZ10" s="25">
        <v>8635717</v>
      </c>
      <c r="EA10" s="25">
        <v>11948225</v>
      </c>
      <c r="EB10" s="25">
        <v>7340820</v>
      </c>
      <c r="EC10" s="28">
        <v>28531099</v>
      </c>
      <c r="ED10" s="29">
        <v>28531099</v>
      </c>
      <c r="EE10" s="24">
        <v>0</v>
      </c>
      <c r="EF10" s="25">
        <v>0</v>
      </c>
      <c r="EG10" s="26">
        <v>0</v>
      </c>
      <c r="EH10" s="403">
        <v>0</v>
      </c>
      <c r="EI10" s="25">
        <v>68746</v>
      </c>
      <c r="EJ10" s="25">
        <v>260950</v>
      </c>
      <c r="EK10" s="25">
        <v>235613</v>
      </c>
      <c r="EL10" s="25">
        <v>279449</v>
      </c>
      <c r="EM10" s="25">
        <v>136223</v>
      </c>
      <c r="EN10" s="28">
        <v>980981</v>
      </c>
      <c r="EO10" s="29">
        <v>980981</v>
      </c>
      <c r="EP10" s="24">
        <v>0</v>
      </c>
      <c r="EQ10" s="25">
        <v>0</v>
      </c>
      <c r="ER10" s="26">
        <v>0</v>
      </c>
      <c r="ES10" s="403">
        <v>0</v>
      </c>
      <c r="ET10" s="25">
        <v>0</v>
      </c>
      <c r="EU10" s="25">
        <v>0</v>
      </c>
      <c r="EV10" s="25">
        <v>0</v>
      </c>
      <c r="EW10" s="25">
        <v>23004</v>
      </c>
      <c r="EX10" s="25">
        <v>34627</v>
      </c>
      <c r="EY10" s="28">
        <v>57631</v>
      </c>
      <c r="EZ10" s="29">
        <v>57631</v>
      </c>
      <c r="FA10" s="24">
        <v>0</v>
      </c>
      <c r="FB10" s="25">
        <v>0</v>
      </c>
      <c r="FC10" s="26">
        <v>0</v>
      </c>
      <c r="FD10" s="403">
        <v>0</v>
      </c>
      <c r="FE10" s="25">
        <v>0</v>
      </c>
      <c r="FF10" s="25">
        <v>0</v>
      </c>
      <c r="FG10" s="25">
        <v>434</v>
      </c>
      <c r="FH10" s="25">
        <v>86800</v>
      </c>
      <c r="FI10" s="25">
        <v>99328</v>
      </c>
      <c r="FJ10" s="28">
        <v>186562</v>
      </c>
      <c r="FK10" s="29">
        <v>186562</v>
      </c>
      <c r="FL10" s="24">
        <v>0</v>
      </c>
      <c r="FM10" s="25">
        <v>0</v>
      </c>
      <c r="FN10" s="26">
        <v>0</v>
      </c>
      <c r="FO10" s="403">
        <v>0</v>
      </c>
      <c r="FP10" s="25">
        <v>0</v>
      </c>
      <c r="FQ10" s="25">
        <v>0</v>
      </c>
      <c r="FR10" s="25">
        <v>88676</v>
      </c>
      <c r="FS10" s="25">
        <v>268260</v>
      </c>
      <c r="FT10" s="25">
        <v>83398</v>
      </c>
      <c r="FU10" s="28">
        <v>440334</v>
      </c>
      <c r="FV10" s="29">
        <v>440334</v>
      </c>
      <c r="FW10" s="24">
        <v>0</v>
      </c>
      <c r="FX10" s="25">
        <v>10230</v>
      </c>
      <c r="FY10" s="26">
        <v>10230</v>
      </c>
      <c r="FZ10" s="27">
        <v>0</v>
      </c>
      <c r="GA10" s="25">
        <v>222034</v>
      </c>
      <c r="GB10" s="25">
        <v>532315</v>
      </c>
      <c r="GC10" s="25">
        <v>1189272</v>
      </c>
      <c r="GD10" s="25">
        <v>855465</v>
      </c>
      <c r="GE10" s="25">
        <v>503159</v>
      </c>
      <c r="GF10" s="28">
        <v>3302245</v>
      </c>
      <c r="GG10" s="29">
        <v>3312475</v>
      </c>
      <c r="GH10" s="24">
        <v>0</v>
      </c>
      <c r="GI10" s="25">
        <v>14</v>
      </c>
      <c r="GJ10" s="26">
        <v>14</v>
      </c>
      <c r="GK10" s="27">
        <v>0</v>
      </c>
      <c r="GL10" s="25">
        <v>0</v>
      </c>
      <c r="GM10" s="25">
        <v>0</v>
      </c>
      <c r="GN10" s="25">
        <v>12530</v>
      </c>
      <c r="GO10" s="25">
        <v>0</v>
      </c>
      <c r="GP10" s="25">
        <v>0</v>
      </c>
      <c r="GQ10" s="28">
        <v>12530</v>
      </c>
      <c r="GR10" s="29">
        <v>12544</v>
      </c>
      <c r="GS10" s="24">
        <v>0</v>
      </c>
      <c r="GT10" s="25">
        <v>0</v>
      </c>
      <c r="GU10" s="26">
        <v>0</v>
      </c>
      <c r="GV10" s="27">
        <v>0</v>
      </c>
      <c r="GW10" s="25">
        <v>0</v>
      </c>
      <c r="GX10" s="25">
        <v>0</v>
      </c>
      <c r="GY10" s="25">
        <v>0</v>
      </c>
      <c r="GZ10" s="25">
        <v>0</v>
      </c>
      <c r="HA10" s="25">
        <v>0</v>
      </c>
      <c r="HB10" s="28">
        <v>0</v>
      </c>
      <c r="HC10" s="29">
        <v>0</v>
      </c>
      <c r="HD10" s="24">
        <v>0</v>
      </c>
      <c r="HE10" s="25">
        <v>0</v>
      </c>
      <c r="HF10" s="26">
        <v>0</v>
      </c>
      <c r="HG10" s="403">
        <v>0</v>
      </c>
      <c r="HH10" s="25">
        <v>0</v>
      </c>
      <c r="HI10" s="25">
        <v>0</v>
      </c>
      <c r="HJ10" s="25">
        <v>0</v>
      </c>
      <c r="HK10" s="25">
        <v>0</v>
      </c>
      <c r="HL10" s="25">
        <v>0</v>
      </c>
      <c r="HM10" s="28">
        <v>0</v>
      </c>
      <c r="HN10" s="29">
        <v>0</v>
      </c>
      <c r="HO10" s="24">
        <v>0</v>
      </c>
      <c r="HP10" s="25">
        <v>16419</v>
      </c>
      <c r="HQ10" s="26">
        <v>16419</v>
      </c>
      <c r="HR10" s="27">
        <v>0</v>
      </c>
      <c r="HS10" s="25">
        <v>951184</v>
      </c>
      <c r="HT10" s="25">
        <v>3346906</v>
      </c>
      <c r="HU10" s="25">
        <v>18644020</v>
      </c>
      <c r="HV10" s="25">
        <v>26057147</v>
      </c>
      <c r="HW10" s="25">
        <v>16215728</v>
      </c>
      <c r="HX10" s="28">
        <v>65214985</v>
      </c>
      <c r="HY10" s="29">
        <v>65231404</v>
      </c>
    </row>
    <row r="11" spans="2:233" ht="21" customHeight="1" x14ac:dyDescent="0.2">
      <c r="B11" s="106" t="s">
        <v>7</v>
      </c>
      <c r="C11" s="24">
        <v>0</v>
      </c>
      <c r="D11" s="25">
        <v>3835</v>
      </c>
      <c r="E11" s="26">
        <v>3835</v>
      </c>
      <c r="F11" s="27">
        <v>0</v>
      </c>
      <c r="G11" s="25">
        <v>1873334</v>
      </c>
      <c r="H11" s="25">
        <v>2307203</v>
      </c>
      <c r="I11" s="25">
        <v>7412991</v>
      </c>
      <c r="J11" s="25">
        <v>8549325</v>
      </c>
      <c r="K11" s="25">
        <v>4115862</v>
      </c>
      <c r="L11" s="28">
        <v>24258715</v>
      </c>
      <c r="M11" s="29">
        <v>24262550</v>
      </c>
      <c r="N11" s="24">
        <v>0</v>
      </c>
      <c r="O11" s="25">
        <v>0</v>
      </c>
      <c r="P11" s="26">
        <v>0</v>
      </c>
      <c r="Q11" s="403">
        <v>0</v>
      </c>
      <c r="R11" s="25">
        <v>254565</v>
      </c>
      <c r="S11" s="25">
        <v>476950</v>
      </c>
      <c r="T11" s="25">
        <v>5256283</v>
      </c>
      <c r="U11" s="25">
        <v>6347420</v>
      </c>
      <c r="V11" s="25">
        <v>3515905</v>
      </c>
      <c r="W11" s="28">
        <v>15851123</v>
      </c>
      <c r="X11" s="29">
        <v>15851123</v>
      </c>
      <c r="Y11" s="24">
        <v>0</v>
      </c>
      <c r="Z11" s="25">
        <v>0</v>
      </c>
      <c r="AA11" s="26">
        <v>0</v>
      </c>
      <c r="AB11" s="403">
        <v>0</v>
      </c>
      <c r="AC11" s="25">
        <v>1463131</v>
      </c>
      <c r="AD11" s="25">
        <v>1613929</v>
      </c>
      <c r="AE11" s="25">
        <v>1707131</v>
      </c>
      <c r="AF11" s="25">
        <v>1830879</v>
      </c>
      <c r="AG11" s="25">
        <v>508772</v>
      </c>
      <c r="AH11" s="28">
        <v>7123842</v>
      </c>
      <c r="AI11" s="29">
        <v>7123842</v>
      </c>
      <c r="AJ11" s="24">
        <v>0</v>
      </c>
      <c r="AK11" s="25">
        <v>0</v>
      </c>
      <c r="AL11" s="26">
        <v>0</v>
      </c>
      <c r="AM11" s="403">
        <v>0</v>
      </c>
      <c r="AN11" s="25">
        <v>0</v>
      </c>
      <c r="AO11" s="25">
        <v>0</v>
      </c>
      <c r="AP11" s="25">
        <v>0</v>
      </c>
      <c r="AQ11" s="25">
        <v>0</v>
      </c>
      <c r="AR11" s="25">
        <v>2635</v>
      </c>
      <c r="AS11" s="28">
        <v>2635</v>
      </c>
      <c r="AT11" s="29">
        <v>2635</v>
      </c>
      <c r="AU11" s="24">
        <v>0</v>
      </c>
      <c r="AV11" s="25">
        <v>0</v>
      </c>
      <c r="AW11" s="26">
        <v>0</v>
      </c>
      <c r="AX11" s="403">
        <v>0</v>
      </c>
      <c r="AY11" s="25">
        <v>0</v>
      </c>
      <c r="AZ11" s="25">
        <v>0</v>
      </c>
      <c r="BA11" s="25">
        <v>0</v>
      </c>
      <c r="BB11" s="25">
        <v>32705</v>
      </c>
      <c r="BC11" s="25">
        <v>0</v>
      </c>
      <c r="BD11" s="28">
        <v>32705</v>
      </c>
      <c r="BE11" s="29">
        <v>32705</v>
      </c>
      <c r="BF11" s="24">
        <v>0</v>
      </c>
      <c r="BG11" s="25">
        <v>0</v>
      </c>
      <c r="BH11" s="26">
        <v>0</v>
      </c>
      <c r="BI11" s="403">
        <v>0</v>
      </c>
      <c r="BJ11" s="25">
        <v>0</v>
      </c>
      <c r="BK11" s="25">
        <v>0</v>
      </c>
      <c r="BL11" s="25">
        <v>0</v>
      </c>
      <c r="BM11" s="25">
        <v>0</v>
      </c>
      <c r="BN11" s="25">
        <v>0</v>
      </c>
      <c r="BO11" s="28">
        <v>0</v>
      </c>
      <c r="BP11" s="29">
        <v>0</v>
      </c>
      <c r="BQ11" s="24">
        <v>0</v>
      </c>
      <c r="BR11" s="25">
        <v>3835</v>
      </c>
      <c r="BS11" s="26">
        <v>3835</v>
      </c>
      <c r="BT11" s="27">
        <v>0</v>
      </c>
      <c r="BU11" s="25">
        <v>133258</v>
      </c>
      <c r="BV11" s="25">
        <v>191689</v>
      </c>
      <c r="BW11" s="25">
        <v>417022</v>
      </c>
      <c r="BX11" s="25">
        <v>331056</v>
      </c>
      <c r="BY11" s="25">
        <v>73730</v>
      </c>
      <c r="BZ11" s="28">
        <v>1146755</v>
      </c>
      <c r="CA11" s="29">
        <v>1150590</v>
      </c>
      <c r="CB11" s="24">
        <v>0</v>
      </c>
      <c r="CC11" s="25">
        <v>0</v>
      </c>
      <c r="CD11" s="26">
        <v>0</v>
      </c>
      <c r="CE11" s="27">
        <v>0</v>
      </c>
      <c r="CF11" s="25">
        <v>22380</v>
      </c>
      <c r="CG11" s="25">
        <v>24635</v>
      </c>
      <c r="CH11" s="25">
        <v>32555</v>
      </c>
      <c r="CI11" s="25">
        <v>7265</v>
      </c>
      <c r="CJ11" s="25">
        <v>14820</v>
      </c>
      <c r="CK11" s="28">
        <v>101655</v>
      </c>
      <c r="CL11" s="29">
        <v>101655</v>
      </c>
      <c r="CM11" s="24">
        <v>0</v>
      </c>
      <c r="CN11" s="25">
        <v>0</v>
      </c>
      <c r="CO11" s="26">
        <v>0</v>
      </c>
      <c r="CP11" s="27">
        <v>0</v>
      </c>
      <c r="CQ11" s="25">
        <v>0</v>
      </c>
      <c r="CR11" s="25">
        <v>0</v>
      </c>
      <c r="CS11" s="25">
        <v>0</v>
      </c>
      <c r="CT11" s="25">
        <v>0</v>
      </c>
      <c r="CU11" s="25">
        <v>0</v>
      </c>
      <c r="CV11" s="28">
        <v>0</v>
      </c>
      <c r="CW11" s="29">
        <v>0</v>
      </c>
      <c r="CX11" s="24">
        <v>0</v>
      </c>
      <c r="CY11" s="25">
        <v>0</v>
      </c>
      <c r="CZ11" s="26">
        <v>0</v>
      </c>
      <c r="DA11" s="403">
        <v>0</v>
      </c>
      <c r="DB11" s="25">
        <v>0</v>
      </c>
      <c r="DC11" s="25">
        <v>0</v>
      </c>
      <c r="DD11" s="25">
        <v>0</v>
      </c>
      <c r="DE11" s="25">
        <v>0</v>
      </c>
      <c r="DF11" s="25">
        <v>0</v>
      </c>
      <c r="DG11" s="28">
        <v>0</v>
      </c>
      <c r="DH11" s="29">
        <v>0</v>
      </c>
      <c r="DI11" s="24">
        <v>0</v>
      </c>
      <c r="DJ11" s="25">
        <v>3755</v>
      </c>
      <c r="DK11" s="26">
        <v>3755</v>
      </c>
      <c r="DL11" s="27">
        <v>0</v>
      </c>
      <c r="DM11" s="25">
        <v>700523</v>
      </c>
      <c r="DN11" s="25">
        <v>1082902</v>
      </c>
      <c r="DO11" s="25">
        <v>7546288</v>
      </c>
      <c r="DP11" s="25">
        <v>8691322</v>
      </c>
      <c r="DQ11" s="25">
        <v>4497035</v>
      </c>
      <c r="DR11" s="28">
        <v>22518070</v>
      </c>
      <c r="DS11" s="30">
        <v>22521825</v>
      </c>
      <c r="DT11" s="24">
        <v>0</v>
      </c>
      <c r="DU11" s="25">
        <v>0</v>
      </c>
      <c r="DV11" s="26">
        <v>0</v>
      </c>
      <c r="DW11" s="403">
        <v>0</v>
      </c>
      <c r="DX11" s="25">
        <v>267979</v>
      </c>
      <c r="DY11" s="25">
        <v>547447</v>
      </c>
      <c r="DZ11" s="25">
        <v>6492716</v>
      </c>
      <c r="EA11" s="25">
        <v>7793497</v>
      </c>
      <c r="EB11" s="25">
        <v>4339653</v>
      </c>
      <c r="EC11" s="28">
        <v>19441292</v>
      </c>
      <c r="ED11" s="29">
        <v>19441292</v>
      </c>
      <c r="EE11" s="24">
        <v>0</v>
      </c>
      <c r="EF11" s="25">
        <v>0</v>
      </c>
      <c r="EG11" s="26">
        <v>0</v>
      </c>
      <c r="EH11" s="403">
        <v>0</v>
      </c>
      <c r="EI11" s="25">
        <v>181817</v>
      </c>
      <c r="EJ11" s="25">
        <v>202804</v>
      </c>
      <c r="EK11" s="25">
        <v>420497</v>
      </c>
      <c r="EL11" s="25">
        <v>375490</v>
      </c>
      <c r="EM11" s="25">
        <v>36225</v>
      </c>
      <c r="EN11" s="28">
        <v>1216833</v>
      </c>
      <c r="EO11" s="29">
        <v>1216833</v>
      </c>
      <c r="EP11" s="24">
        <v>0</v>
      </c>
      <c r="EQ11" s="25">
        <v>0</v>
      </c>
      <c r="ER11" s="26">
        <v>0</v>
      </c>
      <c r="ES11" s="403">
        <v>0</v>
      </c>
      <c r="ET11" s="25">
        <v>0</v>
      </c>
      <c r="EU11" s="25">
        <v>0</v>
      </c>
      <c r="EV11" s="25">
        <v>0</v>
      </c>
      <c r="EW11" s="25">
        <v>0</v>
      </c>
      <c r="EX11" s="25">
        <v>217</v>
      </c>
      <c r="EY11" s="28">
        <v>217</v>
      </c>
      <c r="EZ11" s="29">
        <v>217</v>
      </c>
      <c r="FA11" s="24">
        <v>0</v>
      </c>
      <c r="FB11" s="25">
        <v>0</v>
      </c>
      <c r="FC11" s="26">
        <v>0</v>
      </c>
      <c r="FD11" s="403">
        <v>0</v>
      </c>
      <c r="FE11" s="25">
        <v>0</v>
      </c>
      <c r="FF11" s="25">
        <v>0</v>
      </c>
      <c r="FG11" s="25">
        <v>0</v>
      </c>
      <c r="FH11" s="25">
        <v>434</v>
      </c>
      <c r="FI11" s="25">
        <v>0</v>
      </c>
      <c r="FJ11" s="28">
        <v>434</v>
      </c>
      <c r="FK11" s="29">
        <v>434</v>
      </c>
      <c r="FL11" s="24">
        <v>0</v>
      </c>
      <c r="FM11" s="25">
        <v>0</v>
      </c>
      <c r="FN11" s="26">
        <v>0</v>
      </c>
      <c r="FO11" s="403">
        <v>0</v>
      </c>
      <c r="FP11" s="25">
        <v>0</v>
      </c>
      <c r="FQ11" s="25">
        <v>0</v>
      </c>
      <c r="FR11" s="25">
        <v>0</v>
      </c>
      <c r="FS11" s="25">
        <v>0</v>
      </c>
      <c r="FT11" s="25">
        <v>0</v>
      </c>
      <c r="FU11" s="28">
        <v>0</v>
      </c>
      <c r="FV11" s="29">
        <v>0</v>
      </c>
      <c r="FW11" s="24">
        <v>0</v>
      </c>
      <c r="FX11" s="25">
        <v>3755</v>
      </c>
      <c r="FY11" s="26">
        <v>3755</v>
      </c>
      <c r="FZ11" s="27">
        <v>0</v>
      </c>
      <c r="GA11" s="25">
        <v>245630</v>
      </c>
      <c r="GB11" s="25">
        <v>305139</v>
      </c>
      <c r="GC11" s="25">
        <v>625402</v>
      </c>
      <c r="GD11" s="25">
        <v>516078</v>
      </c>
      <c r="GE11" s="25">
        <v>118315</v>
      </c>
      <c r="GF11" s="28">
        <v>1810564</v>
      </c>
      <c r="GG11" s="29">
        <v>1814319</v>
      </c>
      <c r="GH11" s="24">
        <v>0</v>
      </c>
      <c r="GI11" s="25">
        <v>0</v>
      </c>
      <c r="GJ11" s="26">
        <v>0</v>
      </c>
      <c r="GK11" s="27">
        <v>0</v>
      </c>
      <c r="GL11" s="25">
        <v>5097</v>
      </c>
      <c r="GM11" s="25">
        <v>27512</v>
      </c>
      <c r="GN11" s="25">
        <v>7673</v>
      </c>
      <c r="GO11" s="25">
        <v>5823</v>
      </c>
      <c r="GP11" s="25">
        <v>2625</v>
      </c>
      <c r="GQ11" s="28">
        <v>48730</v>
      </c>
      <c r="GR11" s="29">
        <v>48730</v>
      </c>
      <c r="GS11" s="24">
        <v>0</v>
      </c>
      <c r="GT11" s="25">
        <v>0</v>
      </c>
      <c r="GU11" s="26">
        <v>0</v>
      </c>
      <c r="GV11" s="27">
        <v>0</v>
      </c>
      <c r="GW11" s="25">
        <v>0</v>
      </c>
      <c r="GX11" s="25">
        <v>0</v>
      </c>
      <c r="GY11" s="25">
        <v>0</v>
      </c>
      <c r="GZ11" s="25">
        <v>0</v>
      </c>
      <c r="HA11" s="25">
        <v>0</v>
      </c>
      <c r="HB11" s="28">
        <v>0</v>
      </c>
      <c r="HC11" s="29">
        <v>0</v>
      </c>
      <c r="HD11" s="24">
        <v>0</v>
      </c>
      <c r="HE11" s="25">
        <v>0</v>
      </c>
      <c r="HF11" s="26">
        <v>0</v>
      </c>
      <c r="HG11" s="403">
        <v>0</v>
      </c>
      <c r="HH11" s="25">
        <v>0</v>
      </c>
      <c r="HI11" s="25">
        <v>0</v>
      </c>
      <c r="HJ11" s="25">
        <v>0</v>
      </c>
      <c r="HK11" s="25">
        <v>0</v>
      </c>
      <c r="HL11" s="25">
        <v>0</v>
      </c>
      <c r="HM11" s="28">
        <v>0</v>
      </c>
      <c r="HN11" s="29">
        <v>0</v>
      </c>
      <c r="HO11" s="24">
        <v>0</v>
      </c>
      <c r="HP11" s="25">
        <v>7590</v>
      </c>
      <c r="HQ11" s="26">
        <v>7590</v>
      </c>
      <c r="HR11" s="27">
        <v>0</v>
      </c>
      <c r="HS11" s="25">
        <v>2573857</v>
      </c>
      <c r="HT11" s="25">
        <v>3390105</v>
      </c>
      <c r="HU11" s="25">
        <v>14959279</v>
      </c>
      <c r="HV11" s="25">
        <v>17240647</v>
      </c>
      <c r="HW11" s="25">
        <v>8612897</v>
      </c>
      <c r="HX11" s="28">
        <v>46776785</v>
      </c>
      <c r="HY11" s="29">
        <v>46784375</v>
      </c>
    </row>
    <row r="12" spans="2:233" ht="21" customHeight="1" x14ac:dyDescent="0.2">
      <c r="B12" s="106" t="s">
        <v>8</v>
      </c>
      <c r="C12" s="24">
        <v>0</v>
      </c>
      <c r="D12" s="25">
        <v>7405</v>
      </c>
      <c r="E12" s="26">
        <v>7405</v>
      </c>
      <c r="F12" s="27">
        <v>0</v>
      </c>
      <c r="G12" s="25">
        <v>616548</v>
      </c>
      <c r="H12" s="25">
        <v>1048240</v>
      </c>
      <c r="I12" s="25">
        <v>4683311</v>
      </c>
      <c r="J12" s="25">
        <v>4904266</v>
      </c>
      <c r="K12" s="25">
        <v>2710675</v>
      </c>
      <c r="L12" s="28">
        <v>13963040</v>
      </c>
      <c r="M12" s="29">
        <v>13970445</v>
      </c>
      <c r="N12" s="24">
        <v>0</v>
      </c>
      <c r="O12" s="25">
        <v>0</v>
      </c>
      <c r="P12" s="26">
        <v>0</v>
      </c>
      <c r="Q12" s="403">
        <v>0</v>
      </c>
      <c r="R12" s="25">
        <v>177662</v>
      </c>
      <c r="S12" s="25">
        <v>400865</v>
      </c>
      <c r="T12" s="25">
        <v>3034554</v>
      </c>
      <c r="U12" s="25">
        <v>3350284</v>
      </c>
      <c r="V12" s="25">
        <v>2048918</v>
      </c>
      <c r="W12" s="28">
        <v>9012283</v>
      </c>
      <c r="X12" s="29">
        <v>9012283</v>
      </c>
      <c r="Y12" s="24">
        <v>0</v>
      </c>
      <c r="Z12" s="25">
        <v>0</v>
      </c>
      <c r="AA12" s="26">
        <v>0</v>
      </c>
      <c r="AB12" s="403">
        <v>0</v>
      </c>
      <c r="AC12" s="25">
        <v>332845</v>
      </c>
      <c r="AD12" s="25">
        <v>560014</v>
      </c>
      <c r="AE12" s="25">
        <v>1002669</v>
      </c>
      <c r="AF12" s="25">
        <v>957485</v>
      </c>
      <c r="AG12" s="25">
        <v>403830</v>
      </c>
      <c r="AH12" s="28">
        <v>3256843</v>
      </c>
      <c r="AI12" s="29">
        <v>3256843</v>
      </c>
      <c r="AJ12" s="24">
        <v>0</v>
      </c>
      <c r="AK12" s="25">
        <v>0</v>
      </c>
      <c r="AL12" s="26">
        <v>0</v>
      </c>
      <c r="AM12" s="403">
        <v>0</v>
      </c>
      <c r="AN12" s="25">
        <v>0</v>
      </c>
      <c r="AO12" s="25">
        <v>0</v>
      </c>
      <c r="AP12" s="25">
        <v>0</v>
      </c>
      <c r="AQ12" s="25">
        <v>0</v>
      </c>
      <c r="AR12" s="25">
        <v>0</v>
      </c>
      <c r="AS12" s="28">
        <v>0</v>
      </c>
      <c r="AT12" s="29">
        <v>0</v>
      </c>
      <c r="AU12" s="24">
        <v>0</v>
      </c>
      <c r="AV12" s="25">
        <v>0</v>
      </c>
      <c r="AW12" s="26">
        <v>0</v>
      </c>
      <c r="AX12" s="403">
        <v>0</v>
      </c>
      <c r="AY12" s="25">
        <v>0</v>
      </c>
      <c r="AZ12" s="25">
        <v>0</v>
      </c>
      <c r="BA12" s="25">
        <v>32705</v>
      </c>
      <c r="BB12" s="25">
        <v>1870</v>
      </c>
      <c r="BC12" s="25">
        <v>38130</v>
      </c>
      <c r="BD12" s="28">
        <v>72705</v>
      </c>
      <c r="BE12" s="29">
        <v>72705</v>
      </c>
      <c r="BF12" s="24">
        <v>0</v>
      </c>
      <c r="BG12" s="25">
        <v>0</v>
      </c>
      <c r="BH12" s="26">
        <v>0</v>
      </c>
      <c r="BI12" s="403">
        <v>0</v>
      </c>
      <c r="BJ12" s="25">
        <v>0</v>
      </c>
      <c r="BK12" s="25">
        <v>2635</v>
      </c>
      <c r="BL12" s="25">
        <v>49060</v>
      </c>
      <c r="BM12" s="25">
        <v>250465</v>
      </c>
      <c r="BN12" s="25">
        <v>123285</v>
      </c>
      <c r="BO12" s="28">
        <v>425445</v>
      </c>
      <c r="BP12" s="29">
        <v>425445</v>
      </c>
      <c r="BQ12" s="24">
        <v>0</v>
      </c>
      <c r="BR12" s="25">
        <v>7405</v>
      </c>
      <c r="BS12" s="26">
        <v>7405</v>
      </c>
      <c r="BT12" s="27">
        <v>0</v>
      </c>
      <c r="BU12" s="25">
        <v>106041</v>
      </c>
      <c r="BV12" s="25">
        <v>80276</v>
      </c>
      <c r="BW12" s="25">
        <v>562148</v>
      </c>
      <c r="BX12" s="25">
        <v>336557</v>
      </c>
      <c r="BY12" s="25">
        <v>95531</v>
      </c>
      <c r="BZ12" s="28">
        <v>1180553</v>
      </c>
      <c r="CA12" s="29">
        <v>1187958</v>
      </c>
      <c r="CB12" s="24">
        <v>0</v>
      </c>
      <c r="CC12" s="25">
        <v>0</v>
      </c>
      <c r="CD12" s="26">
        <v>0</v>
      </c>
      <c r="CE12" s="27">
        <v>0</v>
      </c>
      <c r="CF12" s="25">
        <v>0</v>
      </c>
      <c r="CG12" s="25">
        <v>4450</v>
      </c>
      <c r="CH12" s="25">
        <v>2175</v>
      </c>
      <c r="CI12" s="25">
        <v>7605</v>
      </c>
      <c r="CJ12" s="25">
        <v>981</v>
      </c>
      <c r="CK12" s="28">
        <v>15211</v>
      </c>
      <c r="CL12" s="29">
        <v>15211</v>
      </c>
      <c r="CM12" s="24">
        <v>0</v>
      </c>
      <c r="CN12" s="25">
        <v>0</v>
      </c>
      <c r="CO12" s="26">
        <v>0</v>
      </c>
      <c r="CP12" s="27">
        <v>0</v>
      </c>
      <c r="CQ12" s="25">
        <v>0</v>
      </c>
      <c r="CR12" s="25">
        <v>0</v>
      </c>
      <c r="CS12" s="25">
        <v>0</v>
      </c>
      <c r="CT12" s="25">
        <v>0</v>
      </c>
      <c r="CU12" s="25">
        <v>0</v>
      </c>
      <c r="CV12" s="28">
        <v>0</v>
      </c>
      <c r="CW12" s="29">
        <v>0</v>
      </c>
      <c r="CX12" s="24">
        <v>0</v>
      </c>
      <c r="CY12" s="25">
        <v>0</v>
      </c>
      <c r="CZ12" s="26">
        <v>0</v>
      </c>
      <c r="DA12" s="403">
        <v>0</v>
      </c>
      <c r="DB12" s="25">
        <v>0</v>
      </c>
      <c r="DC12" s="25">
        <v>0</v>
      </c>
      <c r="DD12" s="25">
        <v>0</v>
      </c>
      <c r="DE12" s="25">
        <v>0</v>
      </c>
      <c r="DF12" s="25">
        <v>0</v>
      </c>
      <c r="DG12" s="28">
        <v>0</v>
      </c>
      <c r="DH12" s="29">
        <v>0</v>
      </c>
      <c r="DI12" s="24">
        <v>0</v>
      </c>
      <c r="DJ12" s="25">
        <v>16646</v>
      </c>
      <c r="DK12" s="26">
        <v>16646</v>
      </c>
      <c r="DL12" s="27">
        <v>0</v>
      </c>
      <c r="DM12" s="25">
        <v>456622</v>
      </c>
      <c r="DN12" s="25">
        <v>1064208</v>
      </c>
      <c r="DO12" s="25">
        <v>5817024</v>
      </c>
      <c r="DP12" s="25">
        <v>5855840</v>
      </c>
      <c r="DQ12" s="25">
        <v>3183864</v>
      </c>
      <c r="DR12" s="28">
        <v>16377558</v>
      </c>
      <c r="DS12" s="30">
        <v>16394204</v>
      </c>
      <c r="DT12" s="24">
        <v>0</v>
      </c>
      <c r="DU12" s="25">
        <v>0</v>
      </c>
      <c r="DV12" s="26">
        <v>0</v>
      </c>
      <c r="DW12" s="403">
        <v>0</v>
      </c>
      <c r="DX12" s="25">
        <v>259098</v>
      </c>
      <c r="DY12" s="25">
        <v>802605</v>
      </c>
      <c r="DZ12" s="25">
        <v>4682408</v>
      </c>
      <c r="EA12" s="25">
        <v>4663377</v>
      </c>
      <c r="EB12" s="25">
        <v>2784805</v>
      </c>
      <c r="EC12" s="28">
        <v>13192293</v>
      </c>
      <c r="ED12" s="29">
        <v>13192293</v>
      </c>
      <c r="EE12" s="24">
        <v>0</v>
      </c>
      <c r="EF12" s="25">
        <v>0</v>
      </c>
      <c r="EG12" s="26">
        <v>0</v>
      </c>
      <c r="EH12" s="403">
        <v>0</v>
      </c>
      <c r="EI12" s="25">
        <v>46614</v>
      </c>
      <c r="EJ12" s="25">
        <v>47740</v>
      </c>
      <c r="EK12" s="25">
        <v>159384</v>
      </c>
      <c r="EL12" s="25">
        <v>113306</v>
      </c>
      <c r="EM12" s="25">
        <v>39099</v>
      </c>
      <c r="EN12" s="28">
        <v>406143</v>
      </c>
      <c r="EO12" s="29">
        <v>406143</v>
      </c>
      <c r="EP12" s="24">
        <v>0</v>
      </c>
      <c r="EQ12" s="25">
        <v>0</v>
      </c>
      <c r="ER12" s="26">
        <v>0</v>
      </c>
      <c r="ES12" s="403">
        <v>0</v>
      </c>
      <c r="ET12" s="25">
        <v>0</v>
      </c>
      <c r="EU12" s="25">
        <v>0</v>
      </c>
      <c r="EV12" s="25">
        <v>0</v>
      </c>
      <c r="EW12" s="25">
        <v>0</v>
      </c>
      <c r="EX12" s="25">
        <v>0</v>
      </c>
      <c r="EY12" s="28">
        <v>0</v>
      </c>
      <c r="EZ12" s="29">
        <v>0</v>
      </c>
      <c r="FA12" s="24">
        <v>0</v>
      </c>
      <c r="FB12" s="25">
        <v>0</v>
      </c>
      <c r="FC12" s="26">
        <v>0</v>
      </c>
      <c r="FD12" s="403">
        <v>0</v>
      </c>
      <c r="FE12" s="25">
        <v>0</v>
      </c>
      <c r="FF12" s="25">
        <v>0</v>
      </c>
      <c r="FG12" s="25">
        <v>217</v>
      </c>
      <c r="FH12" s="25">
        <v>217</v>
      </c>
      <c r="FI12" s="25">
        <v>11904</v>
      </c>
      <c r="FJ12" s="28">
        <v>12338</v>
      </c>
      <c r="FK12" s="29">
        <v>12338</v>
      </c>
      <c r="FL12" s="24">
        <v>0</v>
      </c>
      <c r="FM12" s="25">
        <v>0</v>
      </c>
      <c r="FN12" s="26">
        <v>0</v>
      </c>
      <c r="FO12" s="403">
        <v>0</v>
      </c>
      <c r="FP12" s="25">
        <v>0</v>
      </c>
      <c r="FQ12" s="25">
        <v>21576</v>
      </c>
      <c r="FR12" s="25">
        <v>147430</v>
      </c>
      <c r="FS12" s="25">
        <v>361310</v>
      </c>
      <c r="FT12" s="25">
        <v>151078</v>
      </c>
      <c r="FU12" s="28">
        <v>681394</v>
      </c>
      <c r="FV12" s="29">
        <v>681394</v>
      </c>
      <c r="FW12" s="24">
        <v>0</v>
      </c>
      <c r="FX12" s="25">
        <v>16646</v>
      </c>
      <c r="FY12" s="26">
        <v>16646</v>
      </c>
      <c r="FZ12" s="27">
        <v>0</v>
      </c>
      <c r="GA12" s="25">
        <v>150910</v>
      </c>
      <c r="GB12" s="25">
        <v>191107</v>
      </c>
      <c r="GC12" s="25">
        <v>827122</v>
      </c>
      <c r="GD12" s="25">
        <v>717560</v>
      </c>
      <c r="GE12" s="25">
        <v>196963</v>
      </c>
      <c r="GF12" s="28">
        <v>2083662</v>
      </c>
      <c r="GG12" s="29">
        <v>2100308</v>
      </c>
      <c r="GH12" s="24">
        <v>0</v>
      </c>
      <c r="GI12" s="25">
        <v>0</v>
      </c>
      <c r="GJ12" s="26">
        <v>0</v>
      </c>
      <c r="GK12" s="27">
        <v>0</v>
      </c>
      <c r="GL12" s="25">
        <v>0</v>
      </c>
      <c r="GM12" s="25">
        <v>1180</v>
      </c>
      <c r="GN12" s="25">
        <v>463</v>
      </c>
      <c r="GO12" s="25">
        <v>70</v>
      </c>
      <c r="GP12" s="25">
        <v>15</v>
      </c>
      <c r="GQ12" s="28">
        <v>1728</v>
      </c>
      <c r="GR12" s="29">
        <v>1728</v>
      </c>
      <c r="GS12" s="24">
        <v>0</v>
      </c>
      <c r="GT12" s="25">
        <v>0</v>
      </c>
      <c r="GU12" s="26">
        <v>0</v>
      </c>
      <c r="GV12" s="27">
        <v>0</v>
      </c>
      <c r="GW12" s="25">
        <v>0</v>
      </c>
      <c r="GX12" s="25">
        <v>0</v>
      </c>
      <c r="GY12" s="25">
        <v>0</v>
      </c>
      <c r="GZ12" s="25">
        <v>0</v>
      </c>
      <c r="HA12" s="25">
        <v>0</v>
      </c>
      <c r="HB12" s="28">
        <v>0</v>
      </c>
      <c r="HC12" s="29">
        <v>0</v>
      </c>
      <c r="HD12" s="24">
        <v>0</v>
      </c>
      <c r="HE12" s="25">
        <v>0</v>
      </c>
      <c r="HF12" s="26">
        <v>0</v>
      </c>
      <c r="HG12" s="403">
        <v>0</v>
      </c>
      <c r="HH12" s="25">
        <v>0</v>
      </c>
      <c r="HI12" s="25">
        <v>0</v>
      </c>
      <c r="HJ12" s="25">
        <v>0</v>
      </c>
      <c r="HK12" s="25">
        <v>0</v>
      </c>
      <c r="HL12" s="25">
        <v>0</v>
      </c>
      <c r="HM12" s="28">
        <v>0</v>
      </c>
      <c r="HN12" s="29">
        <v>0</v>
      </c>
      <c r="HO12" s="24">
        <v>0</v>
      </c>
      <c r="HP12" s="25">
        <v>24051</v>
      </c>
      <c r="HQ12" s="26">
        <v>24051</v>
      </c>
      <c r="HR12" s="27">
        <v>0</v>
      </c>
      <c r="HS12" s="25">
        <v>1073170</v>
      </c>
      <c r="HT12" s="25">
        <v>2112448</v>
      </c>
      <c r="HU12" s="25">
        <v>10500335</v>
      </c>
      <c r="HV12" s="25">
        <v>10760106</v>
      </c>
      <c r="HW12" s="25">
        <v>5894539</v>
      </c>
      <c r="HX12" s="28">
        <v>30340598</v>
      </c>
      <c r="HY12" s="29">
        <v>30364649</v>
      </c>
    </row>
    <row r="13" spans="2:233" ht="21" customHeight="1" x14ac:dyDescent="0.2">
      <c r="B13" s="106" t="s">
        <v>9</v>
      </c>
      <c r="C13" s="24">
        <v>0</v>
      </c>
      <c r="D13" s="25">
        <v>755</v>
      </c>
      <c r="E13" s="26">
        <v>755</v>
      </c>
      <c r="F13" s="27">
        <v>0</v>
      </c>
      <c r="G13" s="25">
        <v>225423</v>
      </c>
      <c r="H13" s="25">
        <v>234802</v>
      </c>
      <c r="I13" s="25">
        <v>1824520</v>
      </c>
      <c r="J13" s="25">
        <v>1947039</v>
      </c>
      <c r="K13" s="25">
        <v>1667792</v>
      </c>
      <c r="L13" s="28">
        <v>5899576</v>
      </c>
      <c r="M13" s="29">
        <v>5900331</v>
      </c>
      <c r="N13" s="24">
        <v>0</v>
      </c>
      <c r="O13" s="25">
        <v>0</v>
      </c>
      <c r="P13" s="26">
        <v>0</v>
      </c>
      <c r="Q13" s="403">
        <v>0</v>
      </c>
      <c r="R13" s="25">
        <v>47810</v>
      </c>
      <c r="S13" s="25">
        <v>37975</v>
      </c>
      <c r="T13" s="25">
        <v>1338687</v>
      </c>
      <c r="U13" s="25">
        <v>1568388</v>
      </c>
      <c r="V13" s="25">
        <v>1243892</v>
      </c>
      <c r="W13" s="28">
        <v>4236752</v>
      </c>
      <c r="X13" s="29">
        <v>4236752</v>
      </c>
      <c r="Y13" s="24">
        <v>0</v>
      </c>
      <c r="Z13" s="25">
        <v>0</v>
      </c>
      <c r="AA13" s="26">
        <v>0</v>
      </c>
      <c r="AB13" s="403">
        <v>0</v>
      </c>
      <c r="AC13" s="25">
        <v>125948</v>
      </c>
      <c r="AD13" s="25">
        <v>113855</v>
      </c>
      <c r="AE13" s="25">
        <v>358075</v>
      </c>
      <c r="AF13" s="25">
        <v>292675</v>
      </c>
      <c r="AG13" s="25">
        <v>336600</v>
      </c>
      <c r="AH13" s="28">
        <v>1227153</v>
      </c>
      <c r="AI13" s="29">
        <v>1227153</v>
      </c>
      <c r="AJ13" s="24">
        <v>0</v>
      </c>
      <c r="AK13" s="25">
        <v>0</v>
      </c>
      <c r="AL13" s="26">
        <v>0</v>
      </c>
      <c r="AM13" s="403">
        <v>0</v>
      </c>
      <c r="AN13" s="25">
        <v>0</v>
      </c>
      <c r="AO13" s="25">
        <v>0</v>
      </c>
      <c r="AP13" s="25">
        <v>0</v>
      </c>
      <c r="AQ13" s="25">
        <v>0</v>
      </c>
      <c r="AR13" s="25">
        <v>0</v>
      </c>
      <c r="AS13" s="28">
        <v>0</v>
      </c>
      <c r="AT13" s="29">
        <v>0</v>
      </c>
      <c r="AU13" s="24">
        <v>0</v>
      </c>
      <c r="AV13" s="25">
        <v>0</v>
      </c>
      <c r="AW13" s="26">
        <v>0</v>
      </c>
      <c r="AX13" s="403">
        <v>0</v>
      </c>
      <c r="AY13" s="25">
        <v>0</v>
      </c>
      <c r="AZ13" s="25">
        <v>0</v>
      </c>
      <c r="BA13" s="25">
        <v>0</v>
      </c>
      <c r="BB13" s="25">
        <v>0</v>
      </c>
      <c r="BC13" s="25">
        <v>7905</v>
      </c>
      <c r="BD13" s="28">
        <v>7905</v>
      </c>
      <c r="BE13" s="29">
        <v>7905</v>
      </c>
      <c r="BF13" s="24">
        <v>0</v>
      </c>
      <c r="BG13" s="25">
        <v>0</v>
      </c>
      <c r="BH13" s="26">
        <v>0</v>
      </c>
      <c r="BI13" s="403">
        <v>0</v>
      </c>
      <c r="BJ13" s="25">
        <v>0</v>
      </c>
      <c r="BK13" s="25">
        <v>0</v>
      </c>
      <c r="BL13" s="25">
        <v>0</v>
      </c>
      <c r="BM13" s="25">
        <v>24645</v>
      </c>
      <c r="BN13" s="25">
        <v>0</v>
      </c>
      <c r="BO13" s="28">
        <v>24645</v>
      </c>
      <c r="BP13" s="29">
        <v>24645</v>
      </c>
      <c r="BQ13" s="24">
        <v>0</v>
      </c>
      <c r="BR13" s="25">
        <v>755</v>
      </c>
      <c r="BS13" s="26">
        <v>755</v>
      </c>
      <c r="BT13" s="27">
        <v>0</v>
      </c>
      <c r="BU13" s="25">
        <v>51665</v>
      </c>
      <c r="BV13" s="25">
        <v>79852</v>
      </c>
      <c r="BW13" s="25">
        <v>122605</v>
      </c>
      <c r="BX13" s="25">
        <v>54451</v>
      </c>
      <c r="BY13" s="25">
        <v>78547</v>
      </c>
      <c r="BZ13" s="28">
        <v>387120</v>
      </c>
      <c r="CA13" s="29">
        <v>387875</v>
      </c>
      <c r="CB13" s="24">
        <v>0</v>
      </c>
      <c r="CC13" s="25">
        <v>0</v>
      </c>
      <c r="CD13" s="26">
        <v>0</v>
      </c>
      <c r="CE13" s="27">
        <v>0</v>
      </c>
      <c r="CF13" s="25">
        <v>0</v>
      </c>
      <c r="CG13" s="25">
        <v>3120</v>
      </c>
      <c r="CH13" s="25">
        <v>5153</v>
      </c>
      <c r="CI13" s="25">
        <v>6880</v>
      </c>
      <c r="CJ13" s="25">
        <v>848</v>
      </c>
      <c r="CK13" s="28">
        <v>16001</v>
      </c>
      <c r="CL13" s="29">
        <v>16001</v>
      </c>
      <c r="CM13" s="24">
        <v>0</v>
      </c>
      <c r="CN13" s="25">
        <v>0</v>
      </c>
      <c r="CO13" s="26">
        <v>0</v>
      </c>
      <c r="CP13" s="27">
        <v>0</v>
      </c>
      <c r="CQ13" s="25">
        <v>0</v>
      </c>
      <c r="CR13" s="25">
        <v>0</v>
      </c>
      <c r="CS13" s="25">
        <v>0</v>
      </c>
      <c r="CT13" s="25">
        <v>0</v>
      </c>
      <c r="CU13" s="25">
        <v>0</v>
      </c>
      <c r="CV13" s="28">
        <v>0</v>
      </c>
      <c r="CW13" s="29">
        <v>0</v>
      </c>
      <c r="CX13" s="24">
        <v>0</v>
      </c>
      <c r="CY13" s="25">
        <v>0</v>
      </c>
      <c r="CZ13" s="26">
        <v>0</v>
      </c>
      <c r="DA13" s="403">
        <v>0</v>
      </c>
      <c r="DB13" s="25">
        <v>0</v>
      </c>
      <c r="DC13" s="25">
        <v>0</v>
      </c>
      <c r="DD13" s="25">
        <v>0</v>
      </c>
      <c r="DE13" s="25">
        <v>0</v>
      </c>
      <c r="DF13" s="25">
        <v>0</v>
      </c>
      <c r="DG13" s="28">
        <v>0</v>
      </c>
      <c r="DH13" s="29">
        <v>0</v>
      </c>
      <c r="DI13" s="24">
        <v>0</v>
      </c>
      <c r="DJ13" s="25">
        <v>4872</v>
      </c>
      <c r="DK13" s="26">
        <v>4872</v>
      </c>
      <c r="DL13" s="27">
        <v>0</v>
      </c>
      <c r="DM13" s="25">
        <v>153429</v>
      </c>
      <c r="DN13" s="25">
        <v>268325</v>
      </c>
      <c r="DO13" s="25">
        <v>2251887</v>
      </c>
      <c r="DP13" s="25">
        <v>2455379</v>
      </c>
      <c r="DQ13" s="25">
        <v>1923733</v>
      </c>
      <c r="DR13" s="28">
        <v>7052753</v>
      </c>
      <c r="DS13" s="30">
        <v>7057625</v>
      </c>
      <c r="DT13" s="24">
        <v>0</v>
      </c>
      <c r="DU13" s="25">
        <v>0</v>
      </c>
      <c r="DV13" s="26">
        <v>0</v>
      </c>
      <c r="DW13" s="403">
        <v>0</v>
      </c>
      <c r="DX13" s="25">
        <v>54166</v>
      </c>
      <c r="DY13" s="25">
        <v>73377</v>
      </c>
      <c r="DZ13" s="25">
        <v>1942238</v>
      </c>
      <c r="EA13" s="25">
        <v>2265548</v>
      </c>
      <c r="EB13" s="25">
        <v>1698543</v>
      </c>
      <c r="EC13" s="28">
        <v>6033872</v>
      </c>
      <c r="ED13" s="29">
        <v>6033872</v>
      </c>
      <c r="EE13" s="24">
        <v>0</v>
      </c>
      <c r="EF13" s="25">
        <v>0</v>
      </c>
      <c r="EG13" s="26">
        <v>0</v>
      </c>
      <c r="EH13" s="403">
        <v>0</v>
      </c>
      <c r="EI13" s="25">
        <v>13247</v>
      </c>
      <c r="EJ13" s="25">
        <v>35888</v>
      </c>
      <c r="EK13" s="25">
        <v>39745</v>
      </c>
      <c r="EL13" s="25">
        <v>10345</v>
      </c>
      <c r="EM13" s="25">
        <v>87103</v>
      </c>
      <c r="EN13" s="28">
        <v>186328</v>
      </c>
      <c r="EO13" s="29">
        <v>186328</v>
      </c>
      <c r="EP13" s="24">
        <v>0</v>
      </c>
      <c r="EQ13" s="25">
        <v>0</v>
      </c>
      <c r="ER13" s="26">
        <v>0</v>
      </c>
      <c r="ES13" s="403">
        <v>0</v>
      </c>
      <c r="ET13" s="25">
        <v>0</v>
      </c>
      <c r="EU13" s="25">
        <v>0</v>
      </c>
      <c r="EV13" s="25">
        <v>0</v>
      </c>
      <c r="EW13" s="25">
        <v>0</v>
      </c>
      <c r="EX13" s="25">
        <v>0</v>
      </c>
      <c r="EY13" s="28">
        <v>0</v>
      </c>
      <c r="EZ13" s="29">
        <v>0</v>
      </c>
      <c r="FA13" s="24">
        <v>0</v>
      </c>
      <c r="FB13" s="25">
        <v>0</v>
      </c>
      <c r="FC13" s="26">
        <v>0</v>
      </c>
      <c r="FD13" s="403">
        <v>0</v>
      </c>
      <c r="FE13" s="25">
        <v>0</v>
      </c>
      <c r="FF13" s="25">
        <v>0</v>
      </c>
      <c r="FG13" s="25">
        <v>0</v>
      </c>
      <c r="FH13" s="25">
        <v>0</v>
      </c>
      <c r="FI13" s="25">
        <v>651</v>
      </c>
      <c r="FJ13" s="28">
        <v>651</v>
      </c>
      <c r="FK13" s="29">
        <v>651</v>
      </c>
      <c r="FL13" s="24">
        <v>0</v>
      </c>
      <c r="FM13" s="25">
        <v>0</v>
      </c>
      <c r="FN13" s="26">
        <v>0</v>
      </c>
      <c r="FO13" s="403">
        <v>0</v>
      </c>
      <c r="FP13" s="25">
        <v>0</v>
      </c>
      <c r="FQ13" s="25">
        <v>0</v>
      </c>
      <c r="FR13" s="25">
        <v>0</v>
      </c>
      <c r="FS13" s="25">
        <v>21576</v>
      </c>
      <c r="FT13" s="25">
        <v>0</v>
      </c>
      <c r="FU13" s="28">
        <v>21576</v>
      </c>
      <c r="FV13" s="29">
        <v>21576</v>
      </c>
      <c r="FW13" s="24">
        <v>0</v>
      </c>
      <c r="FX13" s="25">
        <v>4872</v>
      </c>
      <c r="FY13" s="26">
        <v>4872</v>
      </c>
      <c r="FZ13" s="27">
        <v>0</v>
      </c>
      <c r="GA13" s="25">
        <v>86016</v>
      </c>
      <c r="GB13" s="25">
        <v>158976</v>
      </c>
      <c r="GC13" s="25">
        <v>260505</v>
      </c>
      <c r="GD13" s="25">
        <v>157756</v>
      </c>
      <c r="GE13" s="25">
        <v>137373</v>
      </c>
      <c r="GF13" s="28">
        <v>800626</v>
      </c>
      <c r="GG13" s="29">
        <v>805498</v>
      </c>
      <c r="GH13" s="24">
        <v>0</v>
      </c>
      <c r="GI13" s="25">
        <v>0</v>
      </c>
      <c r="GJ13" s="26">
        <v>0</v>
      </c>
      <c r="GK13" s="27">
        <v>0</v>
      </c>
      <c r="GL13" s="25">
        <v>0</v>
      </c>
      <c r="GM13" s="25">
        <v>84</v>
      </c>
      <c r="GN13" s="25">
        <v>9399</v>
      </c>
      <c r="GO13" s="25">
        <v>154</v>
      </c>
      <c r="GP13" s="25">
        <v>63</v>
      </c>
      <c r="GQ13" s="28">
        <v>9700</v>
      </c>
      <c r="GR13" s="29">
        <v>9700</v>
      </c>
      <c r="GS13" s="24">
        <v>0</v>
      </c>
      <c r="GT13" s="25">
        <v>0</v>
      </c>
      <c r="GU13" s="26">
        <v>0</v>
      </c>
      <c r="GV13" s="27">
        <v>0</v>
      </c>
      <c r="GW13" s="25">
        <v>0</v>
      </c>
      <c r="GX13" s="25">
        <v>0</v>
      </c>
      <c r="GY13" s="25">
        <v>0</v>
      </c>
      <c r="GZ13" s="25">
        <v>0</v>
      </c>
      <c r="HA13" s="25">
        <v>0</v>
      </c>
      <c r="HB13" s="28">
        <v>0</v>
      </c>
      <c r="HC13" s="29">
        <v>0</v>
      </c>
      <c r="HD13" s="24">
        <v>0</v>
      </c>
      <c r="HE13" s="25">
        <v>0</v>
      </c>
      <c r="HF13" s="26">
        <v>0</v>
      </c>
      <c r="HG13" s="403">
        <v>0</v>
      </c>
      <c r="HH13" s="25">
        <v>0</v>
      </c>
      <c r="HI13" s="25">
        <v>0</v>
      </c>
      <c r="HJ13" s="25">
        <v>0</v>
      </c>
      <c r="HK13" s="25">
        <v>0</v>
      </c>
      <c r="HL13" s="25">
        <v>0</v>
      </c>
      <c r="HM13" s="28">
        <v>0</v>
      </c>
      <c r="HN13" s="29">
        <v>0</v>
      </c>
      <c r="HO13" s="24">
        <v>0</v>
      </c>
      <c r="HP13" s="25">
        <v>5627</v>
      </c>
      <c r="HQ13" s="26">
        <v>5627</v>
      </c>
      <c r="HR13" s="27">
        <v>0</v>
      </c>
      <c r="HS13" s="25">
        <v>378852</v>
      </c>
      <c r="HT13" s="25">
        <v>503127</v>
      </c>
      <c r="HU13" s="25">
        <v>4076407</v>
      </c>
      <c r="HV13" s="25">
        <v>4402418</v>
      </c>
      <c r="HW13" s="25">
        <v>3591525</v>
      </c>
      <c r="HX13" s="28">
        <v>12952329</v>
      </c>
      <c r="HY13" s="29">
        <v>12957956</v>
      </c>
    </row>
    <row r="14" spans="2:233" ht="21" customHeight="1" x14ac:dyDescent="0.2">
      <c r="B14" s="106" t="s">
        <v>10</v>
      </c>
      <c r="C14" s="24">
        <v>2890</v>
      </c>
      <c r="D14" s="25">
        <v>19460</v>
      </c>
      <c r="E14" s="26">
        <v>22350</v>
      </c>
      <c r="F14" s="27">
        <v>0</v>
      </c>
      <c r="G14" s="25">
        <v>675056</v>
      </c>
      <c r="H14" s="25">
        <v>1101798</v>
      </c>
      <c r="I14" s="25">
        <v>2817774</v>
      </c>
      <c r="J14" s="25">
        <v>5052780</v>
      </c>
      <c r="K14" s="25">
        <v>3899209</v>
      </c>
      <c r="L14" s="28">
        <v>13546617</v>
      </c>
      <c r="M14" s="29">
        <v>13568967</v>
      </c>
      <c r="N14" s="24">
        <v>0</v>
      </c>
      <c r="O14" s="25">
        <v>0</v>
      </c>
      <c r="P14" s="26">
        <v>0</v>
      </c>
      <c r="Q14" s="403">
        <v>0</v>
      </c>
      <c r="R14" s="25">
        <v>81375</v>
      </c>
      <c r="S14" s="25">
        <v>326275</v>
      </c>
      <c r="T14" s="25">
        <v>1755755</v>
      </c>
      <c r="U14" s="25">
        <v>3743162</v>
      </c>
      <c r="V14" s="25">
        <v>2975330</v>
      </c>
      <c r="W14" s="28">
        <v>8881897</v>
      </c>
      <c r="X14" s="29">
        <v>8881897</v>
      </c>
      <c r="Y14" s="24">
        <v>0</v>
      </c>
      <c r="Z14" s="25">
        <v>0</v>
      </c>
      <c r="AA14" s="26">
        <v>0</v>
      </c>
      <c r="AB14" s="403">
        <v>0</v>
      </c>
      <c r="AC14" s="25">
        <v>488615</v>
      </c>
      <c r="AD14" s="25">
        <v>550285</v>
      </c>
      <c r="AE14" s="25">
        <v>743682</v>
      </c>
      <c r="AF14" s="25">
        <v>933536</v>
      </c>
      <c r="AG14" s="25">
        <v>546267</v>
      </c>
      <c r="AH14" s="28">
        <v>3262385</v>
      </c>
      <c r="AI14" s="29">
        <v>3262385</v>
      </c>
      <c r="AJ14" s="24">
        <v>0</v>
      </c>
      <c r="AK14" s="25">
        <v>0</v>
      </c>
      <c r="AL14" s="26">
        <v>0</v>
      </c>
      <c r="AM14" s="403">
        <v>0</v>
      </c>
      <c r="AN14" s="25">
        <v>0</v>
      </c>
      <c r="AO14" s="25">
        <v>0</v>
      </c>
      <c r="AP14" s="25">
        <v>0</v>
      </c>
      <c r="AQ14" s="25">
        <v>0</v>
      </c>
      <c r="AR14" s="25">
        <v>0</v>
      </c>
      <c r="AS14" s="28">
        <v>0</v>
      </c>
      <c r="AT14" s="29">
        <v>0</v>
      </c>
      <c r="AU14" s="24">
        <v>0</v>
      </c>
      <c r="AV14" s="25">
        <v>0</v>
      </c>
      <c r="AW14" s="26">
        <v>0</v>
      </c>
      <c r="AX14" s="403">
        <v>0</v>
      </c>
      <c r="AY14" s="25">
        <v>0</v>
      </c>
      <c r="AZ14" s="25">
        <v>0</v>
      </c>
      <c r="BA14" s="25">
        <v>0</v>
      </c>
      <c r="BB14" s="25">
        <v>57350</v>
      </c>
      <c r="BC14" s="25">
        <v>206615</v>
      </c>
      <c r="BD14" s="28">
        <v>263965</v>
      </c>
      <c r="BE14" s="29">
        <v>263965</v>
      </c>
      <c r="BF14" s="24">
        <v>0</v>
      </c>
      <c r="BG14" s="25">
        <v>0</v>
      </c>
      <c r="BH14" s="26">
        <v>0</v>
      </c>
      <c r="BI14" s="403">
        <v>0</v>
      </c>
      <c r="BJ14" s="25">
        <v>0</v>
      </c>
      <c r="BK14" s="25">
        <v>0</v>
      </c>
      <c r="BL14" s="25">
        <v>0</v>
      </c>
      <c r="BM14" s="25">
        <v>32705</v>
      </c>
      <c r="BN14" s="25">
        <v>72190</v>
      </c>
      <c r="BO14" s="28">
        <v>104895</v>
      </c>
      <c r="BP14" s="29">
        <v>104895</v>
      </c>
      <c r="BQ14" s="24">
        <v>2890</v>
      </c>
      <c r="BR14" s="25">
        <v>19460</v>
      </c>
      <c r="BS14" s="26">
        <v>22350</v>
      </c>
      <c r="BT14" s="27">
        <v>0</v>
      </c>
      <c r="BU14" s="25">
        <v>103423</v>
      </c>
      <c r="BV14" s="25">
        <v>222865</v>
      </c>
      <c r="BW14" s="25">
        <v>318337</v>
      </c>
      <c r="BX14" s="25">
        <v>271311</v>
      </c>
      <c r="BY14" s="25">
        <v>98807</v>
      </c>
      <c r="BZ14" s="28">
        <v>1014743</v>
      </c>
      <c r="CA14" s="29">
        <v>1037093</v>
      </c>
      <c r="CB14" s="24">
        <v>0</v>
      </c>
      <c r="CC14" s="25">
        <v>0</v>
      </c>
      <c r="CD14" s="26">
        <v>0</v>
      </c>
      <c r="CE14" s="27">
        <v>0</v>
      </c>
      <c r="CF14" s="25">
        <v>1643</v>
      </c>
      <c r="CG14" s="25">
        <v>2373</v>
      </c>
      <c r="CH14" s="25">
        <v>0</v>
      </c>
      <c r="CI14" s="25">
        <v>14716</v>
      </c>
      <c r="CJ14" s="25">
        <v>0</v>
      </c>
      <c r="CK14" s="28">
        <v>18732</v>
      </c>
      <c r="CL14" s="29">
        <v>18732</v>
      </c>
      <c r="CM14" s="24">
        <v>0</v>
      </c>
      <c r="CN14" s="25">
        <v>0</v>
      </c>
      <c r="CO14" s="26">
        <v>0</v>
      </c>
      <c r="CP14" s="27">
        <v>0</v>
      </c>
      <c r="CQ14" s="25">
        <v>0</v>
      </c>
      <c r="CR14" s="25">
        <v>0</v>
      </c>
      <c r="CS14" s="25">
        <v>0</v>
      </c>
      <c r="CT14" s="25">
        <v>0</v>
      </c>
      <c r="CU14" s="25">
        <v>0</v>
      </c>
      <c r="CV14" s="28">
        <v>0</v>
      </c>
      <c r="CW14" s="29">
        <v>0</v>
      </c>
      <c r="CX14" s="24">
        <v>0</v>
      </c>
      <c r="CY14" s="25">
        <v>0</v>
      </c>
      <c r="CZ14" s="26">
        <v>0</v>
      </c>
      <c r="DA14" s="403">
        <v>0</v>
      </c>
      <c r="DB14" s="25">
        <v>0</v>
      </c>
      <c r="DC14" s="25">
        <v>0</v>
      </c>
      <c r="DD14" s="25">
        <v>0</v>
      </c>
      <c r="DE14" s="25">
        <v>0</v>
      </c>
      <c r="DF14" s="25">
        <v>0</v>
      </c>
      <c r="DG14" s="28">
        <v>0</v>
      </c>
      <c r="DH14" s="29">
        <v>0</v>
      </c>
      <c r="DI14" s="24">
        <v>4744</v>
      </c>
      <c r="DJ14" s="25">
        <v>18966</v>
      </c>
      <c r="DK14" s="26">
        <v>23710</v>
      </c>
      <c r="DL14" s="27">
        <v>0</v>
      </c>
      <c r="DM14" s="25">
        <v>421016</v>
      </c>
      <c r="DN14" s="25">
        <v>1073891</v>
      </c>
      <c r="DO14" s="25">
        <v>3204871</v>
      </c>
      <c r="DP14" s="25">
        <v>5791044</v>
      </c>
      <c r="DQ14" s="25">
        <v>4088159</v>
      </c>
      <c r="DR14" s="28">
        <v>14578981</v>
      </c>
      <c r="DS14" s="30">
        <v>14602691</v>
      </c>
      <c r="DT14" s="24">
        <v>0</v>
      </c>
      <c r="DU14" s="25">
        <v>0</v>
      </c>
      <c r="DV14" s="26">
        <v>0</v>
      </c>
      <c r="DW14" s="403">
        <v>0</v>
      </c>
      <c r="DX14" s="25">
        <v>180296</v>
      </c>
      <c r="DY14" s="25">
        <v>547646</v>
      </c>
      <c r="DZ14" s="25">
        <v>2514442</v>
      </c>
      <c r="EA14" s="25">
        <v>5136583</v>
      </c>
      <c r="EB14" s="25">
        <v>3718533</v>
      </c>
      <c r="EC14" s="28">
        <v>12097500</v>
      </c>
      <c r="ED14" s="29">
        <v>12097500</v>
      </c>
      <c r="EE14" s="24">
        <v>0</v>
      </c>
      <c r="EF14" s="25">
        <v>0</v>
      </c>
      <c r="EG14" s="26">
        <v>0</v>
      </c>
      <c r="EH14" s="403">
        <v>0</v>
      </c>
      <c r="EI14" s="25">
        <v>61027</v>
      </c>
      <c r="EJ14" s="25">
        <v>169069</v>
      </c>
      <c r="EK14" s="25">
        <v>160994</v>
      </c>
      <c r="EL14" s="25">
        <v>170541</v>
      </c>
      <c r="EM14" s="25">
        <v>74932</v>
      </c>
      <c r="EN14" s="28">
        <v>636563</v>
      </c>
      <c r="EO14" s="29">
        <v>636563</v>
      </c>
      <c r="EP14" s="24">
        <v>0</v>
      </c>
      <c r="EQ14" s="25">
        <v>0</v>
      </c>
      <c r="ER14" s="26">
        <v>0</v>
      </c>
      <c r="ES14" s="403">
        <v>0</v>
      </c>
      <c r="ET14" s="25">
        <v>0</v>
      </c>
      <c r="EU14" s="25">
        <v>0</v>
      </c>
      <c r="EV14" s="25">
        <v>0</v>
      </c>
      <c r="EW14" s="25">
        <v>0</v>
      </c>
      <c r="EX14" s="25">
        <v>0</v>
      </c>
      <c r="EY14" s="28">
        <v>0</v>
      </c>
      <c r="EZ14" s="29">
        <v>0</v>
      </c>
      <c r="FA14" s="24">
        <v>0</v>
      </c>
      <c r="FB14" s="25">
        <v>0</v>
      </c>
      <c r="FC14" s="26">
        <v>0</v>
      </c>
      <c r="FD14" s="403">
        <v>0</v>
      </c>
      <c r="FE14" s="25">
        <v>0</v>
      </c>
      <c r="FF14" s="25">
        <v>0</v>
      </c>
      <c r="FG14" s="25">
        <v>0</v>
      </c>
      <c r="FH14" s="25">
        <v>434</v>
      </c>
      <c r="FI14" s="25">
        <v>2821</v>
      </c>
      <c r="FJ14" s="28">
        <v>3255</v>
      </c>
      <c r="FK14" s="29">
        <v>3255</v>
      </c>
      <c r="FL14" s="24">
        <v>0</v>
      </c>
      <c r="FM14" s="25">
        <v>0</v>
      </c>
      <c r="FN14" s="26">
        <v>0</v>
      </c>
      <c r="FO14" s="403">
        <v>0</v>
      </c>
      <c r="FP14" s="25">
        <v>0</v>
      </c>
      <c r="FQ14" s="25">
        <v>0</v>
      </c>
      <c r="FR14" s="25">
        <v>0</v>
      </c>
      <c r="FS14" s="25">
        <v>36766</v>
      </c>
      <c r="FT14" s="25">
        <v>133101</v>
      </c>
      <c r="FU14" s="28">
        <v>169867</v>
      </c>
      <c r="FV14" s="29">
        <v>169867</v>
      </c>
      <c r="FW14" s="24">
        <v>4744</v>
      </c>
      <c r="FX14" s="25">
        <v>18966</v>
      </c>
      <c r="FY14" s="26">
        <v>23710</v>
      </c>
      <c r="FZ14" s="27">
        <v>0</v>
      </c>
      <c r="GA14" s="25">
        <v>179679</v>
      </c>
      <c r="GB14" s="25">
        <v>351511</v>
      </c>
      <c r="GC14" s="25">
        <v>529435</v>
      </c>
      <c r="GD14" s="25">
        <v>439039</v>
      </c>
      <c r="GE14" s="25">
        <v>158772</v>
      </c>
      <c r="GF14" s="28">
        <v>1658436</v>
      </c>
      <c r="GG14" s="29">
        <v>1682146</v>
      </c>
      <c r="GH14" s="24">
        <v>0</v>
      </c>
      <c r="GI14" s="25">
        <v>0</v>
      </c>
      <c r="GJ14" s="26">
        <v>0</v>
      </c>
      <c r="GK14" s="27">
        <v>0</v>
      </c>
      <c r="GL14" s="25">
        <v>14</v>
      </c>
      <c r="GM14" s="25">
        <v>5665</v>
      </c>
      <c r="GN14" s="25">
        <v>0</v>
      </c>
      <c r="GO14" s="25">
        <v>7681</v>
      </c>
      <c r="GP14" s="25">
        <v>0</v>
      </c>
      <c r="GQ14" s="28">
        <v>13360</v>
      </c>
      <c r="GR14" s="29">
        <v>13360</v>
      </c>
      <c r="GS14" s="24">
        <v>0</v>
      </c>
      <c r="GT14" s="25">
        <v>0</v>
      </c>
      <c r="GU14" s="26">
        <v>0</v>
      </c>
      <c r="GV14" s="27">
        <v>0</v>
      </c>
      <c r="GW14" s="25">
        <v>0</v>
      </c>
      <c r="GX14" s="25">
        <v>0</v>
      </c>
      <c r="GY14" s="25">
        <v>0</v>
      </c>
      <c r="GZ14" s="25">
        <v>0</v>
      </c>
      <c r="HA14" s="25">
        <v>0</v>
      </c>
      <c r="HB14" s="28">
        <v>0</v>
      </c>
      <c r="HC14" s="29">
        <v>0</v>
      </c>
      <c r="HD14" s="24">
        <v>0</v>
      </c>
      <c r="HE14" s="25">
        <v>0</v>
      </c>
      <c r="HF14" s="26">
        <v>0</v>
      </c>
      <c r="HG14" s="403">
        <v>0</v>
      </c>
      <c r="HH14" s="25">
        <v>0</v>
      </c>
      <c r="HI14" s="25">
        <v>0</v>
      </c>
      <c r="HJ14" s="25">
        <v>0</v>
      </c>
      <c r="HK14" s="25">
        <v>0</v>
      </c>
      <c r="HL14" s="25">
        <v>0</v>
      </c>
      <c r="HM14" s="28">
        <v>0</v>
      </c>
      <c r="HN14" s="29">
        <v>0</v>
      </c>
      <c r="HO14" s="24">
        <v>7634</v>
      </c>
      <c r="HP14" s="25">
        <v>38426</v>
      </c>
      <c r="HQ14" s="26">
        <v>46060</v>
      </c>
      <c r="HR14" s="27">
        <v>0</v>
      </c>
      <c r="HS14" s="25">
        <v>1096072</v>
      </c>
      <c r="HT14" s="25">
        <v>2175689</v>
      </c>
      <c r="HU14" s="25">
        <v>6022645</v>
      </c>
      <c r="HV14" s="25">
        <v>10843824</v>
      </c>
      <c r="HW14" s="25">
        <v>7987368</v>
      </c>
      <c r="HX14" s="28">
        <v>28125598</v>
      </c>
      <c r="HY14" s="29">
        <v>28171658</v>
      </c>
    </row>
    <row r="15" spans="2:233" ht="21" customHeight="1" x14ac:dyDescent="0.2">
      <c r="B15" s="106" t="s">
        <v>11</v>
      </c>
      <c r="C15" s="24">
        <v>0</v>
      </c>
      <c r="D15" s="25">
        <v>3760</v>
      </c>
      <c r="E15" s="26">
        <v>3760</v>
      </c>
      <c r="F15" s="27">
        <v>0</v>
      </c>
      <c r="G15" s="25">
        <v>763236</v>
      </c>
      <c r="H15" s="25">
        <v>948880</v>
      </c>
      <c r="I15" s="25">
        <v>2938236</v>
      </c>
      <c r="J15" s="25">
        <v>4046916</v>
      </c>
      <c r="K15" s="25">
        <v>2676048</v>
      </c>
      <c r="L15" s="28">
        <v>11373316</v>
      </c>
      <c r="M15" s="29">
        <v>11377076</v>
      </c>
      <c r="N15" s="24">
        <v>0</v>
      </c>
      <c r="O15" s="25">
        <v>0</v>
      </c>
      <c r="P15" s="26">
        <v>0</v>
      </c>
      <c r="Q15" s="403">
        <v>0</v>
      </c>
      <c r="R15" s="25">
        <v>0</v>
      </c>
      <c r="S15" s="25">
        <v>128495</v>
      </c>
      <c r="T15" s="25">
        <v>1936165</v>
      </c>
      <c r="U15" s="25">
        <v>2686474</v>
      </c>
      <c r="V15" s="25">
        <v>1751180</v>
      </c>
      <c r="W15" s="28">
        <v>6502314</v>
      </c>
      <c r="X15" s="29">
        <v>6502314</v>
      </c>
      <c r="Y15" s="24">
        <v>0</v>
      </c>
      <c r="Z15" s="25">
        <v>0</v>
      </c>
      <c r="AA15" s="26">
        <v>0</v>
      </c>
      <c r="AB15" s="403">
        <v>0</v>
      </c>
      <c r="AC15" s="25">
        <v>605841</v>
      </c>
      <c r="AD15" s="25">
        <v>572185</v>
      </c>
      <c r="AE15" s="25">
        <v>691701</v>
      </c>
      <c r="AF15" s="25">
        <v>1116242</v>
      </c>
      <c r="AG15" s="25">
        <v>394381</v>
      </c>
      <c r="AH15" s="28">
        <v>3380350</v>
      </c>
      <c r="AI15" s="29">
        <v>3380350</v>
      </c>
      <c r="AJ15" s="24">
        <v>0</v>
      </c>
      <c r="AK15" s="25">
        <v>0</v>
      </c>
      <c r="AL15" s="26">
        <v>0</v>
      </c>
      <c r="AM15" s="403">
        <v>0</v>
      </c>
      <c r="AN15" s="25">
        <v>0</v>
      </c>
      <c r="AO15" s="25">
        <v>0</v>
      </c>
      <c r="AP15" s="25">
        <v>0</v>
      </c>
      <c r="AQ15" s="25">
        <v>0</v>
      </c>
      <c r="AR15" s="25">
        <v>0</v>
      </c>
      <c r="AS15" s="28">
        <v>0</v>
      </c>
      <c r="AT15" s="29">
        <v>0</v>
      </c>
      <c r="AU15" s="24">
        <v>0</v>
      </c>
      <c r="AV15" s="25">
        <v>0</v>
      </c>
      <c r="AW15" s="26">
        <v>0</v>
      </c>
      <c r="AX15" s="403">
        <v>0</v>
      </c>
      <c r="AY15" s="25">
        <v>95095</v>
      </c>
      <c r="AZ15" s="25">
        <v>92845</v>
      </c>
      <c r="BA15" s="25">
        <v>60665</v>
      </c>
      <c r="BB15" s="25">
        <v>118865</v>
      </c>
      <c r="BC15" s="25">
        <v>406870</v>
      </c>
      <c r="BD15" s="28">
        <v>774340</v>
      </c>
      <c r="BE15" s="29">
        <v>774340</v>
      </c>
      <c r="BF15" s="24">
        <v>0</v>
      </c>
      <c r="BG15" s="25">
        <v>0</v>
      </c>
      <c r="BH15" s="26">
        <v>0</v>
      </c>
      <c r="BI15" s="403">
        <v>0</v>
      </c>
      <c r="BJ15" s="25">
        <v>0</v>
      </c>
      <c r="BK15" s="25">
        <v>24645</v>
      </c>
      <c r="BL15" s="25">
        <v>32705</v>
      </c>
      <c r="BM15" s="25">
        <v>0</v>
      </c>
      <c r="BN15" s="25">
        <v>0</v>
      </c>
      <c r="BO15" s="28">
        <v>57350</v>
      </c>
      <c r="BP15" s="29">
        <v>57350</v>
      </c>
      <c r="BQ15" s="24">
        <v>0</v>
      </c>
      <c r="BR15" s="25">
        <v>3760</v>
      </c>
      <c r="BS15" s="26">
        <v>3760</v>
      </c>
      <c r="BT15" s="27">
        <v>0</v>
      </c>
      <c r="BU15" s="25">
        <v>62300</v>
      </c>
      <c r="BV15" s="25">
        <v>127500</v>
      </c>
      <c r="BW15" s="25">
        <v>210085</v>
      </c>
      <c r="BX15" s="25">
        <v>125335</v>
      </c>
      <c r="BY15" s="25">
        <v>120447</v>
      </c>
      <c r="BZ15" s="28">
        <v>645667</v>
      </c>
      <c r="CA15" s="29">
        <v>649427</v>
      </c>
      <c r="CB15" s="24">
        <v>0</v>
      </c>
      <c r="CC15" s="25">
        <v>0</v>
      </c>
      <c r="CD15" s="26">
        <v>0</v>
      </c>
      <c r="CE15" s="27">
        <v>0</v>
      </c>
      <c r="CF15" s="25">
        <v>0</v>
      </c>
      <c r="CG15" s="25">
        <v>3210</v>
      </c>
      <c r="CH15" s="25">
        <v>6915</v>
      </c>
      <c r="CI15" s="25">
        <v>0</v>
      </c>
      <c r="CJ15" s="25">
        <v>3170</v>
      </c>
      <c r="CK15" s="28">
        <v>13295</v>
      </c>
      <c r="CL15" s="29">
        <v>13295</v>
      </c>
      <c r="CM15" s="24">
        <v>0</v>
      </c>
      <c r="CN15" s="25">
        <v>0</v>
      </c>
      <c r="CO15" s="26">
        <v>0</v>
      </c>
      <c r="CP15" s="27">
        <v>0</v>
      </c>
      <c r="CQ15" s="25">
        <v>0</v>
      </c>
      <c r="CR15" s="25">
        <v>0</v>
      </c>
      <c r="CS15" s="25">
        <v>0</v>
      </c>
      <c r="CT15" s="25">
        <v>0</v>
      </c>
      <c r="CU15" s="25">
        <v>0</v>
      </c>
      <c r="CV15" s="28">
        <v>0</v>
      </c>
      <c r="CW15" s="29">
        <v>0</v>
      </c>
      <c r="CX15" s="24">
        <v>0</v>
      </c>
      <c r="CY15" s="25">
        <v>0</v>
      </c>
      <c r="CZ15" s="26">
        <v>0</v>
      </c>
      <c r="DA15" s="403">
        <v>0</v>
      </c>
      <c r="DB15" s="25">
        <v>0</v>
      </c>
      <c r="DC15" s="25">
        <v>0</v>
      </c>
      <c r="DD15" s="25">
        <v>0</v>
      </c>
      <c r="DE15" s="25">
        <v>0</v>
      </c>
      <c r="DF15" s="25">
        <v>0</v>
      </c>
      <c r="DG15" s="28">
        <v>0</v>
      </c>
      <c r="DH15" s="29">
        <v>0</v>
      </c>
      <c r="DI15" s="24">
        <v>0</v>
      </c>
      <c r="DJ15" s="25">
        <v>3510</v>
      </c>
      <c r="DK15" s="26">
        <v>3510</v>
      </c>
      <c r="DL15" s="27">
        <v>0</v>
      </c>
      <c r="DM15" s="25">
        <v>236653</v>
      </c>
      <c r="DN15" s="25">
        <v>381683</v>
      </c>
      <c r="DO15" s="25">
        <v>2772934</v>
      </c>
      <c r="DP15" s="25">
        <v>3782506</v>
      </c>
      <c r="DQ15" s="25">
        <v>2178409</v>
      </c>
      <c r="DR15" s="28">
        <v>9352185</v>
      </c>
      <c r="DS15" s="30">
        <v>9355695</v>
      </c>
      <c r="DT15" s="24">
        <v>0</v>
      </c>
      <c r="DU15" s="25">
        <v>0</v>
      </c>
      <c r="DV15" s="26">
        <v>0</v>
      </c>
      <c r="DW15" s="403">
        <v>0</v>
      </c>
      <c r="DX15" s="25">
        <v>0</v>
      </c>
      <c r="DY15" s="25">
        <v>118327</v>
      </c>
      <c r="DZ15" s="25">
        <v>2334158</v>
      </c>
      <c r="EA15" s="25">
        <v>3389841</v>
      </c>
      <c r="EB15" s="25">
        <v>1937944</v>
      </c>
      <c r="EC15" s="28">
        <v>7780270</v>
      </c>
      <c r="ED15" s="29">
        <v>7780270</v>
      </c>
      <c r="EE15" s="24">
        <v>0</v>
      </c>
      <c r="EF15" s="25">
        <v>0</v>
      </c>
      <c r="EG15" s="26">
        <v>0</v>
      </c>
      <c r="EH15" s="403">
        <v>0</v>
      </c>
      <c r="EI15" s="25">
        <v>148275</v>
      </c>
      <c r="EJ15" s="25">
        <v>87213</v>
      </c>
      <c r="EK15" s="25">
        <v>161695</v>
      </c>
      <c r="EL15" s="25">
        <v>228603</v>
      </c>
      <c r="EM15" s="25">
        <v>48505</v>
      </c>
      <c r="EN15" s="28">
        <v>674291</v>
      </c>
      <c r="EO15" s="29">
        <v>674291</v>
      </c>
      <c r="EP15" s="24">
        <v>0</v>
      </c>
      <c r="EQ15" s="25">
        <v>0</v>
      </c>
      <c r="ER15" s="26">
        <v>0</v>
      </c>
      <c r="ES15" s="403">
        <v>0</v>
      </c>
      <c r="ET15" s="25">
        <v>0</v>
      </c>
      <c r="EU15" s="25">
        <v>0</v>
      </c>
      <c r="EV15" s="25">
        <v>0</v>
      </c>
      <c r="EW15" s="25">
        <v>0</v>
      </c>
      <c r="EX15" s="25">
        <v>0</v>
      </c>
      <c r="EY15" s="28">
        <v>0</v>
      </c>
      <c r="EZ15" s="29">
        <v>0</v>
      </c>
      <c r="FA15" s="24">
        <v>0</v>
      </c>
      <c r="FB15" s="25">
        <v>0</v>
      </c>
      <c r="FC15" s="26">
        <v>0</v>
      </c>
      <c r="FD15" s="403">
        <v>0</v>
      </c>
      <c r="FE15" s="25">
        <v>12338</v>
      </c>
      <c r="FF15" s="25">
        <v>23002</v>
      </c>
      <c r="FG15" s="25">
        <v>2946</v>
      </c>
      <c r="FH15" s="25">
        <v>1218</v>
      </c>
      <c r="FI15" s="25">
        <v>71458</v>
      </c>
      <c r="FJ15" s="28">
        <v>110962</v>
      </c>
      <c r="FK15" s="29">
        <v>110962</v>
      </c>
      <c r="FL15" s="24">
        <v>0</v>
      </c>
      <c r="FM15" s="25">
        <v>0</v>
      </c>
      <c r="FN15" s="26">
        <v>0</v>
      </c>
      <c r="FO15" s="403">
        <v>0</v>
      </c>
      <c r="FP15" s="25">
        <v>0</v>
      </c>
      <c r="FQ15" s="25">
        <v>21576</v>
      </c>
      <c r="FR15" s="25">
        <v>36766</v>
      </c>
      <c r="FS15" s="25">
        <v>0</v>
      </c>
      <c r="FT15" s="25">
        <v>0</v>
      </c>
      <c r="FU15" s="28">
        <v>58342</v>
      </c>
      <c r="FV15" s="29">
        <v>58342</v>
      </c>
      <c r="FW15" s="24">
        <v>0</v>
      </c>
      <c r="FX15" s="25">
        <v>3510</v>
      </c>
      <c r="FY15" s="26">
        <v>3510</v>
      </c>
      <c r="FZ15" s="27">
        <v>0</v>
      </c>
      <c r="GA15" s="25">
        <v>76040</v>
      </c>
      <c r="GB15" s="25">
        <v>131537</v>
      </c>
      <c r="GC15" s="25">
        <v>237180</v>
      </c>
      <c r="GD15" s="25">
        <v>162844</v>
      </c>
      <c r="GE15" s="25">
        <v>119042</v>
      </c>
      <c r="GF15" s="28">
        <v>726643</v>
      </c>
      <c r="GG15" s="29">
        <v>730153</v>
      </c>
      <c r="GH15" s="24">
        <v>0</v>
      </c>
      <c r="GI15" s="25">
        <v>0</v>
      </c>
      <c r="GJ15" s="26">
        <v>0</v>
      </c>
      <c r="GK15" s="27">
        <v>0</v>
      </c>
      <c r="GL15" s="25">
        <v>0</v>
      </c>
      <c r="GM15" s="25">
        <v>28</v>
      </c>
      <c r="GN15" s="25">
        <v>189</v>
      </c>
      <c r="GO15" s="25">
        <v>0</v>
      </c>
      <c r="GP15" s="25">
        <v>1460</v>
      </c>
      <c r="GQ15" s="28">
        <v>1677</v>
      </c>
      <c r="GR15" s="29">
        <v>1677</v>
      </c>
      <c r="GS15" s="24">
        <v>0</v>
      </c>
      <c r="GT15" s="25">
        <v>0</v>
      </c>
      <c r="GU15" s="26">
        <v>0</v>
      </c>
      <c r="GV15" s="27">
        <v>0</v>
      </c>
      <c r="GW15" s="25">
        <v>0</v>
      </c>
      <c r="GX15" s="25">
        <v>0</v>
      </c>
      <c r="GY15" s="25">
        <v>0</v>
      </c>
      <c r="GZ15" s="25">
        <v>0</v>
      </c>
      <c r="HA15" s="25">
        <v>0</v>
      </c>
      <c r="HB15" s="28">
        <v>0</v>
      </c>
      <c r="HC15" s="29">
        <v>0</v>
      </c>
      <c r="HD15" s="24">
        <v>0</v>
      </c>
      <c r="HE15" s="25">
        <v>0</v>
      </c>
      <c r="HF15" s="26">
        <v>0</v>
      </c>
      <c r="HG15" s="403">
        <v>0</v>
      </c>
      <c r="HH15" s="25">
        <v>0</v>
      </c>
      <c r="HI15" s="25">
        <v>0</v>
      </c>
      <c r="HJ15" s="25">
        <v>0</v>
      </c>
      <c r="HK15" s="25">
        <v>0</v>
      </c>
      <c r="HL15" s="25">
        <v>0</v>
      </c>
      <c r="HM15" s="28">
        <v>0</v>
      </c>
      <c r="HN15" s="29">
        <v>0</v>
      </c>
      <c r="HO15" s="24">
        <v>0</v>
      </c>
      <c r="HP15" s="25">
        <v>7270</v>
      </c>
      <c r="HQ15" s="26">
        <v>7270</v>
      </c>
      <c r="HR15" s="27">
        <v>0</v>
      </c>
      <c r="HS15" s="25">
        <v>999889</v>
      </c>
      <c r="HT15" s="25">
        <v>1330563</v>
      </c>
      <c r="HU15" s="25">
        <v>5711170</v>
      </c>
      <c r="HV15" s="25">
        <v>7829422</v>
      </c>
      <c r="HW15" s="25">
        <v>4854457</v>
      </c>
      <c r="HX15" s="28">
        <v>20725501</v>
      </c>
      <c r="HY15" s="29">
        <v>20732771</v>
      </c>
    </row>
    <row r="16" spans="2:233" ht="21" customHeight="1" x14ac:dyDescent="0.2">
      <c r="B16" s="106" t="s">
        <v>12</v>
      </c>
      <c r="C16" s="24">
        <v>9350</v>
      </c>
      <c r="D16" s="25">
        <v>5260</v>
      </c>
      <c r="E16" s="26">
        <v>14610</v>
      </c>
      <c r="F16" s="27">
        <v>0</v>
      </c>
      <c r="G16" s="25">
        <v>111628</v>
      </c>
      <c r="H16" s="25">
        <v>796626</v>
      </c>
      <c r="I16" s="25">
        <v>2628400</v>
      </c>
      <c r="J16" s="25">
        <v>3559151</v>
      </c>
      <c r="K16" s="25">
        <v>1716947</v>
      </c>
      <c r="L16" s="28">
        <v>8812752</v>
      </c>
      <c r="M16" s="29">
        <v>8827362</v>
      </c>
      <c r="N16" s="24">
        <v>0</v>
      </c>
      <c r="O16" s="25">
        <v>0</v>
      </c>
      <c r="P16" s="26">
        <v>0</v>
      </c>
      <c r="Q16" s="403">
        <v>0</v>
      </c>
      <c r="R16" s="25">
        <v>2635</v>
      </c>
      <c r="S16" s="25">
        <v>80910</v>
      </c>
      <c r="T16" s="25">
        <v>1467183</v>
      </c>
      <c r="U16" s="25">
        <v>2320209</v>
      </c>
      <c r="V16" s="25">
        <v>1093750</v>
      </c>
      <c r="W16" s="28">
        <v>4964687</v>
      </c>
      <c r="X16" s="29">
        <v>4964687</v>
      </c>
      <c r="Y16" s="24">
        <v>0</v>
      </c>
      <c r="Z16" s="25">
        <v>0</v>
      </c>
      <c r="AA16" s="26">
        <v>0</v>
      </c>
      <c r="AB16" s="403">
        <v>0</v>
      </c>
      <c r="AC16" s="25">
        <v>56760</v>
      </c>
      <c r="AD16" s="25">
        <v>648495</v>
      </c>
      <c r="AE16" s="25">
        <v>874665</v>
      </c>
      <c r="AF16" s="25">
        <v>821684</v>
      </c>
      <c r="AG16" s="25">
        <v>436340</v>
      </c>
      <c r="AH16" s="28">
        <v>2837944</v>
      </c>
      <c r="AI16" s="29">
        <v>2837944</v>
      </c>
      <c r="AJ16" s="24">
        <v>0</v>
      </c>
      <c r="AK16" s="25">
        <v>0</v>
      </c>
      <c r="AL16" s="26">
        <v>0</v>
      </c>
      <c r="AM16" s="403">
        <v>0</v>
      </c>
      <c r="AN16" s="25">
        <v>0</v>
      </c>
      <c r="AO16" s="25">
        <v>0</v>
      </c>
      <c r="AP16" s="25">
        <v>0</v>
      </c>
      <c r="AQ16" s="25">
        <v>0</v>
      </c>
      <c r="AR16" s="25">
        <v>0</v>
      </c>
      <c r="AS16" s="28">
        <v>0</v>
      </c>
      <c r="AT16" s="29">
        <v>0</v>
      </c>
      <c r="AU16" s="24">
        <v>0</v>
      </c>
      <c r="AV16" s="25">
        <v>0</v>
      </c>
      <c r="AW16" s="26">
        <v>0</v>
      </c>
      <c r="AX16" s="403">
        <v>0</v>
      </c>
      <c r="AY16" s="25">
        <v>0</v>
      </c>
      <c r="AZ16" s="25">
        <v>0</v>
      </c>
      <c r="BA16" s="25">
        <v>27030</v>
      </c>
      <c r="BB16" s="25">
        <v>40610</v>
      </c>
      <c r="BC16" s="25">
        <v>104405</v>
      </c>
      <c r="BD16" s="28">
        <v>172045</v>
      </c>
      <c r="BE16" s="29">
        <v>172045</v>
      </c>
      <c r="BF16" s="24">
        <v>0</v>
      </c>
      <c r="BG16" s="25">
        <v>0</v>
      </c>
      <c r="BH16" s="26">
        <v>0</v>
      </c>
      <c r="BI16" s="403">
        <v>0</v>
      </c>
      <c r="BJ16" s="25">
        <v>0</v>
      </c>
      <c r="BK16" s="25">
        <v>0</v>
      </c>
      <c r="BL16" s="25">
        <v>62465</v>
      </c>
      <c r="BM16" s="25">
        <v>133300</v>
      </c>
      <c r="BN16" s="25">
        <v>32705</v>
      </c>
      <c r="BO16" s="28">
        <v>228470</v>
      </c>
      <c r="BP16" s="29">
        <v>228470</v>
      </c>
      <c r="BQ16" s="24">
        <v>9350</v>
      </c>
      <c r="BR16" s="25">
        <v>5260</v>
      </c>
      <c r="BS16" s="26">
        <v>14610</v>
      </c>
      <c r="BT16" s="27">
        <v>0</v>
      </c>
      <c r="BU16" s="25">
        <v>50830</v>
      </c>
      <c r="BV16" s="25">
        <v>66982</v>
      </c>
      <c r="BW16" s="25">
        <v>197057</v>
      </c>
      <c r="BX16" s="25">
        <v>243348</v>
      </c>
      <c r="BY16" s="25">
        <v>49747</v>
      </c>
      <c r="BZ16" s="28">
        <v>607964</v>
      </c>
      <c r="CA16" s="29">
        <v>622574</v>
      </c>
      <c r="CB16" s="24">
        <v>0</v>
      </c>
      <c r="CC16" s="25">
        <v>0</v>
      </c>
      <c r="CD16" s="26">
        <v>0</v>
      </c>
      <c r="CE16" s="27">
        <v>0</v>
      </c>
      <c r="CF16" s="25">
        <v>1403</v>
      </c>
      <c r="CG16" s="25">
        <v>239</v>
      </c>
      <c r="CH16" s="25">
        <v>0</v>
      </c>
      <c r="CI16" s="25">
        <v>0</v>
      </c>
      <c r="CJ16" s="25">
        <v>0</v>
      </c>
      <c r="CK16" s="28">
        <v>1642</v>
      </c>
      <c r="CL16" s="29">
        <v>1642</v>
      </c>
      <c r="CM16" s="24">
        <v>0</v>
      </c>
      <c r="CN16" s="25">
        <v>0</v>
      </c>
      <c r="CO16" s="26">
        <v>0</v>
      </c>
      <c r="CP16" s="27">
        <v>0</v>
      </c>
      <c r="CQ16" s="25">
        <v>0</v>
      </c>
      <c r="CR16" s="25">
        <v>0</v>
      </c>
      <c r="CS16" s="25">
        <v>0</v>
      </c>
      <c r="CT16" s="25">
        <v>0</v>
      </c>
      <c r="CU16" s="25">
        <v>0</v>
      </c>
      <c r="CV16" s="28">
        <v>0</v>
      </c>
      <c r="CW16" s="29">
        <v>0</v>
      </c>
      <c r="CX16" s="24">
        <v>0</v>
      </c>
      <c r="CY16" s="25">
        <v>0</v>
      </c>
      <c r="CZ16" s="26">
        <v>0</v>
      </c>
      <c r="DA16" s="403">
        <v>0</v>
      </c>
      <c r="DB16" s="25">
        <v>0</v>
      </c>
      <c r="DC16" s="25">
        <v>0</v>
      </c>
      <c r="DD16" s="25">
        <v>0</v>
      </c>
      <c r="DE16" s="25">
        <v>0</v>
      </c>
      <c r="DF16" s="25">
        <v>0</v>
      </c>
      <c r="DG16" s="28">
        <v>0</v>
      </c>
      <c r="DH16" s="29">
        <v>0</v>
      </c>
      <c r="DI16" s="24">
        <v>7038</v>
      </c>
      <c r="DJ16" s="25">
        <v>8829</v>
      </c>
      <c r="DK16" s="26">
        <v>15867</v>
      </c>
      <c r="DL16" s="27">
        <v>0</v>
      </c>
      <c r="DM16" s="25">
        <v>149077</v>
      </c>
      <c r="DN16" s="25">
        <v>523420</v>
      </c>
      <c r="DO16" s="25">
        <v>2605246</v>
      </c>
      <c r="DP16" s="25">
        <v>3341359</v>
      </c>
      <c r="DQ16" s="25">
        <v>1684097</v>
      </c>
      <c r="DR16" s="28">
        <v>8303199</v>
      </c>
      <c r="DS16" s="30">
        <v>8319066</v>
      </c>
      <c r="DT16" s="24">
        <v>0</v>
      </c>
      <c r="DU16" s="25">
        <v>0</v>
      </c>
      <c r="DV16" s="26">
        <v>0</v>
      </c>
      <c r="DW16" s="403">
        <v>0</v>
      </c>
      <c r="DX16" s="25">
        <v>21576</v>
      </c>
      <c r="DY16" s="25">
        <v>310713</v>
      </c>
      <c r="DZ16" s="25">
        <v>1956980</v>
      </c>
      <c r="EA16" s="25">
        <v>2680566</v>
      </c>
      <c r="EB16" s="25">
        <v>1438827</v>
      </c>
      <c r="EC16" s="28">
        <v>6408662</v>
      </c>
      <c r="ED16" s="29">
        <v>6408662</v>
      </c>
      <c r="EE16" s="24">
        <v>0</v>
      </c>
      <c r="EF16" s="25">
        <v>0</v>
      </c>
      <c r="EG16" s="26">
        <v>0</v>
      </c>
      <c r="EH16" s="403">
        <v>0</v>
      </c>
      <c r="EI16" s="25">
        <v>44434</v>
      </c>
      <c r="EJ16" s="25">
        <v>69790</v>
      </c>
      <c r="EK16" s="25">
        <v>178366</v>
      </c>
      <c r="EL16" s="25">
        <v>128487</v>
      </c>
      <c r="EM16" s="25">
        <v>37713</v>
      </c>
      <c r="EN16" s="28">
        <v>458790</v>
      </c>
      <c r="EO16" s="29">
        <v>458790</v>
      </c>
      <c r="EP16" s="24">
        <v>0</v>
      </c>
      <c r="EQ16" s="25">
        <v>0</v>
      </c>
      <c r="ER16" s="26">
        <v>0</v>
      </c>
      <c r="ES16" s="403">
        <v>0</v>
      </c>
      <c r="ET16" s="25">
        <v>0</v>
      </c>
      <c r="EU16" s="25">
        <v>0</v>
      </c>
      <c r="EV16" s="25">
        <v>0</v>
      </c>
      <c r="EW16" s="25">
        <v>0</v>
      </c>
      <c r="EX16" s="25">
        <v>0</v>
      </c>
      <c r="EY16" s="28">
        <v>0</v>
      </c>
      <c r="EZ16" s="29">
        <v>0</v>
      </c>
      <c r="FA16" s="24">
        <v>0</v>
      </c>
      <c r="FB16" s="25">
        <v>0</v>
      </c>
      <c r="FC16" s="26">
        <v>0</v>
      </c>
      <c r="FD16" s="403">
        <v>0</v>
      </c>
      <c r="FE16" s="25">
        <v>0</v>
      </c>
      <c r="FF16" s="25">
        <v>0</v>
      </c>
      <c r="FG16" s="25">
        <v>238</v>
      </c>
      <c r="FH16" s="25">
        <v>868</v>
      </c>
      <c r="FI16" s="25">
        <v>13073</v>
      </c>
      <c r="FJ16" s="28">
        <v>14179</v>
      </c>
      <c r="FK16" s="29">
        <v>14179</v>
      </c>
      <c r="FL16" s="24">
        <v>0</v>
      </c>
      <c r="FM16" s="25">
        <v>0</v>
      </c>
      <c r="FN16" s="26">
        <v>0</v>
      </c>
      <c r="FO16" s="403">
        <v>0</v>
      </c>
      <c r="FP16" s="25">
        <v>0</v>
      </c>
      <c r="FQ16" s="25">
        <v>0</v>
      </c>
      <c r="FR16" s="25">
        <v>151032</v>
      </c>
      <c r="FS16" s="25">
        <v>218178</v>
      </c>
      <c r="FT16" s="25">
        <v>36766</v>
      </c>
      <c r="FU16" s="28">
        <v>405976</v>
      </c>
      <c r="FV16" s="29">
        <v>405976</v>
      </c>
      <c r="FW16" s="24">
        <v>7038</v>
      </c>
      <c r="FX16" s="25">
        <v>8829</v>
      </c>
      <c r="FY16" s="26">
        <v>15867</v>
      </c>
      <c r="FZ16" s="27">
        <v>0</v>
      </c>
      <c r="GA16" s="25">
        <v>82997</v>
      </c>
      <c r="GB16" s="25">
        <v>142896</v>
      </c>
      <c r="GC16" s="25">
        <v>318630</v>
      </c>
      <c r="GD16" s="25">
        <v>313260</v>
      </c>
      <c r="GE16" s="25">
        <v>136514</v>
      </c>
      <c r="GF16" s="28">
        <v>994297</v>
      </c>
      <c r="GG16" s="29">
        <v>1010164</v>
      </c>
      <c r="GH16" s="24">
        <v>0</v>
      </c>
      <c r="GI16" s="25">
        <v>0</v>
      </c>
      <c r="GJ16" s="26">
        <v>0</v>
      </c>
      <c r="GK16" s="27">
        <v>0</v>
      </c>
      <c r="GL16" s="25">
        <v>70</v>
      </c>
      <c r="GM16" s="25">
        <v>21</v>
      </c>
      <c r="GN16" s="25">
        <v>0</v>
      </c>
      <c r="GO16" s="25">
        <v>0</v>
      </c>
      <c r="GP16" s="25">
        <v>21204</v>
      </c>
      <c r="GQ16" s="28">
        <v>21295</v>
      </c>
      <c r="GR16" s="29">
        <v>21295</v>
      </c>
      <c r="GS16" s="24">
        <v>0</v>
      </c>
      <c r="GT16" s="25">
        <v>0</v>
      </c>
      <c r="GU16" s="26">
        <v>0</v>
      </c>
      <c r="GV16" s="27">
        <v>0</v>
      </c>
      <c r="GW16" s="25">
        <v>0</v>
      </c>
      <c r="GX16" s="25">
        <v>0</v>
      </c>
      <c r="GY16" s="25">
        <v>0</v>
      </c>
      <c r="GZ16" s="25">
        <v>0</v>
      </c>
      <c r="HA16" s="25">
        <v>0</v>
      </c>
      <c r="HB16" s="28">
        <v>0</v>
      </c>
      <c r="HC16" s="29">
        <v>0</v>
      </c>
      <c r="HD16" s="24">
        <v>0</v>
      </c>
      <c r="HE16" s="25">
        <v>0</v>
      </c>
      <c r="HF16" s="26">
        <v>0</v>
      </c>
      <c r="HG16" s="403">
        <v>0</v>
      </c>
      <c r="HH16" s="25">
        <v>0</v>
      </c>
      <c r="HI16" s="25">
        <v>0</v>
      </c>
      <c r="HJ16" s="25">
        <v>0</v>
      </c>
      <c r="HK16" s="25">
        <v>0</v>
      </c>
      <c r="HL16" s="25">
        <v>0</v>
      </c>
      <c r="HM16" s="28">
        <v>0</v>
      </c>
      <c r="HN16" s="29">
        <v>0</v>
      </c>
      <c r="HO16" s="24">
        <v>16388</v>
      </c>
      <c r="HP16" s="25">
        <v>14089</v>
      </c>
      <c r="HQ16" s="26">
        <v>30477</v>
      </c>
      <c r="HR16" s="27">
        <v>0</v>
      </c>
      <c r="HS16" s="25">
        <v>260705</v>
      </c>
      <c r="HT16" s="25">
        <v>1320046</v>
      </c>
      <c r="HU16" s="25">
        <v>5233646</v>
      </c>
      <c r="HV16" s="25">
        <v>6900510</v>
      </c>
      <c r="HW16" s="25">
        <v>3401044</v>
      </c>
      <c r="HX16" s="28">
        <v>17115951</v>
      </c>
      <c r="HY16" s="29">
        <v>17146428</v>
      </c>
    </row>
    <row r="17" spans="2:233" ht="21" customHeight="1" x14ac:dyDescent="0.2">
      <c r="B17" s="106" t="s">
        <v>13</v>
      </c>
      <c r="C17" s="24">
        <v>0</v>
      </c>
      <c r="D17" s="25">
        <v>0</v>
      </c>
      <c r="E17" s="26">
        <v>0</v>
      </c>
      <c r="F17" s="27">
        <v>0</v>
      </c>
      <c r="G17" s="25">
        <v>47515</v>
      </c>
      <c r="H17" s="25">
        <v>160450</v>
      </c>
      <c r="I17" s="25">
        <v>360292</v>
      </c>
      <c r="J17" s="25">
        <v>896127</v>
      </c>
      <c r="K17" s="25">
        <v>768007</v>
      </c>
      <c r="L17" s="28">
        <v>2232391</v>
      </c>
      <c r="M17" s="29">
        <v>2232391</v>
      </c>
      <c r="N17" s="24">
        <v>0</v>
      </c>
      <c r="O17" s="25">
        <v>0</v>
      </c>
      <c r="P17" s="26">
        <v>0</v>
      </c>
      <c r="Q17" s="403">
        <v>0</v>
      </c>
      <c r="R17" s="25">
        <v>2635</v>
      </c>
      <c r="S17" s="25">
        <v>40440</v>
      </c>
      <c r="T17" s="25">
        <v>225610</v>
      </c>
      <c r="U17" s="25">
        <v>785315</v>
      </c>
      <c r="V17" s="25">
        <v>626202</v>
      </c>
      <c r="W17" s="28">
        <v>1680202</v>
      </c>
      <c r="X17" s="29">
        <v>1680202</v>
      </c>
      <c r="Y17" s="24">
        <v>0</v>
      </c>
      <c r="Z17" s="25">
        <v>0</v>
      </c>
      <c r="AA17" s="26">
        <v>0</v>
      </c>
      <c r="AB17" s="403">
        <v>0</v>
      </c>
      <c r="AC17" s="25">
        <v>38085</v>
      </c>
      <c r="AD17" s="25">
        <v>102115</v>
      </c>
      <c r="AE17" s="25">
        <v>67087</v>
      </c>
      <c r="AF17" s="25">
        <v>52807</v>
      </c>
      <c r="AG17" s="25">
        <v>79775</v>
      </c>
      <c r="AH17" s="28">
        <v>339869</v>
      </c>
      <c r="AI17" s="29">
        <v>339869</v>
      </c>
      <c r="AJ17" s="24">
        <v>0</v>
      </c>
      <c r="AK17" s="25">
        <v>0</v>
      </c>
      <c r="AL17" s="26">
        <v>0</v>
      </c>
      <c r="AM17" s="403">
        <v>0</v>
      </c>
      <c r="AN17" s="25">
        <v>0</v>
      </c>
      <c r="AO17" s="25">
        <v>0</v>
      </c>
      <c r="AP17" s="25">
        <v>0</v>
      </c>
      <c r="AQ17" s="25">
        <v>0</v>
      </c>
      <c r="AR17" s="25">
        <v>0</v>
      </c>
      <c r="AS17" s="28">
        <v>0</v>
      </c>
      <c r="AT17" s="29">
        <v>0</v>
      </c>
      <c r="AU17" s="24">
        <v>0</v>
      </c>
      <c r="AV17" s="25">
        <v>0</v>
      </c>
      <c r="AW17" s="26">
        <v>0</v>
      </c>
      <c r="AX17" s="403">
        <v>0</v>
      </c>
      <c r="AY17" s="25">
        <v>0</v>
      </c>
      <c r="AZ17" s="25">
        <v>0</v>
      </c>
      <c r="BA17" s="25">
        <v>0</v>
      </c>
      <c r="BB17" s="25">
        <v>0</v>
      </c>
      <c r="BC17" s="25">
        <v>0</v>
      </c>
      <c r="BD17" s="28">
        <v>0</v>
      </c>
      <c r="BE17" s="29">
        <v>0</v>
      </c>
      <c r="BF17" s="24">
        <v>0</v>
      </c>
      <c r="BG17" s="25">
        <v>0</v>
      </c>
      <c r="BH17" s="26">
        <v>0</v>
      </c>
      <c r="BI17" s="403">
        <v>0</v>
      </c>
      <c r="BJ17" s="25">
        <v>0</v>
      </c>
      <c r="BK17" s="25">
        <v>0</v>
      </c>
      <c r="BL17" s="25">
        <v>0</v>
      </c>
      <c r="BM17" s="25">
        <v>0</v>
      </c>
      <c r="BN17" s="25">
        <v>0</v>
      </c>
      <c r="BO17" s="28">
        <v>0</v>
      </c>
      <c r="BP17" s="29">
        <v>0</v>
      </c>
      <c r="BQ17" s="24">
        <v>0</v>
      </c>
      <c r="BR17" s="25">
        <v>0</v>
      </c>
      <c r="BS17" s="26">
        <v>0</v>
      </c>
      <c r="BT17" s="27">
        <v>0</v>
      </c>
      <c r="BU17" s="25">
        <v>6795</v>
      </c>
      <c r="BV17" s="25">
        <v>17895</v>
      </c>
      <c r="BW17" s="25">
        <v>67595</v>
      </c>
      <c r="BX17" s="25">
        <v>57185</v>
      </c>
      <c r="BY17" s="25">
        <v>62030</v>
      </c>
      <c r="BZ17" s="28">
        <v>211500</v>
      </c>
      <c r="CA17" s="29">
        <v>211500</v>
      </c>
      <c r="CB17" s="24">
        <v>0</v>
      </c>
      <c r="CC17" s="25">
        <v>0</v>
      </c>
      <c r="CD17" s="26">
        <v>0</v>
      </c>
      <c r="CE17" s="27">
        <v>0</v>
      </c>
      <c r="CF17" s="25">
        <v>0</v>
      </c>
      <c r="CG17" s="25">
        <v>0</v>
      </c>
      <c r="CH17" s="25">
        <v>0</v>
      </c>
      <c r="CI17" s="25">
        <v>820</v>
      </c>
      <c r="CJ17" s="25">
        <v>0</v>
      </c>
      <c r="CK17" s="28">
        <v>820</v>
      </c>
      <c r="CL17" s="29">
        <v>820</v>
      </c>
      <c r="CM17" s="24">
        <v>0</v>
      </c>
      <c r="CN17" s="25">
        <v>0</v>
      </c>
      <c r="CO17" s="26">
        <v>0</v>
      </c>
      <c r="CP17" s="27">
        <v>0</v>
      </c>
      <c r="CQ17" s="25">
        <v>0</v>
      </c>
      <c r="CR17" s="25">
        <v>0</v>
      </c>
      <c r="CS17" s="25">
        <v>0</v>
      </c>
      <c r="CT17" s="25">
        <v>0</v>
      </c>
      <c r="CU17" s="25">
        <v>0</v>
      </c>
      <c r="CV17" s="28">
        <v>0</v>
      </c>
      <c r="CW17" s="29">
        <v>0</v>
      </c>
      <c r="CX17" s="24">
        <v>0</v>
      </c>
      <c r="CY17" s="25">
        <v>0</v>
      </c>
      <c r="CZ17" s="26">
        <v>0</v>
      </c>
      <c r="DA17" s="403">
        <v>0</v>
      </c>
      <c r="DB17" s="25">
        <v>0</v>
      </c>
      <c r="DC17" s="25">
        <v>0</v>
      </c>
      <c r="DD17" s="25">
        <v>0</v>
      </c>
      <c r="DE17" s="25">
        <v>0</v>
      </c>
      <c r="DF17" s="25">
        <v>0</v>
      </c>
      <c r="DG17" s="28">
        <v>0</v>
      </c>
      <c r="DH17" s="29">
        <v>0</v>
      </c>
      <c r="DI17" s="24">
        <v>0</v>
      </c>
      <c r="DJ17" s="25">
        <v>0</v>
      </c>
      <c r="DK17" s="26">
        <v>0</v>
      </c>
      <c r="DL17" s="27">
        <v>0</v>
      </c>
      <c r="DM17" s="25">
        <v>39279</v>
      </c>
      <c r="DN17" s="25">
        <v>99758</v>
      </c>
      <c r="DO17" s="25">
        <v>562751</v>
      </c>
      <c r="DP17" s="25">
        <v>1035973</v>
      </c>
      <c r="DQ17" s="25">
        <v>815803</v>
      </c>
      <c r="DR17" s="28">
        <v>2553564</v>
      </c>
      <c r="DS17" s="30">
        <v>2553564</v>
      </c>
      <c r="DT17" s="24">
        <v>0</v>
      </c>
      <c r="DU17" s="25">
        <v>0</v>
      </c>
      <c r="DV17" s="26">
        <v>0</v>
      </c>
      <c r="DW17" s="403">
        <v>0</v>
      </c>
      <c r="DX17" s="25">
        <v>21576</v>
      </c>
      <c r="DY17" s="25">
        <v>80076</v>
      </c>
      <c r="DZ17" s="25">
        <v>399879</v>
      </c>
      <c r="EA17" s="25">
        <v>891978</v>
      </c>
      <c r="EB17" s="25">
        <v>741925</v>
      </c>
      <c r="EC17" s="28">
        <v>2135434</v>
      </c>
      <c r="ED17" s="29">
        <v>2135434</v>
      </c>
      <c r="EE17" s="24">
        <v>0</v>
      </c>
      <c r="EF17" s="25">
        <v>0</v>
      </c>
      <c r="EG17" s="26">
        <v>0</v>
      </c>
      <c r="EH17" s="403">
        <v>0</v>
      </c>
      <c r="EI17" s="25">
        <v>11385</v>
      </c>
      <c r="EJ17" s="25">
        <v>980</v>
      </c>
      <c r="EK17" s="25">
        <v>13976</v>
      </c>
      <c r="EL17" s="25">
        <v>30831</v>
      </c>
      <c r="EM17" s="25">
        <v>1400</v>
      </c>
      <c r="EN17" s="28">
        <v>58572</v>
      </c>
      <c r="EO17" s="29">
        <v>58572</v>
      </c>
      <c r="EP17" s="24">
        <v>0</v>
      </c>
      <c r="EQ17" s="25">
        <v>0</v>
      </c>
      <c r="ER17" s="26">
        <v>0</v>
      </c>
      <c r="ES17" s="403">
        <v>0</v>
      </c>
      <c r="ET17" s="25">
        <v>0</v>
      </c>
      <c r="EU17" s="25">
        <v>0</v>
      </c>
      <c r="EV17" s="25">
        <v>0</v>
      </c>
      <c r="EW17" s="25">
        <v>0</v>
      </c>
      <c r="EX17" s="25">
        <v>0</v>
      </c>
      <c r="EY17" s="28">
        <v>0</v>
      </c>
      <c r="EZ17" s="29">
        <v>0</v>
      </c>
      <c r="FA17" s="24">
        <v>0</v>
      </c>
      <c r="FB17" s="25">
        <v>0</v>
      </c>
      <c r="FC17" s="26">
        <v>0</v>
      </c>
      <c r="FD17" s="403">
        <v>0</v>
      </c>
      <c r="FE17" s="25">
        <v>0</v>
      </c>
      <c r="FF17" s="25">
        <v>0</v>
      </c>
      <c r="FG17" s="25">
        <v>0</v>
      </c>
      <c r="FH17" s="25">
        <v>0</v>
      </c>
      <c r="FI17" s="25">
        <v>0</v>
      </c>
      <c r="FJ17" s="28">
        <v>0</v>
      </c>
      <c r="FK17" s="29">
        <v>0</v>
      </c>
      <c r="FL17" s="24">
        <v>0</v>
      </c>
      <c r="FM17" s="25">
        <v>0</v>
      </c>
      <c r="FN17" s="26">
        <v>0</v>
      </c>
      <c r="FO17" s="403">
        <v>0</v>
      </c>
      <c r="FP17" s="25">
        <v>0</v>
      </c>
      <c r="FQ17" s="25">
        <v>0</v>
      </c>
      <c r="FR17" s="25">
        <v>0</v>
      </c>
      <c r="FS17" s="25">
        <v>0</v>
      </c>
      <c r="FT17" s="25">
        <v>0</v>
      </c>
      <c r="FU17" s="28">
        <v>0</v>
      </c>
      <c r="FV17" s="29">
        <v>0</v>
      </c>
      <c r="FW17" s="24">
        <v>0</v>
      </c>
      <c r="FX17" s="25">
        <v>0</v>
      </c>
      <c r="FY17" s="26">
        <v>0</v>
      </c>
      <c r="FZ17" s="27">
        <v>0</v>
      </c>
      <c r="GA17" s="25">
        <v>6318</v>
      </c>
      <c r="GB17" s="25">
        <v>18702</v>
      </c>
      <c r="GC17" s="25">
        <v>148896</v>
      </c>
      <c r="GD17" s="25">
        <v>113108</v>
      </c>
      <c r="GE17" s="25">
        <v>72478</v>
      </c>
      <c r="GF17" s="28">
        <v>359502</v>
      </c>
      <c r="GG17" s="29">
        <v>359502</v>
      </c>
      <c r="GH17" s="24">
        <v>0</v>
      </c>
      <c r="GI17" s="25">
        <v>0</v>
      </c>
      <c r="GJ17" s="26">
        <v>0</v>
      </c>
      <c r="GK17" s="27">
        <v>0</v>
      </c>
      <c r="GL17" s="25">
        <v>0</v>
      </c>
      <c r="GM17" s="25">
        <v>0</v>
      </c>
      <c r="GN17" s="25">
        <v>0</v>
      </c>
      <c r="GO17" s="25">
        <v>56</v>
      </c>
      <c r="GP17" s="25">
        <v>0</v>
      </c>
      <c r="GQ17" s="28">
        <v>56</v>
      </c>
      <c r="GR17" s="29">
        <v>56</v>
      </c>
      <c r="GS17" s="24">
        <v>0</v>
      </c>
      <c r="GT17" s="25">
        <v>0</v>
      </c>
      <c r="GU17" s="26">
        <v>0</v>
      </c>
      <c r="GV17" s="27">
        <v>0</v>
      </c>
      <c r="GW17" s="25">
        <v>0</v>
      </c>
      <c r="GX17" s="25">
        <v>0</v>
      </c>
      <c r="GY17" s="25">
        <v>0</v>
      </c>
      <c r="GZ17" s="25">
        <v>0</v>
      </c>
      <c r="HA17" s="25">
        <v>0</v>
      </c>
      <c r="HB17" s="28">
        <v>0</v>
      </c>
      <c r="HC17" s="29">
        <v>0</v>
      </c>
      <c r="HD17" s="24">
        <v>0</v>
      </c>
      <c r="HE17" s="25">
        <v>0</v>
      </c>
      <c r="HF17" s="26">
        <v>0</v>
      </c>
      <c r="HG17" s="403">
        <v>0</v>
      </c>
      <c r="HH17" s="25">
        <v>0</v>
      </c>
      <c r="HI17" s="25">
        <v>0</v>
      </c>
      <c r="HJ17" s="25">
        <v>0</v>
      </c>
      <c r="HK17" s="25">
        <v>0</v>
      </c>
      <c r="HL17" s="25">
        <v>0</v>
      </c>
      <c r="HM17" s="28">
        <v>0</v>
      </c>
      <c r="HN17" s="29">
        <v>0</v>
      </c>
      <c r="HO17" s="24">
        <v>0</v>
      </c>
      <c r="HP17" s="25">
        <v>0</v>
      </c>
      <c r="HQ17" s="26">
        <v>0</v>
      </c>
      <c r="HR17" s="27">
        <v>0</v>
      </c>
      <c r="HS17" s="25">
        <v>86794</v>
      </c>
      <c r="HT17" s="25">
        <v>260208</v>
      </c>
      <c r="HU17" s="25">
        <v>923043</v>
      </c>
      <c r="HV17" s="25">
        <v>1932100</v>
      </c>
      <c r="HW17" s="25">
        <v>1583810</v>
      </c>
      <c r="HX17" s="28">
        <v>4785955</v>
      </c>
      <c r="HY17" s="29">
        <v>4785955</v>
      </c>
    </row>
    <row r="18" spans="2:233" ht="21" customHeight="1" x14ac:dyDescent="0.2">
      <c r="B18" s="106" t="s">
        <v>15</v>
      </c>
      <c r="C18" s="24">
        <v>0</v>
      </c>
      <c r="D18" s="25">
        <v>0</v>
      </c>
      <c r="E18" s="26">
        <v>0</v>
      </c>
      <c r="F18" s="27">
        <v>0</v>
      </c>
      <c r="G18" s="25">
        <v>253202</v>
      </c>
      <c r="H18" s="25">
        <v>263765</v>
      </c>
      <c r="I18" s="25">
        <v>1788705</v>
      </c>
      <c r="J18" s="25">
        <v>2220332</v>
      </c>
      <c r="K18" s="25">
        <v>1199698</v>
      </c>
      <c r="L18" s="28">
        <v>5725702</v>
      </c>
      <c r="M18" s="29">
        <v>5725702</v>
      </c>
      <c r="N18" s="24">
        <v>0</v>
      </c>
      <c r="O18" s="25">
        <v>0</v>
      </c>
      <c r="P18" s="26">
        <v>0</v>
      </c>
      <c r="Q18" s="403">
        <v>0</v>
      </c>
      <c r="R18" s="25">
        <v>2635</v>
      </c>
      <c r="S18" s="25">
        <v>0</v>
      </c>
      <c r="T18" s="25">
        <v>1149840</v>
      </c>
      <c r="U18" s="25">
        <v>1417035</v>
      </c>
      <c r="V18" s="25">
        <v>820835</v>
      </c>
      <c r="W18" s="28">
        <v>3390345</v>
      </c>
      <c r="X18" s="29">
        <v>3390345</v>
      </c>
      <c r="Y18" s="24">
        <v>0</v>
      </c>
      <c r="Z18" s="25">
        <v>0</v>
      </c>
      <c r="AA18" s="26">
        <v>0</v>
      </c>
      <c r="AB18" s="403">
        <v>0</v>
      </c>
      <c r="AC18" s="25">
        <v>201145</v>
      </c>
      <c r="AD18" s="25">
        <v>243070</v>
      </c>
      <c r="AE18" s="25">
        <v>309443</v>
      </c>
      <c r="AF18" s="25">
        <v>565191</v>
      </c>
      <c r="AG18" s="25">
        <v>232848</v>
      </c>
      <c r="AH18" s="28">
        <v>1551697</v>
      </c>
      <c r="AI18" s="29">
        <v>1551697</v>
      </c>
      <c r="AJ18" s="24">
        <v>0</v>
      </c>
      <c r="AK18" s="25">
        <v>0</v>
      </c>
      <c r="AL18" s="26">
        <v>0</v>
      </c>
      <c r="AM18" s="403">
        <v>0</v>
      </c>
      <c r="AN18" s="25">
        <v>0</v>
      </c>
      <c r="AO18" s="25">
        <v>0</v>
      </c>
      <c r="AP18" s="25">
        <v>0</v>
      </c>
      <c r="AQ18" s="25">
        <v>0</v>
      </c>
      <c r="AR18" s="25">
        <v>0</v>
      </c>
      <c r="AS18" s="28">
        <v>0</v>
      </c>
      <c r="AT18" s="29">
        <v>0</v>
      </c>
      <c r="AU18" s="24">
        <v>0</v>
      </c>
      <c r="AV18" s="25">
        <v>0</v>
      </c>
      <c r="AW18" s="26">
        <v>0</v>
      </c>
      <c r="AX18" s="403">
        <v>0</v>
      </c>
      <c r="AY18" s="25">
        <v>0</v>
      </c>
      <c r="AZ18" s="25">
        <v>0</v>
      </c>
      <c r="BA18" s="25">
        <v>0</v>
      </c>
      <c r="BB18" s="25">
        <v>0</v>
      </c>
      <c r="BC18" s="25">
        <v>0</v>
      </c>
      <c r="BD18" s="28">
        <v>0</v>
      </c>
      <c r="BE18" s="29">
        <v>0</v>
      </c>
      <c r="BF18" s="24">
        <v>0</v>
      </c>
      <c r="BG18" s="25">
        <v>0</v>
      </c>
      <c r="BH18" s="26">
        <v>0</v>
      </c>
      <c r="BI18" s="403">
        <v>0</v>
      </c>
      <c r="BJ18" s="25">
        <v>0</v>
      </c>
      <c r="BK18" s="25">
        <v>0</v>
      </c>
      <c r="BL18" s="25">
        <v>65255</v>
      </c>
      <c r="BM18" s="25">
        <v>160735</v>
      </c>
      <c r="BN18" s="25">
        <v>103385</v>
      </c>
      <c r="BO18" s="28">
        <v>329375</v>
      </c>
      <c r="BP18" s="29">
        <v>329375</v>
      </c>
      <c r="BQ18" s="24">
        <v>0</v>
      </c>
      <c r="BR18" s="25">
        <v>0</v>
      </c>
      <c r="BS18" s="26">
        <v>0</v>
      </c>
      <c r="BT18" s="27">
        <v>0</v>
      </c>
      <c r="BU18" s="25">
        <v>49422</v>
      </c>
      <c r="BV18" s="25">
        <v>7637</v>
      </c>
      <c r="BW18" s="25">
        <v>263574</v>
      </c>
      <c r="BX18" s="25">
        <v>77371</v>
      </c>
      <c r="BY18" s="25">
        <v>42630</v>
      </c>
      <c r="BZ18" s="28">
        <v>440634</v>
      </c>
      <c r="CA18" s="29">
        <v>440634</v>
      </c>
      <c r="CB18" s="24">
        <v>0</v>
      </c>
      <c r="CC18" s="25">
        <v>0</v>
      </c>
      <c r="CD18" s="26">
        <v>0</v>
      </c>
      <c r="CE18" s="27">
        <v>0</v>
      </c>
      <c r="CF18" s="25">
        <v>0</v>
      </c>
      <c r="CG18" s="25">
        <v>13058</v>
      </c>
      <c r="CH18" s="25">
        <v>593</v>
      </c>
      <c r="CI18" s="25">
        <v>0</v>
      </c>
      <c r="CJ18" s="25">
        <v>0</v>
      </c>
      <c r="CK18" s="28">
        <v>13651</v>
      </c>
      <c r="CL18" s="29">
        <v>13651</v>
      </c>
      <c r="CM18" s="24">
        <v>0</v>
      </c>
      <c r="CN18" s="25">
        <v>0</v>
      </c>
      <c r="CO18" s="26">
        <v>0</v>
      </c>
      <c r="CP18" s="27">
        <v>0</v>
      </c>
      <c r="CQ18" s="25">
        <v>0</v>
      </c>
      <c r="CR18" s="25">
        <v>0</v>
      </c>
      <c r="CS18" s="25">
        <v>0</v>
      </c>
      <c r="CT18" s="25">
        <v>0</v>
      </c>
      <c r="CU18" s="25">
        <v>0</v>
      </c>
      <c r="CV18" s="28">
        <v>0</v>
      </c>
      <c r="CW18" s="29">
        <v>0</v>
      </c>
      <c r="CX18" s="24">
        <v>0</v>
      </c>
      <c r="CY18" s="25">
        <v>0</v>
      </c>
      <c r="CZ18" s="26">
        <v>0</v>
      </c>
      <c r="DA18" s="403">
        <v>0</v>
      </c>
      <c r="DB18" s="25">
        <v>0</v>
      </c>
      <c r="DC18" s="25">
        <v>0</v>
      </c>
      <c r="DD18" s="25">
        <v>0</v>
      </c>
      <c r="DE18" s="25">
        <v>0</v>
      </c>
      <c r="DF18" s="25">
        <v>0</v>
      </c>
      <c r="DG18" s="28">
        <v>0</v>
      </c>
      <c r="DH18" s="29">
        <v>0</v>
      </c>
      <c r="DI18" s="24">
        <v>0</v>
      </c>
      <c r="DJ18" s="25">
        <v>0</v>
      </c>
      <c r="DK18" s="26">
        <v>0</v>
      </c>
      <c r="DL18" s="27">
        <v>0</v>
      </c>
      <c r="DM18" s="25">
        <v>82174</v>
      </c>
      <c r="DN18" s="25">
        <v>68933</v>
      </c>
      <c r="DO18" s="25">
        <v>1637767</v>
      </c>
      <c r="DP18" s="25">
        <v>2134953</v>
      </c>
      <c r="DQ18" s="25">
        <v>1270158</v>
      </c>
      <c r="DR18" s="28">
        <v>5193985</v>
      </c>
      <c r="DS18" s="30">
        <v>5193985</v>
      </c>
      <c r="DT18" s="24">
        <v>0</v>
      </c>
      <c r="DU18" s="25">
        <v>0</v>
      </c>
      <c r="DV18" s="26">
        <v>0</v>
      </c>
      <c r="DW18" s="403">
        <v>0</v>
      </c>
      <c r="DX18" s="25">
        <v>10881</v>
      </c>
      <c r="DY18" s="25">
        <v>0</v>
      </c>
      <c r="DZ18" s="25">
        <v>1097303</v>
      </c>
      <c r="EA18" s="25">
        <v>1721536</v>
      </c>
      <c r="EB18" s="25">
        <v>996823</v>
      </c>
      <c r="EC18" s="28">
        <v>3826543</v>
      </c>
      <c r="ED18" s="29">
        <v>3826543</v>
      </c>
      <c r="EE18" s="24">
        <v>0</v>
      </c>
      <c r="EF18" s="25">
        <v>0</v>
      </c>
      <c r="EG18" s="26">
        <v>0</v>
      </c>
      <c r="EH18" s="403">
        <v>0</v>
      </c>
      <c r="EI18" s="25">
        <v>24851</v>
      </c>
      <c r="EJ18" s="25">
        <v>33301</v>
      </c>
      <c r="EK18" s="25">
        <v>11379</v>
      </c>
      <c r="EL18" s="25">
        <v>41186</v>
      </c>
      <c r="EM18" s="25">
        <v>66281</v>
      </c>
      <c r="EN18" s="28">
        <v>176998</v>
      </c>
      <c r="EO18" s="29">
        <v>176998</v>
      </c>
      <c r="EP18" s="24">
        <v>0</v>
      </c>
      <c r="EQ18" s="25">
        <v>0</v>
      </c>
      <c r="ER18" s="26">
        <v>0</v>
      </c>
      <c r="ES18" s="403">
        <v>0</v>
      </c>
      <c r="ET18" s="25">
        <v>0</v>
      </c>
      <c r="EU18" s="25">
        <v>0</v>
      </c>
      <c r="EV18" s="25">
        <v>0</v>
      </c>
      <c r="EW18" s="25">
        <v>0</v>
      </c>
      <c r="EX18" s="25">
        <v>0</v>
      </c>
      <c r="EY18" s="28">
        <v>0</v>
      </c>
      <c r="EZ18" s="29">
        <v>0</v>
      </c>
      <c r="FA18" s="24">
        <v>0</v>
      </c>
      <c r="FB18" s="25">
        <v>0</v>
      </c>
      <c r="FC18" s="26">
        <v>0</v>
      </c>
      <c r="FD18" s="403">
        <v>0</v>
      </c>
      <c r="FE18" s="25">
        <v>0</v>
      </c>
      <c r="FF18" s="25">
        <v>0</v>
      </c>
      <c r="FG18" s="25">
        <v>0</v>
      </c>
      <c r="FH18" s="25">
        <v>0</v>
      </c>
      <c r="FI18" s="25">
        <v>0</v>
      </c>
      <c r="FJ18" s="28">
        <v>0</v>
      </c>
      <c r="FK18" s="29">
        <v>0</v>
      </c>
      <c r="FL18" s="24">
        <v>0</v>
      </c>
      <c r="FM18" s="25">
        <v>0</v>
      </c>
      <c r="FN18" s="26">
        <v>0</v>
      </c>
      <c r="FO18" s="403">
        <v>0</v>
      </c>
      <c r="FP18" s="25">
        <v>0</v>
      </c>
      <c r="FQ18" s="25">
        <v>0</v>
      </c>
      <c r="FR18" s="25">
        <v>123070</v>
      </c>
      <c r="FS18" s="25">
        <v>211792</v>
      </c>
      <c r="FT18" s="25">
        <v>153450</v>
      </c>
      <c r="FU18" s="28">
        <v>488312</v>
      </c>
      <c r="FV18" s="29">
        <v>488312</v>
      </c>
      <c r="FW18" s="24">
        <v>0</v>
      </c>
      <c r="FX18" s="25">
        <v>0</v>
      </c>
      <c r="FY18" s="26">
        <v>0</v>
      </c>
      <c r="FZ18" s="27">
        <v>0</v>
      </c>
      <c r="GA18" s="25">
        <v>46442</v>
      </c>
      <c r="GB18" s="25">
        <v>27208</v>
      </c>
      <c r="GC18" s="25">
        <v>404225</v>
      </c>
      <c r="GD18" s="25">
        <v>160439</v>
      </c>
      <c r="GE18" s="25">
        <v>53604</v>
      </c>
      <c r="GF18" s="28">
        <v>691918</v>
      </c>
      <c r="GG18" s="29">
        <v>691918</v>
      </c>
      <c r="GH18" s="24">
        <v>0</v>
      </c>
      <c r="GI18" s="25">
        <v>0</v>
      </c>
      <c r="GJ18" s="26">
        <v>0</v>
      </c>
      <c r="GK18" s="27">
        <v>0</v>
      </c>
      <c r="GL18" s="25">
        <v>0</v>
      </c>
      <c r="GM18" s="25">
        <v>8424</v>
      </c>
      <c r="GN18" s="25">
        <v>1790</v>
      </c>
      <c r="GO18" s="25">
        <v>0</v>
      </c>
      <c r="GP18" s="25">
        <v>0</v>
      </c>
      <c r="GQ18" s="28">
        <v>10214</v>
      </c>
      <c r="GR18" s="29">
        <v>10214</v>
      </c>
      <c r="GS18" s="24">
        <v>0</v>
      </c>
      <c r="GT18" s="25">
        <v>0</v>
      </c>
      <c r="GU18" s="26">
        <v>0</v>
      </c>
      <c r="GV18" s="27">
        <v>0</v>
      </c>
      <c r="GW18" s="25">
        <v>0</v>
      </c>
      <c r="GX18" s="25">
        <v>0</v>
      </c>
      <c r="GY18" s="25">
        <v>0</v>
      </c>
      <c r="GZ18" s="25">
        <v>0</v>
      </c>
      <c r="HA18" s="25">
        <v>0</v>
      </c>
      <c r="HB18" s="28">
        <v>0</v>
      </c>
      <c r="HC18" s="29">
        <v>0</v>
      </c>
      <c r="HD18" s="24">
        <v>0</v>
      </c>
      <c r="HE18" s="25">
        <v>0</v>
      </c>
      <c r="HF18" s="26">
        <v>0</v>
      </c>
      <c r="HG18" s="403">
        <v>0</v>
      </c>
      <c r="HH18" s="25">
        <v>0</v>
      </c>
      <c r="HI18" s="25">
        <v>0</v>
      </c>
      <c r="HJ18" s="25">
        <v>0</v>
      </c>
      <c r="HK18" s="25">
        <v>0</v>
      </c>
      <c r="HL18" s="25">
        <v>0</v>
      </c>
      <c r="HM18" s="28">
        <v>0</v>
      </c>
      <c r="HN18" s="29">
        <v>0</v>
      </c>
      <c r="HO18" s="24">
        <v>0</v>
      </c>
      <c r="HP18" s="25">
        <v>0</v>
      </c>
      <c r="HQ18" s="26">
        <v>0</v>
      </c>
      <c r="HR18" s="27">
        <v>0</v>
      </c>
      <c r="HS18" s="25">
        <v>335376</v>
      </c>
      <c r="HT18" s="25">
        <v>332698</v>
      </c>
      <c r="HU18" s="25">
        <v>3426472</v>
      </c>
      <c r="HV18" s="25">
        <v>4355285</v>
      </c>
      <c r="HW18" s="25">
        <v>2469856</v>
      </c>
      <c r="HX18" s="28">
        <v>10919687</v>
      </c>
      <c r="HY18" s="29">
        <v>10919687</v>
      </c>
    </row>
    <row r="19" spans="2:233" ht="21" customHeight="1" x14ac:dyDescent="0.2">
      <c r="B19" s="106" t="s">
        <v>16</v>
      </c>
      <c r="C19" s="24">
        <v>0</v>
      </c>
      <c r="D19" s="25">
        <v>390</v>
      </c>
      <c r="E19" s="26">
        <v>390</v>
      </c>
      <c r="F19" s="27">
        <v>0</v>
      </c>
      <c r="G19" s="25">
        <v>416115</v>
      </c>
      <c r="H19" s="25">
        <v>821210</v>
      </c>
      <c r="I19" s="25">
        <v>2855039</v>
      </c>
      <c r="J19" s="25">
        <v>3468170</v>
      </c>
      <c r="K19" s="25">
        <v>1860990</v>
      </c>
      <c r="L19" s="28">
        <v>9421524</v>
      </c>
      <c r="M19" s="29">
        <v>9421914</v>
      </c>
      <c r="N19" s="24">
        <v>0</v>
      </c>
      <c r="O19" s="25">
        <v>0</v>
      </c>
      <c r="P19" s="26">
        <v>0</v>
      </c>
      <c r="Q19" s="403">
        <v>0</v>
      </c>
      <c r="R19" s="25">
        <v>64723</v>
      </c>
      <c r="S19" s="25">
        <v>51615</v>
      </c>
      <c r="T19" s="25">
        <v>1788441</v>
      </c>
      <c r="U19" s="25">
        <v>2508022</v>
      </c>
      <c r="V19" s="25">
        <v>1495050</v>
      </c>
      <c r="W19" s="28">
        <v>5907851</v>
      </c>
      <c r="X19" s="29">
        <v>5907851</v>
      </c>
      <c r="Y19" s="24">
        <v>0</v>
      </c>
      <c r="Z19" s="25">
        <v>0</v>
      </c>
      <c r="AA19" s="26">
        <v>0</v>
      </c>
      <c r="AB19" s="403">
        <v>0</v>
      </c>
      <c r="AC19" s="25">
        <v>300805</v>
      </c>
      <c r="AD19" s="25">
        <v>683035</v>
      </c>
      <c r="AE19" s="25">
        <v>955727</v>
      </c>
      <c r="AF19" s="25">
        <v>740060</v>
      </c>
      <c r="AG19" s="25">
        <v>201735</v>
      </c>
      <c r="AH19" s="28">
        <v>2881362</v>
      </c>
      <c r="AI19" s="29">
        <v>2881362</v>
      </c>
      <c r="AJ19" s="24">
        <v>0</v>
      </c>
      <c r="AK19" s="25">
        <v>0</v>
      </c>
      <c r="AL19" s="26">
        <v>0</v>
      </c>
      <c r="AM19" s="403">
        <v>0</v>
      </c>
      <c r="AN19" s="25">
        <v>0</v>
      </c>
      <c r="AO19" s="25">
        <v>0</v>
      </c>
      <c r="AP19" s="25">
        <v>0</v>
      </c>
      <c r="AQ19" s="25">
        <v>0</v>
      </c>
      <c r="AR19" s="25">
        <v>0</v>
      </c>
      <c r="AS19" s="28">
        <v>0</v>
      </c>
      <c r="AT19" s="29">
        <v>0</v>
      </c>
      <c r="AU19" s="24">
        <v>0</v>
      </c>
      <c r="AV19" s="25">
        <v>0</v>
      </c>
      <c r="AW19" s="26">
        <v>0</v>
      </c>
      <c r="AX19" s="403">
        <v>0</v>
      </c>
      <c r="AY19" s="25">
        <v>0</v>
      </c>
      <c r="AZ19" s="25">
        <v>0</v>
      </c>
      <c r="BA19" s="25">
        <v>2635</v>
      </c>
      <c r="BB19" s="25">
        <v>76260</v>
      </c>
      <c r="BC19" s="25">
        <v>31815</v>
      </c>
      <c r="BD19" s="28">
        <v>110710</v>
      </c>
      <c r="BE19" s="29">
        <v>110710</v>
      </c>
      <c r="BF19" s="24">
        <v>0</v>
      </c>
      <c r="BG19" s="25">
        <v>0</v>
      </c>
      <c r="BH19" s="26">
        <v>0</v>
      </c>
      <c r="BI19" s="403">
        <v>0</v>
      </c>
      <c r="BJ19" s="25">
        <v>0</v>
      </c>
      <c r="BK19" s="25">
        <v>27280</v>
      </c>
      <c r="BL19" s="25">
        <v>54560</v>
      </c>
      <c r="BM19" s="25">
        <v>40610</v>
      </c>
      <c r="BN19" s="25">
        <v>79500</v>
      </c>
      <c r="BO19" s="28">
        <v>201950</v>
      </c>
      <c r="BP19" s="29">
        <v>201950</v>
      </c>
      <c r="BQ19" s="24">
        <v>0</v>
      </c>
      <c r="BR19" s="25">
        <v>390</v>
      </c>
      <c r="BS19" s="26">
        <v>390</v>
      </c>
      <c r="BT19" s="27">
        <v>0</v>
      </c>
      <c r="BU19" s="25">
        <v>50587</v>
      </c>
      <c r="BV19" s="25">
        <v>59280</v>
      </c>
      <c r="BW19" s="25">
        <v>53676</v>
      </c>
      <c r="BX19" s="25">
        <v>103218</v>
      </c>
      <c r="BY19" s="25">
        <v>52890</v>
      </c>
      <c r="BZ19" s="28">
        <v>319651</v>
      </c>
      <c r="CA19" s="29">
        <v>320041</v>
      </c>
      <c r="CB19" s="24">
        <v>0</v>
      </c>
      <c r="CC19" s="25">
        <v>0</v>
      </c>
      <c r="CD19" s="26">
        <v>0</v>
      </c>
      <c r="CE19" s="27">
        <v>0</v>
      </c>
      <c r="CF19" s="25">
        <v>0</v>
      </c>
      <c r="CG19" s="25">
        <v>0</v>
      </c>
      <c r="CH19" s="25">
        <v>0</v>
      </c>
      <c r="CI19" s="25">
        <v>0</v>
      </c>
      <c r="CJ19" s="25">
        <v>0</v>
      </c>
      <c r="CK19" s="28">
        <v>0</v>
      </c>
      <c r="CL19" s="29">
        <v>0</v>
      </c>
      <c r="CM19" s="24">
        <v>0</v>
      </c>
      <c r="CN19" s="25">
        <v>0</v>
      </c>
      <c r="CO19" s="26">
        <v>0</v>
      </c>
      <c r="CP19" s="27">
        <v>0</v>
      </c>
      <c r="CQ19" s="25">
        <v>0</v>
      </c>
      <c r="CR19" s="25">
        <v>0</v>
      </c>
      <c r="CS19" s="25">
        <v>0</v>
      </c>
      <c r="CT19" s="25">
        <v>0</v>
      </c>
      <c r="CU19" s="25">
        <v>0</v>
      </c>
      <c r="CV19" s="28">
        <v>0</v>
      </c>
      <c r="CW19" s="29">
        <v>0</v>
      </c>
      <c r="CX19" s="24">
        <v>0</v>
      </c>
      <c r="CY19" s="25">
        <v>0</v>
      </c>
      <c r="CZ19" s="26">
        <v>0</v>
      </c>
      <c r="DA19" s="403">
        <v>0</v>
      </c>
      <c r="DB19" s="25">
        <v>0</v>
      </c>
      <c r="DC19" s="25">
        <v>0</v>
      </c>
      <c r="DD19" s="25">
        <v>0</v>
      </c>
      <c r="DE19" s="25">
        <v>0</v>
      </c>
      <c r="DF19" s="25">
        <v>0</v>
      </c>
      <c r="DG19" s="28">
        <v>0</v>
      </c>
      <c r="DH19" s="29">
        <v>0</v>
      </c>
      <c r="DI19" s="24">
        <v>0</v>
      </c>
      <c r="DJ19" s="25">
        <v>1404</v>
      </c>
      <c r="DK19" s="26">
        <v>1404</v>
      </c>
      <c r="DL19" s="27">
        <v>0</v>
      </c>
      <c r="DM19" s="25">
        <v>290410</v>
      </c>
      <c r="DN19" s="25">
        <v>553130</v>
      </c>
      <c r="DO19" s="25">
        <v>3151745</v>
      </c>
      <c r="DP19" s="25">
        <v>3861582</v>
      </c>
      <c r="DQ19" s="25">
        <v>2087967</v>
      </c>
      <c r="DR19" s="28">
        <v>9944834</v>
      </c>
      <c r="DS19" s="30">
        <v>9946238</v>
      </c>
      <c r="DT19" s="24">
        <v>0</v>
      </c>
      <c r="DU19" s="25">
        <v>0</v>
      </c>
      <c r="DV19" s="26">
        <v>0</v>
      </c>
      <c r="DW19" s="403">
        <v>0</v>
      </c>
      <c r="DX19" s="25">
        <v>76477</v>
      </c>
      <c r="DY19" s="25">
        <v>203732</v>
      </c>
      <c r="DZ19" s="25">
        <v>2594753</v>
      </c>
      <c r="EA19" s="25">
        <v>3343864</v>
      </c>
      <c r="EB19" s="25">
        <v>1842652</v>
      </c>
      <c r="EC19" s="28">
        <v>8061478</v>
      </c>
      <c r="ED19" s="29">
        <v>8061478</v>
      </c>
      <c r="EE19" s="24">
        <v>0</v>
      </c>
      <c r="EF19" s="25">
        <v>0</v>
      </c>
      <c r="EG19" s="26">
        <v>0</v>
      </c>
      <c r="EH19" s="403">
        <v>0</v>
      </c>
      <c r="EI19" s="25">
        <v>148130</v>
      </c>
      <c r="EJ19" s="25">
        <v>195344</v>
      </c>
      <c r="EK19" s="25">
        <v>346881</v>
      </c>
      <c r="EL19" s="25">
        <v>240158</v>
      </c>
      <c r="EM19" s="25">
        <v>47000</v>
      </c>
      <c r="EN19" s="28">
        <v>977513</v>
      </c>
      <c r="EO19" s="29">
        <v>977513</v>
      </c>
      <c r="EP19" s="24">
        <v>0</v>
      </c>
      <c r="EQ19" s="25">
        <v>0</v>
      </c>
      <c r="ER19" s="26">
        <v>0</v>
      </c>
      <c r="ES19" s="403">
        <v>0</v>
      </c>
      <c r="ET19" s="25">
        <v>0</v>
      </c>
      <c r="EU19" s="25">
        <v>0</v>
      </c>
      <c r="EV19" s="25">
        <v>0</v>
      </c>
      <c r="EW19" s="25">
        <v>0</v>
      </c>
      <c r="EX19" s="25">
        <v>0</v>
      </c>
      <c r="EY19" s="28">
        <v>0</v>
      </c>
      <c r="EZ19" s="29">
        <v>0</v>
      </c>
      <c r="FA19" s="24">
        <v>0</v>
      </c>
      <c r="FB19" s="25">
        <v>0</v>
      </c>
      <c r="FC19" s="26">
        <v>0</v>
      </c>
      <c r="FD19" s="403">
        <v>0</v>
      </c>
      <c r="FE19" s="25">
        <v>0</v>
      </c>
      <c r="FF19" s="25">
        <v>0</v>
      </c>
      <c r="FG19" s="25">
        <v>217</v>
      </c>
      <c r="FH19" s="25">
        <v>23808</v>
      </c>
      <c r="FI19" s="25">
        <v>819</v>
      </c>
      <c r="FJ19" s="28">
        <v>24844</v>
      </c>
      <c r="FK19" s="29">
        <v>24844</v>
      </c>
      <c r="FL19" s="24">
        <v>0</v>
      </c>
      <c r="FM19" s="25">
        <v>0</v>
      </c>
      <c r="FN19" s="26">
        <v>0</v>
      </c>
      <c r="FO19" s="403">
        <v>0</v>
      </c>
      <c r="FP19" s="25">
        <v>0</v>
      </c>
      <c r="FQ19" s="25">
        <v>43152</v>
      </c>
      <c r="FR19" s="25">
        <v>86304</v>
      </c>
      <c r="FS19" s="25">
        <v>101494</v>
      </c>
      <c r="FT19" s="25">
        <v>126400</v>
      </c>
      <c r="FU19" s="28">
        <v>357350</v>
      </c>
      <c r="FV19" s="29">
        <v>357350</v>
      </c>
      <c r="FW19" s="24">
        <v>0</v>
      </c>
      <c r="FX19" s="25">
        <v>1404</v>
      </c>
      <c r="FY19" s="26">
        <v>1404</v>
      </c>
      <c r="FZ19" s="27">
        <v>0</v>
      </c>
      <c r="GA19" s="25">
        <v>65803</v>
      </c>
      <c r="GB19" s="25">
        <v>110902</v>
      </c>
      <c r="GC19" s="25">
        <v>123590</v>
      </c>
      <c r="GD19" s="25">
        <v>152258</v>
      </c>
      <c r="GE19" s="25">
        <v>71096</v>
      </c>
      <c r="GF19" s="28">
        <v>523649</v>
      </c>
      <c r="GG19" s="29">
        <v>525053</v>
      </c>
      <c r="GH19" s="24">
        <v>0</v>
      </c>
      <c r="GI19" s="25">
        <v>0</v>
      </c>
      <c r="GJ19" s="26">
        <v>0</v>
      </c>
      <c r="GK19" s="27">
        <v>0</v>
      </c>
      <c r="GL19" s="25">
        <v>0</v>
      </c>
      <c r="GM19" s="25">
        <v>0</v>
      </c>
      <c r="GN19" s="25">
        <v>0</v>
      </c>
      <c r="GO19" s="25">
        <v>0</v>
      </c>
      <c r="GP19" s="25">
        <v>0</v>
      </c>
      <c r="GQ19" s="28">
        <v>0</v>
      </c>
      <c r="GR19" s="29">
        <v>0</v>
      </c>
      <c r="GS19" s="24">
        <v>0</v>
      </c>
      <c r="GT19" s="25">
        <v>0</v>
      </c>
      <c r="GU19" s="26">
        <v>0</v>
      </c>
      <c r="GV19" s="27">
        <v>0</v>
      </c>
      <c r="GW19" s="25">
        <v>0</v>
      </c>
      <c r="GX19" s="25">
        <v>0</v>
      </c>
      <c r="GY19" s="25">
        <v>0</v>
      </c>
      <c r="GZ19" s="25">
        <v>0</v>
      </c>
      <c r="HA19" s="25">
        <v>0</v>
      </c>
      <c r="HB19" s="28">
        <v>0</v>
      </c>
      <c r="HC19" s="29">
        <v>0</v>
      </c>
      <c r="HD19" s="24">
        <v>0</v>
      </c>
      <c r="HE19" s="25">
        <v>0</v>
      </c>
      <c r="HF19" s="26">
        <v>0</v>
      </c>
      <c r="HG19" s="403">
        <v>0</v>
      </c>
      <c r="HH19" s="25">
        <v>0</v>
      </c>
      <c r="HI19" s="25">
        <v>0</v>
      </c>
      <c r="HJ19" s="25">
        <v>0</v>
      </c>
      <c r="HK19" s="25">
        <v>0</v>
      </c>
      <c r="HL19" s="25">
        <v>0</v>
      </c>
      <c r="HM19" s="28">
        <v>0</v>
      </c>
      <c r="HN19" s="29">
        <v>0</v>
      </c>
      <c r="HO19" s="24">
        <v>0</v>
      </c>
      <c r="HP19" s="25">
        <v>1794</v>
      </c>
      <c r="HQ19" s="26">
        <v>1794</v>
      </c>
      <c r="HR19" s="27">
        <v>0</v>
      </c>
      <c r="HS19" s="25">
        <v>706525</v>
      </c>
      <c r="HT19" s="25">
        <v>1374340</v>
      </c>
      <c r="HU19" s="25">
        <v>6006784</v>
      </c>
      <c r="HV19" s="25">
        <v>7329752</v>
      </c>
      <c r="HW19" s="25">
        <v>3948957</v>
      </c>
      <c r="HX19" s="28">
        <v>19366358</v>
      </c>
      <c r="HY19" s="29">
        <v>19368152</v>
      </c>
    </row>
    <row r="20" spans="2:233" ht="21" customHeight="1" x14ac:dyDescent="0.2">
      <c r="B20" s="106" t="s">
        <v>17</v>
      </c>
      <c r="C20" s="24">
        <v>3435</v>
      </c>
      <c r="D20" s="25">
        <v>0</v>
      </c>
      <c r="E20" s="26">
        <v>3435</v>
      </c>
      <c r="F20" s="27">
        <v>0</v>
      </c>
      <c r="G20" s="25">
        <v>224955</v>
      </c>
      <c r="H20" s="25">
        <v>1279896</v>
      </c>
      <c r="I20" s="25">
        <v>2569580</v>
      </c>
      <c r="J20" s="25">
        <v>3556225</v>
      </c>
      <c r="K20" s="25">
        <v>2573500</v>
      </c>
      <c r="L20" s="28">
        <v>10204156</v>
      </c>
      <c r="M20" s="29">
        <v>10207591</v>
      </c>
      <c r="N20" s="24">
        <v>0</v>
      </c>
      <c r="O20" s="25">
        <v>0</v>
      </c>
      <c r="P20" s="26">
        <v>0</v>
      </c>
      <c r="Q20" s="403">
        <v>0</v>
      </c>
      <c r="R20" s="25">
        <v>58695</v>
      </c>
      <c r="S20" s="25">
        <v>190760</v>
      </c>
      <c r="T20" s="25">
        <v>1488195</v>
      </c>
      <c r="U20" s="25">
        <v>2271285</v>
      </c>
      <c r="V20" s="25">
        <v>1941805</v>
      </c>
      <c r="W20" s="28">
        <v>5950740</v>
      </c>
      <c r="X20" s="29">
        <v>5950740</v>
      </c>
      <c r="Y20" s="24">
        <v>0</v>
      </c>
      <c r="Z20" s="25">
        <v>0</v>
      </c>
      <c r="AA20" s="26">
        <v>0</v>
      </c>
      <c r="AB20" s="403">
        <v>0</v>
      </c>
      <c r="AC20" s="25">
        <v>144175</v>
      </c>
      <c r="AD20" s="25">
        <v>996326</v>
      </c>
      <c r="AE20" s="25">
        <v>703435</v>
      </c>
      <c r="AF20" s="25">
        <v>773815</v>
      </c>
      <c r="AG20" s="25">
        <v>296805</v>
      </c>
      <c r="AH20" s="28">
        <v>2914556</v>
      </c>
      <c r="AI20" s="29">
        <v>2914556</v>
      </c>
      <c r="AJ20" s="24">
        <v>0</v>
      </c>
      <c r="AK20" s="25">
        <v>0</v>
      </c>
      <c r="AL20" s="26">
        <v>0</v>
      </c>
      <c r="AM20" s="403">
        <v>0</v>
      </c>
      <c r="AN20" s="25">
        <v>0</v>
      </c>
      <c r="AO20" s="25">
        <v>0</v>
      </c>
      <c r="AP20" s="25">
        <v>0</v>
      </c>
      <c r="AQ20" s="25">
        <v>0</v>
      </c>
      <c r="AR20" s="25">
        <v>2635</v>
      </c>
      <c r="AS20" s="28">
        <v>2635</v>
      </c>
      <c r="AT20" s="29">
        <v>2635</v>
      </c>
      <c r="AU20" s="24">
        <v>0</v>
      </c>
      <c r="AV20" s="25">
        <v>0</v>
      </c>
      <c r="AW20" s="26">
        <v>0</v>
      </c>
      <c r="AX20" s="403">
        <v>0</v>
      </c>
      <c r="AY20" s="25">
        <v>0</v>
      </c>
      <c r="AZ20" s="25">
        <v>0</v>
      </c>
      <c r="BA20" s="25">
        <v>0</v>
      </c>
      <c r="BB20" s="25">
        <v>2635</v>
      </c>
      <c r="BC20" s="25">
        <v>90055</v>
      </c>
      <c r="BD20" s="28">
        <v>92690</v>
      </c>
      <c r="BE20" s="29">
        <v>92690</v>
      </c>
      <c r="BF20" s="24">
        <v>0</v>
      </c>
      <c r="BG20" s="25">
        <v>0</v>
      </c>
      <c r="BH20" s="26">
        <v>0</v>
      </c>
      <c r="BI20" s="403">
        <v>0</v>
      </c>
      <c r="BJ20" s="25">
        <v>0</v>
      </c>
      <c r="BK20" s="25">
        <v>0</v>
      </c>
      <c r="BL20" s="25">
        <v>212040</v>
      </c>
      <c r="BM20" s="25">
        <v>244280</v>
      </c>
      <c r="BN20" s="25">
        <v>194830</v>
      </c>
      <c r="BO20" s="28">
        <v>651150</v>
      </c>
      <c r="BP20" s="29">
        <v>651150</v>
      </c>
      <c r="BQ20" s="24">
        <v>3435</v>
      </c>
      <c r="BR20" s="25">
        <v>0</v>
      </c>
      <c r="BS20" s="26">
        <v>3435</v>
      </c>
      <c r="BT20" s="27">
        <v>0</v>
      </c>
      <c r="BU20" s="25">
        <v>10400</v>
      </c>
      <c r="BV20" s="25">
        <v>89715</v>
      </c>
      <c r="BW20" s="25">
        <v>165910</v>
      </c>
      <c r="BX20" s="25">
        <v>243195</v>
      </c>
      <c r="BY20" s="25">
        <v>26380</v>
      </c>
      <c r="BZ20" s="28">
        <v>535600</v>
      </c>
      <c r="CA20" s="29">
        <v>539035</v>
      </c>
      <c r="CB20" s="24">
        <v>0</v>
      </c>
      <c r="CC20" s="25">
        <v>0</v>
      </c>
      <c r="CD20" s="26">
        <v>0</v>
      </c>
      <c r="CE20" s="27">
        <v>0</v>
      </c>
      <c r="CF20" s="25">
        <v>11685</v>
      </c>
      <c r="CG20" s="25">
        <v>3095</v>
      </c>
      <c r="CH20" s="25">
        <v>0</v>
      </c>
      <c r="CI20" s="25">
        <v>21015</v>
      </c>
      <c r="CJ20" s="25">
        <v>20990</v>
      </c>
      <c r="CK20" s="28">
        <v>56785</v>
      </c>
      <c r="CL20" s="29">
        <v>56785</v>
      </c>
      <c r="CM20" s="24">
        <v>0</v>
      </c>
      <c r="CN20" s="25">
        <v>0</v>
      </c>
      <c r="CO20" s="26">
        <v>0</v>
      </c>
      <c r="CP20" s="27">
        <v>0</v>
      </c>
      <c r="CQ20" s="25">
        <v>0</v>
      </c>
      <c r="CR20" s="25">
        <v>0</v>
      </c>
      <c r="CS20" s="25">
        <v>0</v>
      </c>
      <c r="CT20" s="25">
        <v>0</v>
      </c>
      <c r="CU20" s="25">
        <v>0</v>
      </c>
      <c r="CV20" s="28">
        <v>0</v>
      </c>
      <c r="CW20" s="29">
        <v>0</v>
      </c>
      <c r="CX20" s="24">
        <v>0</v>
      </c>
      <c r="CY20" s="25">
        <v>0</v>
      </c>
      <c r="CZ20" s="26">
        <v>0</v>
      </c>
      <c r="DA20" s="403">
        <v>0</v>
      </c>
      <c r="DB20" s="25">
        <v>0</v>
      </c>
      <c r="DC20" s="25">
        <v>0</v>
      </c>
      <c r="DD20" s="25">
        <v>0</v>
      </c>
      <c r="DE20" s="25">
        <v>0</v>
      </c>
      <c r="DF20" s="25">
        <v>0</v>
      </c>
      <c r="DG20" s="28">
        <v>0</v>
      </c>
      <c r="DH20" s="29">
        <v>0</v>
      </c>
      <c r="DI20" s="24">
        <v>3558</v>
      </c>
      <c r="DJ20" s="25">
        <v>0</v>
      </c>
      <c r="DK20" s="26">
        <v>3558</v>
      </c>
      <c r="DL20" s="27">
        <v>0</v>
      </c>
      <c r="DM20" s="25">
        <v>76985</v>
      </c>
      <c r="DN20" s="25">
        <v>440244</v>
      </c>
      <c r="DO20" s="25">
        <v>2678359</v>
      </c>
      <c r="DP20" s="25">
        <v>3868166</v>
      </c>
      <c r="DQ20" s="25">
        <v>2582431</v>
      </c>
      <c r="DR20" s="28">
        <v>9646185</v>
      </c>
      <c r="DS20" s="30">
        <v>9649743</v>
      </c>
      <c r="DT20" s="24">
        <v>0</v>
      </c>
      <c r="DU20" s="25">
        <v>0</v>
      </c>
      <c r="DV20" s="26">
        <v>0</v>
      </c>
      <c r="DW20" s="403">
        <v>0</v>
      </c>
      <c r="DX20" s="25">
        <v>44640</v>
      </c>
      <c r="DY20" s="25">
        <v>248011</v>
      </c>
      <c r="DZ20" s="25">
        <v>2043245</v>
      </c>
      <c r="EA20" s="25">
        <v>3127397</v>
      </c>
      <c r="EB20" s="25">
        <v>2198159</v>
      </c>
      <c r="EC20" s="28">
        <v>7661452</v>
      </c>
      <c r="ED20" s="29">
        <v>7661452</v>
      </c>
      <c r="EE20" s="24">
        <v>0</v>
      </c>
      <c r="EF20" s="25">
        <v>0</v>
      </c>
      <c r="EG20" s="26">
        <v>0</v>
      </c>
      <c r="EH20" s="403">
        <v>0</v>
      </c>
      <c r="EI20" s="25">
        <v>10561</v>
      </c>
      <c r="EJ20" s="25">
        <v>48839</v>
      </c>
      <c r="EK20" s="25">
        <v>79868</v>
      </c>
      <c r="EL20" s="25">
        <v>47516</v>
      </c>
      <c r="EM20" s="25">
        <v>5285</v>
      </c>
      <c r="EN20" s="28">
        <v>192069</v>
      </c>
      <c r="EO20" s="29">
        <v>192069</v>
      </c>
      <c r="EP20" s="24">
        <v>0</v>
      </c>
      <c r="EQ20" s="25">
        <v>0</v>
      </c>
      <c r="ER20" s="26">
        <v>0</v>
      </c>
      <c r="ES20" s="403">
        <v>0</v>
      </c>
      <c r="ET20" s="25">
        <v>0</v>
      </c>
      <c r="EU20" s="25">
        <v>0</v>
      </c>
      <c r="EV20" s="25">
        <v>0</v>
      </c>
      <c r="EW20" s="25">
        <v>0</v>
      </c>
      <c r="EX20" s="25">
        <v>217</v>
      </c>
      <c r="EY20" s="28">
        <v>217</v>
      </c>
      <c r="EZ20" s="29">
        <v>217</v>
      </c>
      <c r="FA20" s="24">
        <v>0</v>
      </c>
      <c r="FB20" s="25">
        <v>0</v>
      </c>
      <c r="FC20" s="26">
        <v>0</v>
      </c>
      <c r="FD20" s="403">
        <v>0</v>
      </c>
      <c r="FE20" s="25">
        <v>0</v>
      </c>
      <c r="FF20" s="25">
        <v>0</v>
      </c>
      <c r="FG20" s="25">
        <v>0</v>
      </c>
      <c r="FH20" s="25">
        <v>217</v>
      </c>
      <c r="FI20" s="25">
        <v>651</v>
      </c>
      <c r="FJ20" s="28">
        <v>868</v>
      </c>
      <c r="FK20" s="29">
        <v>868</v>
      </c>
      <c r="FL20" s="24">
        <v>0</v>
      </c>
      <c r="FM20" s="25">
        <v>0</v>
      </c>
      <c r="FN20" s="26">
        <v>0</v>
      </c>
      <c r="FO20" s="403">
        <v>0</v>
      </c>
      <c r="FP20" s="25">
        <v>0</v>
      </c>
      <c r="FQ20" s="25">
        <v>0</v>
      </c>
      <c r="FR20" s="25">
        <v>351168</v>
      </c>
      <c r="FS20" s="25">
        <v>411060</v>
      </c>
      <c r="FT20" s="25">
        <v>317860</v>
      </c>
      <c r="FU20" s="28">
        <v>1080088</v>
      </c>
      <c r="FV20" s="29">
        <v>1080088</v>
      </c>
      <c r="FW20" s="24">
        <v>3558</v>
      </c>
      <c r="FX20" s="25">
        <v>0</v>
      </c>
      <c r="FY20" s="26">
        <v>3558</v>
      </c>
      <c r="FZ20" s="27">
        <v>0</v>
      </c>
      <c r="GA20" s="25">
        <v>21679</v>
      </c>
      <c r="GB20" s="25">
        <v>143303</v>
      </c>
      <c r="GC20" s="25">
        <v>204064</v>
      </c>
      <c r="GD20" s="25">
        <v>279657</v>
      </c>
      <c r="GE20" s="25">
        <v>50590</v>
      </c>
      <c r="GF20" s="28">
        <v>699293</v>
      </c>
      <c r="GG20" s="29">
        <v>702851</v>
      </c>
      <c r="GH20" s="24">
        <v>0</v>
      </c>
      <c r="GI20" s="25">
        <v>0</v>
      </c>
      <c r="GJ20" s="26">
        <v>0</v>
      </c>
      <c r="GK20" s="27">
        <v>0</v>
      </c>
      <c r="GL20" s="25">
        <v>105</v>
      </c>
      <c r="GM20" s="25">
        <v>91</v>
      </c>
      <c r="GN20" s="25">
        <v>14</v>
      </c>
      <c r="GO20" s="25">
        <v>2319</v>
      </c>
      <c r="GP20" s="25">
        <v>9669</v>
      </c>
      <c r="GQ20" s="28">
        <v>12198</v>
      </c>
      <c r="GR20" s="29">
        <v>12198</v>
      </c>
      <c r="GS20" s="24">
        <v>0</v>
      </c>
      <c r="GT20" s="25">
        <v>0</v>
      </c>
      <c r="GU20" s="26">
        <v>0</v>
      </c>
      <c r="GV20" s="27">
        <v>0</v>
      </c>
      <c r="GW20" s="25">
        <v>0</v>
      </c>
      <c r="GX20" s="25">
        <v>0</v>
      </c>
      <c r="GY20" s="25">
        <v>0</v>
      </c>
      <c r="GZ20" s="25">
        <v>0</v>
      </c>
      <c r="HA20" s="25">
        <v>0</v>
      </c>
      <c r="HB20" s="28">
        <v>0</v>
      </c>
      <c r="HC20" s="29">
        <v>0</v>
      </c>
      <c r="HD20" s="24">
        <v>0</v>
      </c>
      <c r="HE20" s="25">
        <v>0</v>
      </c>
      <c r="HF20" s="26">
        <v>0</v>
      </c>
      <c r="HG20" s="403">
        <v>0</v>
      </c>
      <c r="HH20" s="25">
        <v>0</v>
      </c>
      <c r="HI20" s="25">
        <v>0</v>
      </c>
      <c r="HJ20" s="25">
        <v>0</v>
      </c>
      <c r="HK20" s="25">
        <v>0</v>
      </c>
      <c r="HL20" s="25">
        <v>0</v>
      </c>
      <c r="HM20" s="28">
        <v>0</v>
      </c>
      <c r="HN20" s="29">
        <v>0</v>
      </c>
      <c r="HO20" s="24">
        <v>6993</v>
      </c>
      <c r="HP20" s="25">
        <v>0</v>
      </c>
      <c r="HQ20" s="26">
        <v>6993</v>
      </c>
      <c r="HR20" s="27">
        <v>0</v>
      </c>
      <c r="HS20" s="25">
        <v>301940</v>
      </c>
      <c r="HT20" s="25">
        <v>1720140</v>
      </c>
      <c r="HU20" s="25">
        <v>5247939</v>
      </c>
      <c r="HV20" s="25">
        <v>7424391</v>
      </c>
      <c r="HW20" s="25">
        <v>5155931</v>
      </c>
      <c r="HX20" s="28">
        <v>19850341</v>
      </c>
      <c r="HY20" s="29">
        <v>19857334</v>
      </c>
    </row>
    <row r="21" spans="2:233" ht="21" customHeight="1" x14ac:dyDescent="0.2">
      <c r="B21" s="106" t="s">
        <v>18</v>
      </c>
      <c r="C21" s="24">
        <v>0</v>
      </c>
      <c r="D21" s="25">
        <v>145</v>
      </c>
      <c r="E21" s="26">
        <v>145</v>
      </c>
      <c r="F21" s="27">
        <v>0</v>
      </c>
      <c r="G21" s="25">
        <v>216745</v>
      </c>
      <c r="H21" s="25">
        <v>680675</v>
      </c>
      <c r="I21" s="25">
        <v>2162179</v>
      </c>
      <c r="J21" s="25">
        <v>3642918</v>
      </c>
      <c r="K21" s="25">
        <v>2307695</v>
      </c>
      <c r="L21" s="28">
        <v>9010212</v>
      </c>
      <c r="M21" s="29">
        <v>9010357</v>
      </c>
      <c r="N21" s="24">
        <v>0</v>
      </c>
      <c r="O21" s="25">
        <v>0</v>
      </c>
      <c r="P21" s="26">
        <v>0</v>
      </c>
      <c r="Q21" s="403">
        <v>0</v>
      </c>
      <c r="R21" s="25">
        <v>25265</v>
      </c>
      <c r="S21" s="25">
        <v>88115</v>
      </c>
      <c r="T21" s="25">
        <v>1344424</v>
      </c>
      <c r="U21" s="25">
        <v>2782523</v>
      </c>
      <c r="V21" s="25">
        <v>1925640</v>
      </c>
      <c r="W21" s="28">
        <v>6165967</v>
      </c>
      <c r="X21" s="29">
        <v>6165967</v>
      </c>
      <c r="Y21" s="24">
        <v>0</v>
      </c>
      <c r="Z21" s="25">
        <v>0</v>
      </c>
      <c r="AA21" s="26">
        <v>0</v>
      </c>
      <c r="AB21" s="403">
        <v>0</v>
      </c>
      <c r="AC21" s="25">
        <v>161610</v>
      </c>
      <c r="AD21" s="25">
        <v>522305</v>
      </c>
      <c r="AE21" s="25">
        <v>463485</v>
      </c>
      <c r="AF21" s="25">
        <v>403000</v>
      </c>
      <c r="AG21" s="25">
        <v>237850</v>
      </c>
      <c r="AH21" s="28">
        <v>1788250</v>
      </c>
      <c r="AI21" s="29">
        <v>1788250</v>
      </c>
      <c r="AJ21" s="24">
        <v>0</v>
      </c>
      <c r="AK21" s="25">
        <v>0</v>
      </c>
      <c r="AL21" s="26">
        <v>0</v>
      </c>
      <c r="AM21" s="403">
        <v>0</v>
      </c>
      <c r="AN21" s="25">
        <v>0</v>
      </c>
      <c r="AO21" s="25">
        <v>0</v>
      </c>
      <c r="AP21" s="25">
        <v>0</v>
      </c>
      <c r="AQ21" s="25">
        <v>0</v>
      </c>
      <c r="AR21" s="25">
        <v>0</v>
      </c>
      <c r="AS21" s="28">
        <v>0</v>
      </c>
      <c r="AT21" s="29">
        <v>0</v>
      </c>
      <c r="AU21" s="24">
        <v>0</v>
      </c>
      <c r="AV21" s="25">
        <v>0</v>
      </c>
      <c r="AW21" s="26">
        <v>0</v>
      </c>
      <c r="AX21" s="403">
        <v>0</v>
      </c>
      <c r="AY21" s="25">
        <v>0</v>
      </c>
      <c r="AZ21" s="25">
        <v>0</v>
      </c>
      <c r="BA21" s="25">
        <v>0</v>
      </c>
      <c r="BB21" s="25">
        <v>32550</v>
      </c>
      <c r="BC21" s="25">
        <v>59985</v>
      </c>
      <c r="BD21" s="28">
        <v>92535</v>
      </c>
      <c r="BE21" s="29">
        <v>92535</v>
      </c>
      <c r="BF21" s="24">
        <v>0</v>
      </c>
      <c r="BG21" s="25">
        <v>0</v>
      </c>
      <c r="BH21" s="26">
        <v>0</v>
      </c>
      <c r="BI21" s="403">
        <v>0</v>
      </c>
      <c r="BJ21" s="25">
        <v>0</v>
      </c>
      <c r="BK21" s="25">
        <v>2550</v>
      </c>
      <c r="BL21" s="25">
        <v>35340</v>
      </c>
      <c r="BM21" s="25">
        <v>100030</v>
      </c>
      <c r="BN21" s="25">
        <v>37975</v>
      </c>
      <c r="BO21" s="28">
        <v>175895</v>
      </c>
      <c r="BP21" s="29">
        <v>175895</v>
      </c>
      <c r="BQ21" s="24">
        <v>0</v>
      </c>
      <c r="BR21" s="25">
        <v>145</v>
      </c>
      <c r="BS21" s="26">
        <v>145</v>
      </c>
      <c r="BT21" s="27">
        <v>0</v>
      </c>
      <c r="BU21" s="25">
        <v>28180</v>
      </c>
      <c r="BV21" s="25">
        <v>67705</v>
      </c>
      <c r="BW21" s="25">
        <v>317640</v>
      </c>
      <c r="BX21" s="25">
        <v>314260</v>
      </c>
      <c r="BY21" s="25">
        <v>46245</v>
      </c>
      <c r="BZ21" s="28">
        <v>774030</v>
      </c>
      <c r="CA21" s="29">
        <v>774175</v>
      </c>
      <c r="CB21" s="24">
        <v>0</v>
      </c>
      <c r="CC21" s="25">
        <v>0</v>
      </c>
      <c r="CD21" s="26">
        <v>0</v>
      </c>
      <c r="CE21" s="27">
        <v>0</v>
      </c>
      <c r="CF21" s="25">
        <v>1690</v>
      </c>
      <c r="CG21" s="25">
        <v>0</v>
      </c>
      <c r="CH21" s="25">
        <v>1290</v>
      </c>
      <c r="CI21" s="25">
        <v>10555</v>
      </c>
      <c r="CJ21" s="25">
        <v>0</v>
      </c>
      <c r="CK21" s="28">
        <v>13535</v>
      </c>
      <c r="CL21" s="29">
        <v>13535</v>
      </c>
      <c r="CM21" s="24">
        <v>0</v>
      </c>
      <c r="CN21" s="25">
        <v>0</v>
      </c>
      <c r="CO21" s="26">
        <v>0</v>
      </c>
      <c r="CP21" s="27">
        <v>0</v>
      </c>
      <c r="CQ21" s="25">
        <v>0</v>
      </c>
      <c r="CR21" s="25">
        <v>0</v>
      </c>
      <c r="CS21" s="25">
        <v>0</v>
      </c>
      <c r="CT21" s="25">
        <v>0</v>
      </c>
      <c r="CU21" s="25">
        <v>0</v>
      </c>
      <c r="CV21" s="28">
        <v>0</v>
      </c>
      <c r="CW21" s="29">
        <v>0</v>
      </c>
      <c r="CX21" s="24">
        <v>0</v>
      </c>
      <c r="CY21" s="25">
        <v>0</v>
      </c>
      <c r="CZ21" s="26">
        <v>0</v>
      </c>
      <c r="DA21" s="403">
        <v>0</v>
      </c>
      <c r="DB21" s="25">
        <v>0</v>
      </c>
      <c r="DC21" s="25">
        <v>0</v>
      </c>
      <c r="DD21" s="25">
        <v>0</v>
      </c>
      <c r="DE21" s="25">
        <v>0</v>
      </c>
      <c r="DF21" s="25">
        <v>0</v>
      </c>
      <c r="DG21" s="28">
        <v>0</v>
      </c>
      <c r="DH21" s="29">
        <v>0</v>
      </c>
      <c r="DI21" s="24">
        <v>0</v>
      </c>
      <c r="DJ21" s="25">
        <v>4176</v>
      </c>
      <c r="DK21" s="26">
        <v>4176</v>
      </c>
      <c r="DL21" s="27">
        <v>0</v>
      </c>
      <c r="DM21" s="25">
        <v>159025</v>
      </c>
      <c r="DN21" s="25">
        <v>389388</v>
      </c>
      <c r="DO21" s="25">
        <v>2745531</v>
      </c>
      <c r="DP21" s="25">
        <v>4447061</v>
      </c>
      <c r="DQ21" s="25">
        <v>2709435</v>
      </c>
      <c r="DR21" s="28">
        <v>10450440</v>
      </c>
      <c r="DS21" s="30">
        <v>10454616</v>
      </c>
      <c r="DT21" s="24">
        <v>0</v>
      </c>
      <c r="DU21" s="25">
        <v>0</v>
      </c>
      <c r="DV21" s="26">
        <v>0</v>
      </c>
      <c r="DW21" s="403">
        <v>0</v>
      </c>
      <c r="DX21" s="25">
        <v>42036</v>
      </c>
      <c r="DY21" s="25">
        <v>163990</v>
      </c>
      <c r="DZ21" s="25">
        <v>2083712</v>
      </c>
      <c r="EA21" s="25">
        <v>3692595</v>
      </c>
      <c r="EB21" s="25">
        <v>2490316</v>
      </c>
      <c r="EC21" s="28">
        <v>8472649</v>
      </c>
      <c r="ED21" s="29">
        <v>8472649</v>
      </c>
      <c r="EE21" s="24">
        <v>0</v>
      </c>
      <c r="EF21" s="25">
        <v>0</v>
      </c>
      <c r="EG21" s="26">
        <v>0</v>
      </c>
      <c r="EH21" s="403">
        <v>0</v>
      </c>
      <c r="EI21" s="25">
        <v>37407</v>
      </c>
      <c r="EJ21" s="25">
        <v>83881</v>
      </c>
      <c r="EK21" s="25">
        <v>141576</v>
      </c>
      <c r="EL21" s="25">
        <v>39038</v>
      </c>
      <c r="EM21" s="25">
        <v>7737</v>
      </c>
      <c r="EN21" s="28">
        <v>309639</v>
      </c>
      <c r="EO21" s="29">
        <v>309639</v>
      </c>
      <c r="EP21" s="24">
        <v>0</v>
      </c>
      <c r="EQ21" s="25">
        <v>0</v>
      </c>
      <c r="ER21" s="26">
        <v>0</v>
      </c>
      <c r="ES21" s="403">
        <v>0</v>
      </c>
      <c r="ET21" s="25">
        <v>0</v>
      </c>
      <c r="EU21" s="25">
        <v>0</v>
      </c>
      <c r="EV21" s="25">
        <v>0</v>
      </c>
      <c r="EW21" s="25">
        <v>0</v>
      </c>
      <c r="EX21" s="25">
        <v>0</v>
      </c>
      <c r="EY21" s="28">
        <v>0</v>
      </c>
      <c r="EZ21" s="29">
        <v>0</v>
      </c>
      <c r="FA21" s="24">
        <v>0</v>
      </c>
      <c r="FB21" s="25">
        <v>0</v>
      </c>
      <c r="FC21" s="26">
        <v>0</v>
      </c>
      <c r="FD21" s="403">
        <v>0</v>
      </c>
      <c r="FE21" s="25">
        <v>0</v>
      </c>
      <c r="FF21" s="25">
        <v>0</v>
      </c>
      <c r="FG21" s="25">
        <v>210</v>
      </c>
      <c r="FH21" s="25">
        <v>868</v>
      </c>
      <c r="FI21" s="25">
        <v>868</v>
      </c>
      <c r="FJ21" s="28">
        <v>1946</v>
      </c>
      <c r="FK21" s="29">
        <v>1946</v>
      </c>
      <c r="FL21" s="24">
        <v>0</v>
      </c>
      <c r="FM21" s="25">
        <v>0</v>
      </c>
      <c r="FN21" s="26">
        <v>0</v>
      </c>
      <c r="FO21" s="403">
        <v>0</v>
      </c>
      <c r="FP21" s="25">
        <v>0</v>
      </c>
      <c r="FQ21" s="25">
        <v>21576</v>
      </c>
      <c r="FR21" s="25">
        <v>58342</v>
      </c>
      <c r="FS21" s="25">
        <v>181412</v>
      </c>
      <c r="FT21" s="25">
        <v>79918</v>
      </c>
      <c r="FU21" s="28">
        <v>341248</v>
      </c>
      <c r="FV21" s="29">
        <v>341248</v>
      </c>
      <c r="FW21" s="24">
        <v>0</v>
      </c>
      <c r="FX21" s="25">
        <v>4176</v>
      </c>
      <c r="FY21" s="26">
        <v>4176</v>
      </c>
      <c r="FZ21" s="27">
        <v>0</v>
      </c>
      <c r="GA21" s="25">
        <v>77226</v>
      </c>
      <c r="GB21" s="25">
        <v>119941</v>
      </c>
      <c r="GC21" s="25">
        <v>458111</v>
      </c>
      <c r="GD21" s="25">
        <v>529378</v>
      </c>
      <c r="GE21" s="25">
        <v>130596</v>
      </c>
      <c r="GF21" s="28">
        <v>1315252</v>
      </c>
      <c r="GG21" s="29">
        <v>1319428</v>
      </c>
      <c r="GH21" s="24">
        <v>0</v>
      </c>
      <c r="GI21" s="25">
        <v>0</v>
      </c>
      <c r="GJ21" s="26">
        <v>0</v>
      </c>
      <c r="GK21" s="27">
        <v>0</v>
      </c>
      <c r="GL21" s="25">
        <v>2356</v>
      </c>
      <c r="GM21" s="25">
        <v>0</v>
      </c>
      <c r="GN21" s="25">
        <v>3580</v>
      </c>
      <c r="GO21" s="25">
        <v>3770</v>
      </c>
      <c r="GP21" s="25">
        <v>0</v>
      </c>
      <c r="GQ21" s="28">
        <v>9706</v>
      </c>
      <c r="GR21" s="29">
        <v>9706</v>
      </c>
      <c r="GS21" s="24">
        <v>0</v>
      </c>
      <c r="GT21" s="25">
        <v>0</v>
      </c>
      <c r="GU21" s="26">
        <v>0</v>
      </c>
      <c r="GV21" s="27">
        <v>0</v>
      </c>
      <c r="GW21" s="25">
        <v>0</v>
      </c>
      <c r="GX21" s="25">
        <v>0</v>
      </c>
      <c r="GY21" s="25">
        <v>0</v>
      </c>
      <c r="GZ21" s="25">
        <v>0</v>
      </c>
      <c r="HA21" s="25">
        <v>0</v>
      </c>
      <c r="HB21" s="28">
        <v>0</v>
      </c>
      <c r="HC21" s="29">
        <v>0</v>
      </c>
      <c r="HD21" s="24">
        <v>0</v>
      </c>
      <c r="HE21" s="25">
        <v>0</v>
      </c>
      <c r="HF21" s="26">
        <v>0</v>
      </c>
      <c r="HG21" s="403">
        <v>0</v>
      </c>
      <c r="HH21" s="25">
        <v>0</v>
      </c>
      <c r="HI21" s="25">
        <v>0</v>
      </c>
      <c r="HJ21" s="25">
        <v>0</v>
      </c>
      <c r="HK21" s="25">
        <v>0</v>
      </c>
      <c r="HL21" s="25">
        <v>0</v>
      </c>
      <c r="HM21" s="28">
        <v>0</v>
      </c>
      <c r="HN21" s="29">
        <v>0</v>
      </c>
      <c r="HO21" s="24">
        <v>0</v>
      </c>
      <c r="HP21" s="25">
        <v>4321</v>
      </c>
      <c r="HQ21" s="26">
        <v>4321</v>
      </c>
      <c r="HR21" s="27">
        <v>0</v>
      </c>
      <c r="HS21" s="25">
        <v>375770</v>
      </c>
      <c r="HT21" s="25">
        <v>1070063</v>
      </c>
      <c r="HU21" s="25">
        <v>4907710</v>
      </c>
      <c r="HV21" s="25">
        <v>8089979</v>
      </c>
      <c r="HW21" s="25">
        <v>5017130</v>
      </c>
      <c r="HX21" s="28">
        <v>19460652</v>
      </c>
      <c r="HY21" s="29">
        <v>19464973</v>
      </c>
    </row>
    <row r="22" spans="2:233" ht="21" customHeight="1" x14ac:dyDescent="0.2">
      <c r="B22" s="106" t="s">
        <v>19</v>
      </c>
      <c r="C22" s="24">
        <v>0</v>
      </c>
      <c r="D22" s="25">
        <v>0</v>
      </c>
      <c r="E22" s="26">
        <v>0</v>
      </c>
      <c r="F22" s="27">
        <v>0</v>
      </c>
      <c r="G22" s="25">
        <v>226945</v>
      </c>
      <c r="H22" s="25">
        <v>355235</v>
      </c>
      <c r="I22" s="25">
        <v>1175790</v>
      </c>
      <c r="J22" s="25">
        <v>1281185</v>
      </c>
      <c r="K22" s="25">
        <v>969390</v>
      </c>
      <c r="L22" s="28">
        <v>4008545</v>
      </c>
      <c r="M22" s="29">
        <v>4008545</v>
      </c>
      <c r="N22" s="24">
        <v>0</v>
      </c>
      <c r="O22" s="25">
        <v>0</v>
      </c>
      <c r="P22" s="26">
        <v>0</v>
      </c>
      <c r="Q22" s="403">
        <v>0</v>
      </c>
      <c r="R22" s="25">
        <v>24645</v>
      </c>
      <c r="S22" s="25">
        <v>73315</v>
      </c>
      <c r="T22" s="25">
        <v>792580</v>
      </c>
      <c r="U22" s="25">
        <v>928700</v>
      </c>
      <c r="V22" s="25">
        <v>885075</v>
      </c>
      <c r="W22" s="28">
        <v>2704315</v>
      </c>
      <c r="X22" s="29">
        <v>2704315</v>
      </c>
      <c r="Y22" s="24">
        <v>0</v>
      </c>
      <c r="Z22" s="25">
        <v>0</v>
      </c>
      <c r="AA22" s="26">
        <v>0</v>
      </c>
      <c r="AB22" s="403">
        <v>0</v>
      </c>
      <c r="AC22" s="25">
        <v>188015</v>
      </c>
      <c r="AD22" s="25">
        <v>239600</v>
      </c>
      <c r="AE22" s="25">
        <v>350770</v>
      </c>
      <c r="AF22" s="25">
        <v>236470</v>
      </c>
      <c r="AG22" s="25">
        <v>37650</v>
      </c>
      <c r="AH22" s="28">
        <v>1052505</v>
      </c>
      <c r="AI22" s="29">
        <v>1052505</v>
      </c>
      <c r="AJ22" s="24">
        <v>0</v>
      </c>
      <c r="AK22" s="25">
        <v>0</v>
      </c>
      <c r="AL22" s="26">
        <v>0</v>
      </c>
      <c r="AM22" s="403">
        <v>0</v>
      </c>
      <c r="AN22" s="25">
        <v>0</v>
      </c>
      <c r="AO22" s="25">
        <v>0</v>
      </c>
      <c r="AP22" s="25">
        <v>0</v>
      </c>
      <c r="AQ22" s="25">
        <v>0</v>
      </c>
      <c r="AR22" s="25">
        <v>0</v>
      </c>
      <c r="AS22" s="28">
        <v>0</v>
      </c>
      <c r="AT22" s="29">
        <v>0</v>
      </c>
      <c r="AU22" s="24">
        <v>0</v>
      </c>
      <c r="AV22" s="25">
        <v>0</v>
      </c>
      <c r="AW22" s="26">
        <v>0</v>
      </c>
      <c r="AX22" s="403">
        <v>0</v>
      </c>
      <c r="AY22" s="25">
        <v>0</v>
      </c>
      <c r="AZ22" s="25">
        <v>0</v>
      </c>
      <c r="BA22" s="25">
        <v>0</v>
      </c>
      <c r="BB22" s="25">
        <v>0</v>
      </c>
      <c r="BC22" s="25">
        <v>0</v>
      </c>
      <c r="BD22" s="28">
        <v>0</v>
      </c>
      <c r="BE22" s="29">
        <v>0</v>
      </c>
      <c r="BF22" s="24">
        <v>0</v>
      </c>
      <c r="BG22" s="25">
        <v>0</v>
      </c>
      <c r="BH22" s="26">
        <v>0</v>
      </c>
      <c r="BI22" s="403">
        <v>0</v>
      </c>
      <c r="BJ22" s="25">
        <v>0</v>
      </c>
      <c r="BK22" s="25">
        <v>0</v>
      </c>
      <c r="BL22" s="25">
        <v>0</v>
      </c>
      <c r="BM22" s="25">
        <v>0</v>
      </c>
      <c r="BN22" s="25">
        <v>0</v>
      </c>
      <c r="BO22" s="28">
        <v>0</v>
      </c>
      <c r="BP22" s="29">
        <v>0</v>
      </c>
      <c r="BQ22" s="24">
        <v>0</v>
      </c>
      <c r="BR22" s="25">
        <v>0</v>
      </c>
      <c r="BS22" s="26">
        <v>0</v>
      </c>
      <c r="BT22" s="27">
        <v>0</v>
      </c>
      <c r="BU22" s="25">
        <v>14285</v>
      </c>
      <c r="BV22" s="25">
        <v>42320</v>
      </c>
      <c r="BW22" s="25">
        <v>32440</v>
      </c>
      <c r="BX22" s="25">
        <v>113695</v>
      </c>
      <c r="BY22" s="25">
        <v>46665</v>
      </c>
      <c r="BZ22" s="28">
        <v>249405</v>
      </c>
      <c r="CA22" s="29">
        <v>249405</v>
      </c>
      <c r="CB22" s="24">
        <v>0</v>
      </c>
      <c r="CC22" s="25">
        <v>0</v>
      </c>
      <c r="CD22" s="26">
        <v>0</v>
      </c>
      <c r="CE22" s="27">
        <v>0</v>
      </c>
      <c r="CF22" s="25">
        <v>0</v>
      </c>
      <c r="CG22" s="25">
        <v>0</v>
      </c>
      <c r="CH22" s="25">
        <v>0</v>
      </c>
      <c r="CI22" s="25">
        <v>2320</v>
      </c>
      <c r="CJ22" s="25">
        <v>0</v>
      </c>
      <c r="CK22" s="28">
        <v>2320</v>
      </c>
      <c r="CL22" s="29">
        <v>2320</v>
      </c>
      <c r="CM22" s="24">
        <v>0</v>
      </c>
      <c r="CN22" s="25">
        <v>0</v>
      </c>
      <c r="CO22" s="26">
        <v>0</v>
      </c>
      <c r="CP22" s="27">
        <v>0</v>
      </c>
      <c r="CQ22" s="25">
        <v>0</v>
      </c>
      <c r="CR22" s="25">
        <v>0</v>
      </c>
      <c r="CS22" s="25">
        <v>0</v>
      </c>
      <c r="CT22" s="25">
        <v>0</v>
      </c>
      <c r="CU22" s="25">
        <v>0</v>
      </c>
      <c r="CV22" s="28">
        <v>0</v>
      </c>
      <c r="CW22" s="29">
        <v>0</v>
      </c>
      <c r="CX22" s="24">
        <v>0</v>
      </c>
      <c r="CY22" s="25">
        <v>0</v>
      </c>
      <c r="CZ22" s="26">
        <v>0</v>
      </c>
      <c r="DA22" s="403">
        <v>0</v>
      </c>
      <c r="DB22" s="25">
        <v>0</v>
      </c>
      <c r="DC22" s="25">
        <v>0</v>
      </c>
      <c r="DD22" s="25">
        <v>0</v>
      </c>
      <c r="DE22" s="25">
        <v>0</v>
      </c>
      <c r="DF22" s="25">
        <v>0</v>
      </c>
      <c r="DG22" s="28">
        <v>0</v>
      </c>
      <c r="DH22" s="29">
        <v>0</v>
      </c>
      <c r="DI22" s="24">
        <v>0</v>
      </c>
      <c r="DJ22" s="25">
        <v>0</v>
      </c>
      <c r="DK22" s="26">
        <v>0</v>
      </c>
      <c r="DL22" s="27">
        <v>0</v>
      </c>
      <c r="DM22" s="25">
        <v>46787</v>
      </c>
      <c r="DN22" s="25">
        <v>251154</v>
      </c>
      <c r="DO22" s="25">
        <v>1343166</v>
      </c>
      <c r="DP22" s="25">
        <v>1479599</v>
      </c>
      <c r="DQ22" s="25">
        <v>1059655</v>
      </c>
      <c r="DR22" s="28">
        <v>4180361</v>
      </c>
      <c r="DS22" s="30">
        <v>4180361</v>
      </c>
      <c r="DT22" s="24">
        <v>0</v>
      </c>
      <c r="DU22" s="25">
        <v>0</v>
      </c>
      <c r="DV22" s="26">
        <v>0</v>
      </c>
      <c r="DW22" s="403">
        <v>0</v>
      </c>
      <c r="DX22" s="25">
        <v>15035</v>
      </c>
      <c r="DY22" s="25">
        <v>142414</v>
      </c>
      <c r="DZ22" s="25">
        <v>1282225</v>
      </c>
      <c r="EA22" s="25">
        <v>1304128</v>
      </c>
      <c r="EB22" s="25">
        <v>1015500</v>
      </c>
      <c r="EC22" s="28">
        <v>3759302</v>
      </c>
      <c r="ED22" s="29">
        <v>3759302</v>
      </c>
      <c r="EE22" s="24">
        <v>0</v>
      </c>
      <c r="EF22" s="25">
        <v>0</v>
      </c>
      <c r="EG22" s="26">
        <v>0</v>
      </c>
      <c r="EH22" s="403">
        <v>0</v>
      </c>
      <c r="EI22" s="25">
        <v>13423</v>
      </c>
      <c r="EJ22" s="25">
        <v>57846</v>
      </c>
      <c r="EK22" s="25">
        <v>4481</v>
      </c>
      <c r="EL22" s="25">
        <v>25175</v>
      </c>
      <c r="EM22" s="25">
        <v>10655</v>
      </c>
      <c r="EN22" s="28">
        <v>111580</v>
      </c>
      <c r="EO22" s="29">
        <v>111580</v>
      </c>
      <c r="EP22" s="24">
        <v>0</v>
      </c>
      <c r="EQ22" s="25">
        <v>0</v>
      </c>
      <c r="ER22" s="26">
        <v>0</v>
      </c>
      <c r="ES22" s="403">
        <v>0</v>
      </c>
      <c r="ET22" s="25">
        <v>0</v>
      </c>
      <c r="EU22" s="25">
        <v>0</v>
      </c>
      <c r="EV22" s="25">
        <v>0</v>
      </c>
      <c r="EW22" s="25">
        <v>0</v>
      </c>
      <c r="EX22" s="25">
        <v>0</v>
      </c>
      <c r="EY22" s="28">
        <v>0</v>
      </c>
      <c r="EZ22" s="29">
        <v>0</v>
      </c>
      <c r="FA22" s="24">
        <v>0</v>
      </c>
      <c r="FB22" s="25">
        <v>0</v>
      </c>
      <c r="FC22" s="26">
        <v>0</v>
      </c>
      <c r="FD22" s="403">
        <v>0</v>
      </c>
      <c r="FE22" s="25">
        <v>0</v>
      </c>
      <c r="FF22" s="25">
        <v>0</v>
      </c>
      <c r="FG22" s="25">
        <v>0</v>
      </c>
      <c r="FH22" s="25">
        <v>0</v>
      </c>
      <c r="FI22" s="25">
        <v>0</v>
      </c>
      <c r="FJ22" s="28">
        <v>0</v>
      </c>
      <c r="FK22" s="29">
        <v>0</v>
      </c>
      <c r="FL22" s="24">
        <v>0</v>
      </c>
      <c r="FM22" s="25">
        <v>0</v>
      </c>
      <c r="FN22" s="26">
        <v>0</v>
      </c>
      <c r="FO22" s="403">
        <v>0</v>
      </c>
      <c r="FP22" s="25">
        <v>0</v>
      </c>
      <c r="FQ22" s="25">
        <v>0</v>
      </c>
      <c r="FR22" s="25">
        <v>0</v>
      </c>
      <c r="FS22" s="25">
        <v>0</v>
      </c>
      <c r="FT22" s="25">
        <v>0</v>
      </c>
      <c r="FU22" s="28">
        <v>0</v>
      </c>
      <c r="FV22" s="29">
        <v>0</v>
      </c>
      <c r="FW22" s="24">
        <v>0</v>
      </c>
      <c r="FX22" s="25">
        <v>0</v>
      </c>
      <c r="FY22" s="26">
        <v>0</v>
      </c>
      <c r="FZ22" s="27">
        <v>0</v>
      </c>
      <c r="GA22" s="25">
        <v>18329</v>
      </c>
      <c r="GB22" s="25">
        <v>50894</v>
      </c>
      <c r="GC22" s="25">
        <v>56460</v>
      </c>
      <c r="GD22" s="25">
        <v>138840</v>
      </c>
      <c r="GE22" s="25">
        <v>33500</v>
      </c>
      <c r="GF22" s="28">
        <v>298023</v>
      </c>
      <c r="GG22" s="29">
        <v>298023</v>
      </c>
      <c r="GH22" s="24">
        <v>0</v>
      </c>
      <c r="GI22" s="25">
        <v>0</v>
      </c>
      <c r="GJ22" s="26">
        <v>0</v>
      </c>
      <c r="GK22" s="27">
        <v>0</v>
      </c>
      <c r="GL22" s="25">
        <v>0</v>
      </c>
      <c r="GM22" s="25">
        <v>0</v>
      </c>
      <c r="GN22" s="25">
        <v>0</v>
      </c>
      <c r="GO22" s="25">
        <v>11456</v>
      </c>
      <c r="GP22" s="25">
        <v>0</v>
      </c>
      <c r="GQ22" s="28">
        <v>11456</v>
      </c>
      <c r="GR22" s="29">
        <v>11456</v>
      </c>
      <c r="GS22" s="24">
        <v>0</v>
      </c>
      <c r="GT22" s="25">
        <v>0</v>
      </c>
      <c r="GU22" s="26">
        <v>0</v>
      </c>
      <c r="GV22" s="27">
        <v>0</v>
      </c>
      <c r="GW22" s="25">
        <v>0</v>
      </c>
      <c r="GX22" s="25">
        <v>0</v>
      </c>
      <c r="GY22" s="25">
        <v>0</v>
      </c>
      <c r="GZ22" s="25">
        <v>0</v>
      </c>
      <c r="HA22" s="25">
        <v>0</v>
      </c>
      <c r="HB22" s="28">
        <v>0</v>
      </c>
      <c r="HC22" s="29">
        <v>0</v>
      </c>
      <c r="HD22" s="24">
        <v>0</v>
      </c>
      <c r="HE22" s="25">
        <v>0</v>
      </c>
      <c r="HF22" s="26">
        <v>0</v>
      </c>
      <c r="HG22" s="403">
        <v>0</v>
      </c>
      <c r="HH22" s="25">
        <v>0</v>
      </c>
      <c r="HI22" s="25">
        <v>0</v>
      </c>
      <c r="HJ22" s="25">
        <v>0</v>
      </c>
      <c r="HK22" s="25">
        <v>0</v>
      </c>
      <c r="HL22" s="25">
        <v>0</v>
      </c>
      <c r="HM22" s="28">
        <v>0</v>
      </c>
      <c r="HN22" s="29">
        <v>0</v>
      </c>
      <c r="HO22" s="24">
        <v>0</v>
      </c>
      <c r="HP22" s="25">
        <v>0</v>
      </c>
      <c r="HQ22" s="26">
        <v>0</v>
      </c>
      <c r="HR22" s="27">
        <v>0</v>
      </c>
      <c r="HS22" s="25">
        <v>273732</v>
      </c>
      <c r="HT22" s="25">
        <v>606389</v>
      </c>
      <c r="HU22" s="25">
        <v>2518956</v>
      </c>
      <c r="HV22" s="25">
        <v>2760784</v>
      </c>
      <c r="HW22" s="25">
        <v>2029045</v>
      </c>
      <c r="HX22" s="28">
        <v>8188906</v>
      </c>
      <c r="HY22" s="29">
        <v>8188906</v>
      </c>
    </row>
    <row r="23" spans="2:233" ht="21" customHeight="1" x14ac:dyDescent="0.2">
      <c r="B23" s="106" t="s">
        <v>20</v>
      </c>
      <c r="C23" s="24">
        <v>0</v>
      </c>
      <c r="D23" s="25">
        <v>145</v>
      </c>
      <c r="E23" s="26">
        <v>145</v>
      </c>
      <c r="F23" s="27">
        <v>0</v>
      </c>
      <c r="G23" s="25">
        <v>203550</v>
      </c>
      <c r="H23" s="25">
        <v>413305</v>
      </c>
      <c r="I23" s="25">
        <v>1476590</v>
      </c>
      <c r="J23" s="25">
        <v>1433480</v>
      </c>
      <c r="K23" s="25">
        <v>830345</v>
      </c>
      <c r="L23" s="28">
        <v>4357270</v>
      </c>
      <c r="M23" s="29">
        <v>4357415</v>
      </c>
      <c r="N23" s="24">
        <v>0</v>
      </c>
      <c r="O23" s="25">
        <v>0</v>
      </c>
      <c r="P23" s="26">
        <v>0</v>
      </c>
      <c r="Q23" s="403">
        <v>0</v>
      </c>
      <c r="R23" s="25">
        <v>40680</v>
      </c>
      <c r="S23" s="25">
        <v>225990</v>
      </c>
      <c r="T23" s="25">
        <v>1164535</v>
      </c>
      <c r="U23" s="25">
        <v>1256385</v>
      </c>
      <c r="V23" s="25">
        <v>713340</v>
      </c>
      <c r="W23" s="28">
        <v>3400930</v>
      </c>
      <c r="X23" s="29">
        <v>3400930</v>
      </c>
      <c r="Y23" s="24">
        <v>0</v>
      </c>
      <c r="Z23" s="25">
        <v>0</v>
      </c>
      <c r="AA23" s="26">
        <v>0</v>
      </c>
      <c r="AB23" s="403">
        <v>0</v>
      </c>
      <c r="AC23" s="25">
        <v>135905</v>
      </c>
      <c r="AD23" s="25">
        <v>148965</v>
      </c>
      <c r="AE23" s="25">
        <v>216150</v>
      </c>
      <c r="AF23" s="25">
        <v>117245</v>
      </c>
      <c r="AG23" s="25">
        <v>67890</v>
      </c>
      <c r="AH23" s="28">
        <v>686155</v>
      </c>
      <c r="AI23" s="29">
        <v>686155</v>
      </c>
      <c r="AJ23" s="24">
        <v>0</v>
      </c>
      <c r="AK23" s="25">
        <v>0</v>
      </c>
      <c r="AL23" s="26">
        <v>0</v>
      </c>
      <c r="AM23" s="403">
        <v>0</v>
      </c>
      <c r="AN23" s="25">
        <v>0</v>
      </c>
      <c r="AO23" s="25">
        <v>0</v>
      </c>
      <c r="AP23" s="25">
        <v>0</v>
      </c>
      <c r="AQ23" s="25">
        <v>0</v>
      </c>
      <c r="AR23" s="25">
        <v>0</v>
      </c>
      <c r="AS23" s="28">
        <v>0</v>
      </c>
      <c r="AT23" s="29">
        <v>0</v>
      </c>
      <c r="AU23" s="24">
        <v>0</v>
      </c>
      <c r="AV23" s="25">
        <v>0</v>
      </c>
      <c r="AW23" s="26">
        <v>0</v>
      </c>
      <c r="AX23" s="403">
        <v>0</v>
      </c>
      <c r="AY23" s="25">
        <v>0</v>
      </c>
      <c r="AZ23" s="25">
        <v>0</v>
      </c>
      <c r="BA23" s="25">
        <v>0</v>
      </c>
      <c r="BB23" s="25">
        <v>2635</v>
      </c>
      <c r="BC23" s="25">
        <v>0</v>
      </c>
      <c r="BD23" s="28">
        <v>2635</v>
      </c>
      <c r="BE23" s="29">
        <v>2635</v>
      </c>
      <c r="BF23" s="24">
        <v>0</v>
      </c>
      <c r="BG23" s="25">
        <v>0</v>
      </c>
      <c r="BH23" s="26">
        <v>0</v>
      </c>
      <c r="BI23" s="403">
        <v>0</v>
      </c>
      <c r="BJ23" s="25">
        <v>0</v>
      </c>
      <c r="BK23" s="25">
        <v>0</v>
      </c>
      <c r="BL23" s="25">
        <v>0</v>
      </c>
      <c r="BM23" s="25">
        <v>0</v>
      </c>
      <c r="BN23" s="25">
        <v>0</v>
      </c>
      <c r="BO23" s="28">
        <v>0</v>
      </c>
      <c r="BP23" s="29">
        <v>0</v>
      </c>
      <c r="BQ23" s="24">
        <v>0</v>
      </c>
      <c r="BR23" s="25">
        <v>145</v>
      </c>
      <c r="BS23" s="26">
        <v>145</v>
      </c>
      <c r="BT23" s="27">
        <v>0</v>
      </c>
      <c r="BU23" s="25">
        <v>26965</v>
      </c>
      <c r="BV23" s="25">
        <v>37480</v>
      </c>
      <c r="BW23" s="25">
        <v>92815</v>
      </c>
      <c r="BX23" s="25">
        <v>56055</v>
      </c>
      <c r="BY23" s="25">
        <v>49115</v>
      </c>
      <c r="BZ23" s="28">
        <v>262430</v>
      </c>
      <c r="CA23" s="29">
        <v>262575</v>
      </c>
      <c r="CB23" s="24">
        <v>0</v>
      </c>
      <c r="CC23" s="25">
        <v>0</v>
      </c>
      <c r="CD23" s="26">
        <v>0</v>
      </c>
      <c r="CE23" s="27">
        <v>0</v>
      </c>
      <c r="CF23" s="25">
        <v>0</v>
      </c>
      <c r="CG23" s="25">
        <v>870</v>
      </c>
      <c r="CH23" s="25">
        <v>3090</v>
      </c>
      <c r="CI23" s="25">
        <v>1160</v>
      </c>
      <c r="CJ23" s="25">
        <v>0</v>
      </c>
      <c r="CK23" s="28">
        <v>5120</v>
      </c>
      <c r="CL23" s="29">
        <v>5120</v>
      </c>
      <c r="CM23" s="24">
        <v>0</v>
      </c>
      <c r="CN23" s="25">
        <v>0</v>
      </c>
      <c r="CO23" s="26">
        <v>0</v>
      </c>
      <c r="CP23" s="27">
        <v>0</v>
      </c>
      <c r="CQ23" s="25">
        <v>0</v>
      </c>
      <c r="CR23" s="25">
        <v>0</v>
      </c>
      <c r="CS23" s="25">
        <v>0</v>
      </c>
      <c r="CT23" s="25">
        <v>0</v>
      </c>
      <c r="CU23" s="25">
        <v>0</v>
      </c>
      <c r="CV23" s="28">
        <v>0</v>
      </c>
      <c r="CW23" s="29">
        <v>0</v>
      </c>
      <c r="CX23" s="24">
        <v>0</v>
      </c>
      <c r="CY23" s="25">
        <v>0</v>
      </c>
      <c r="CZ23" s="26">
        <v>0</v>
      </c>
      <c r="DA23" s="403">
        <v>0</v>
      </c>
      <c r="DB23" s="25">
        <v>0</v>
      </c>
      <c r="DC23" s="25">
        <v>0</v>
      </c>
      <c r="DD23" s="25">
        <v>0</v>
      </c>
      <c r="DE23" s="25">
        <v>0</v>
      </c>
      <c r="DF23" s="25">
        <v>0</v>
      </c>
      <c r="DG23" s="28">
        <v>0</v>
      </c>
      <c r="DH23" s="29">
        <v>0</v>
      </c>
      <c r="DI23" s="24">
        <v>0</v>
      </c>
      <c r="DJ23" s="25">
        <v>2088</v>
      </c>
      <c r="DK23" s="26">
        <v>2088</v>
      </c>
      <c r="DL23" s="27">
        <v>0</v>
      </c>
      <c r="DM23" s="25">
        <v>182023</v>
      </c>
      <c r="DN23" s="25">
        <v>451305</v>
      </c>
      <c r="DO23" s="25">
        <v>1954258</v>
      </c>
      <c r="DP23" s="25">
        <v>2495745</v>
      </c>
      <c r="DQ23" s="25">
        <v>1089182</v>
      </c>
      <c r="DR23" s="28">
        <v>6172513</v>
      </c>
      <c r="DS23" s="30">
        <v>6174601</v>
      </c>
      <c r="DT23" s="24">
        <v>0</v>
      </c>
      <c r="DU23" s="25">
        <v>0</v>
      </c>
      <c r="DV23" s="26">
        <v>0</v>
      </c>
      <c r="DW23" s="403">
        <v>0</v>
      </c>
      <c r="DX23" s="25">
        <v>62682</v>
      </c>
      <c r="DY23" s="25">
        <v>343263</v>
      </c>
      <c r="DZ23" s="25">
        <v>1755661</v>
      </c>
      <c r="EA23" s="25">
        <v>2344964</v>
      </c>
      <c r="EB23" s="25">
        <v>991280</v>
      </c>
      <c r="EC23" s="28">
        <v>5497850</v>
      </c>
      <c r="ED23" s="29">
        <v>5497850</v>
      </c>
      <c r="EE23" s="24">
        <v>0</v>
      </c>
      <c r="EF23" s="25">
        <v>0</v>
      </c>
      <c r="EG23" s="26">
        <v>0</v>
      </c>
      <c r="EH23" s="403">
        <v>0</v>
      </c>
      <c r="EI23" s="25">
        <v>41637</v>
      </c>
      <c r="EJ23" s="25">
        <v>13429</v>
      </c>
      <c r="EK23" s="25">
        <v>14390</v>
      </c>
      <c r="EL23" s="25">
        <v>3423</v>
      </c>
      <c r="EM23" s="25">
        <v>1302</v>
      </c>
      <c r="EN23" s="28">
        <v>74181</v>
      </c>
      <c r="EO23" s="29">
        <v>74181</v>
      </c>
      <c r="EP23" s="24">
        <v>0</v>
      </c>
      <c r="EQ23" s="25">
        <v>0</v>
      </c>
      <c r="ER23" s="26">
        <v>0</v>
      </c>
      <c r="ES23" s="403">
        <v>0</v>
      </c>
      <c r="ET23" s="25">
        <v>0</v>
      </c>
      <c r="EU23" s="25">
        <v>0</v>
      </c>
      <c r="EV23" s="25">
        <v>0</v>
      </c>
      <c r="EW23" s="25">
        <v>0</v>
      </c>
      <c r="EX23" s="25">
        <v>0</v>
      </c>
      <c r="EY23" s="28">
        <v>0</v>
      </c>
      <c r="EZ23" s="29">
        <v>0</v>
      </c>
      <c r="FA23" s="24">
        <v>0</v>
      </c>
      <c r="FB23" s="25">
        <v>0</v>
      </c>
      <c r="FC23" s="26">
        <v>0</v>
      </c>
      <c r="FD23" s="403">
        <v>0</v>
      </c>
      <c r="FE23" s="25">
        <v>0</v>
      </c>
      <c r="FF23" s="25">
        <v>0</v>
      </c>
      <c r="FG23" s="25">
        <v>0</v>
      </c>
      <c r="FH23" s="25">
        <v>217</v>
      </c>
      <c r="FI23" s="25">
        <v>0</v>
      </c>
      <c r="FJ23" s="28">
        <v>217</v>
      </c>
      <c r="FK23" s="29">
        <v>217</v>
      </c>
      <c r="FL23" s="24">
        <v>0</v>
      </c>
      <c r="FM23" s="25">
        <v>0</v>
      </c>
      <c r="FN23" s="26">
        <v>0</v>
      </c>
      <c r="FO23" s="403">
        <v>0</v>
      </c>
      <c r="FP23" s="25">
        <v>0</v>
      </c>
      <c r="FQ23" s="25">
        <v>0</v>
      </c>
      <c r="FR23" s="25">
        <v>0</v>
      </c>
      <c r="FS23" s="25">
        <v>0</v>
      </c>
      <c r="FT23" s="25">
        <v>0</v>
      </c>
      <c r="FU23" s="28">
        <v>0</v>
      </c>
      <c r="FV23" s="29">
        <v>0</v>
      </c>
      <c r="FW23" s="24">
        <v>0</v>
      </c>
      <c r="FX23" s="25">
        <v>2088</v>
      </c>
      <c r="FY23" s="26">
        <v>2088</v>
      </c>
      <c r="FZ23" s="27">
        <v>0</v>
      </c>
      <c r="GA23" s="25">
        <v>77704</v>
      </c>
      <c r="GB23" s="25">
        <v>92107</v>
      </c>
      <c r="GC23" s="25">
        <v>177197</v>
      </c>
      <c r="GD23" s="25">
        <v>143919</v>
      </c>
      <c r="GE23" s="25">
        <v>96600</v>
      </c>
      <c r="GF23" s="28">
        <v>587527</v>
      </c>
      <c r="GG23" s="29">
        <v>589615</v>
      </c>
      <c r="GH23" s="24">
        <v>0</v>
      </c>
      <c r="GI23" s="25">
        <v>0</v>
      </c>
      <c r="GJ23" s="26">
        <v>0</v>
      </c>
      <c r="GK23" s="27">
        <v>0</v>
      </c>
      <c r="GL23" s="25">
        <v>0</v>
      </c>
      <c r="GM23" s="25">
        <v>2506</v>
      </c>
      <c r="GN23" s="25">
        <v>7010</v>
      </c>
      <c r="GO23" s="25">
        <v>3222</v>
      </c>
      <c r="GP23" s="25">
        <v>0</v>
      </c>
      <c r="GQ23" s="28">
        <v>12738</v>
      </c>
      <c r="GR23" s="29">
        <v>12738</v>
      </c>
      <c r="GS23" s="24">
        <v>0</v>
      </c>
      <c r="GT23" s="25">
        <v>0</v>
      </c>
      <c r="GU23" s="26">
        <v>0</v>
      </c>
      <c r="GV23" s="27">
        <v>0</v>
      </c>
      <c r="GW23" s="25">
        <v>0</v>
      </c>
      <c r="GX23" s="25">
        <v>0</v>
      </c>
      <c r="GY23" s="25">
        <v>0</v>
      </c>
      <c r="GZ23" s="25">
        <v>0</v>
      </c>
      <c r="HA23" s="25">
        <v>0</v>
      </c>
      <c r="HB23" s="28">
        <v>0</v>
      </c>
      <c r="HC23" s="29">
        <v>0</v>
      </c>
      <c r="HD23" s="24">
        <v>0</v>
      </c>
      <c r="HE23" s="25">
        <v>0</v>
      </c>
      <c r="HF23" s="26">
        <v>0</v>
      </c>
      <c r="HG23" s="403">
        <v>0</v>
      </c>
      <c r="HH23" s="25">
        <v>0</v>
      </c>
      <c r="HI23" s="25">
        <v>0</v>
      </c>
      <c r="HJ23" s="25">
        <v>0</v>
      </c>
      <c r="HK23" s="25">
        <v>0</v>
      </c>
      <c r="HL23" s="25">
        <v>0</v>
      </c>
      <c r="HM23" s="28">
        <v>0</v>
      </c>
      <c r="HN23" s="29">
        <v>0</v>
      </c>
      <c r="HO23" s="24">
        <v>0</v>
      </c>
      <c r="HP23" s="25">
        <v>2233</v>
      </c>
      <c r="HQ23" s="26">
        <v>2233</v>
      </c>
      <c r="HR23" s="27">
        <v>0</v>
      </c>
      <c r="HS23" s="25">
        <v>385573</v>
      </c>
      <c r="HT23" s="25">
        <v>864610</v>
      </c>
      <c r="HU23" s="25">
        <v>3430848</v>
      </c>
      <c r="HV23" s="25">
        <v>3929225</v>
      </c>
      <c r="HW23" s="25">
        <v>1919527</v>
      </c>
      <c r="HX23" s="28">
        <v>10529783</v>
      </c>
      <c r="HY23" s="29">
        <v>10532016</v>
      </c>
    </row>
    <row r="24" spans="2:233" ht="21" customHeight="1" x14ac:dyDescent="0.2">
      <c r="B24" s="106" t="s">
        <v>21</v>
      </c>
      <c r="C24" s="24">
        <v>0</v>
      </c>
      <c r="D24" s="25">
        <v>0</v>
      </c>
      <c r="E24" s="26">
        <v>0</v>
      </c>
      <c r="F24" s="27">
        <v>0</v>
      </c>
      <c r="G24" s="25">
        <v>166000</v>
      </c>
      <c r="H24" s="25">
        <v>390989</v>
      </c>
      <c r="I24" s="25">
        <v>1822589</v>
      </c>
      <c r="J24" s="25">
        <v>2099122</v>
      </c>
      <c r="K24" s="25">
        <v>1237644</v>
      </c>
      <c r="L24" s="28">
        <v>5716344</v>
      </c>
      <c r="M24" s="29">
        <v>5716344</v>
      </c>
      <c r="N24" s="24">
        <v>0</v>
      </c>
      <c r="O24" s="25">
        <v>0</v>
      </c>
      <c r="P24" s="26">
        <v>0</v>
      </c>
      <c r="Q24" s="403">
        <v>0</v>
      </c>
      <c r="R24" s="25">
        <v>35495</v>
      </c>
      <c r="S24" s="25">
        <v>198865</v>
      </c>
      <c r="T24" s="25">
        <v>1514269</v>
      </c>
      <c r="U24" s="25">
        <v>1550297</v>
      </c>
      <c r="V24" s="25">
        <v>962979</v>
      </c>
      <c r="W24" s="28">
        <v>4261905</v>
      </c>
      <c r="X24" s="29">
        <v>4261905</v>
      </c>
      <c r="Y24" s="24">
        <v>0</v>
      </c>
      <c r="Z24" s="25">
        <v>0</v>
      </c>
      <c r="AA24" s="26">
        <v>0</v>
      </c>
      <c r="AB24" s="403">
        <v>0</v>
      </c>
      <c r="AC24" s="25">
        <v>110965</v>
      </c>
      <c r="AD24" s="25">
        <v>120520</v>
      </c>
      <c r="AE24" s="25">
        <v>214165</v>
      </c>
      <c r="AF24" s="25">
        <v>337435</v>
      </c>
      <c r="AG24" s="25">
        <v>114045</v>
      </c>
      <c r="AH24" s="28">
        <v>897130</v>
      </c>
      <c r="AI24" s="29">
        <v>897130</v>
      </c>
      <c r="AJ24" s="24">
        <v>0</v>
      </c>
      <c r="AK24" s="25">
        <v>0</v>
      </c>
      <c r="AL24" s="26">
        <v>0</v>
      </c>
      <c r="AM24" s="403">
        <v>0</v>
      </c>
      <c r="AN24" s="25">
        <v>0</v>
      </c>
      <c r="AO24" s="25">
        <v>0</v>
      </c>
      <c r="AP24" s="25">
        <v>0</v>
      </c>
      <c r="AQ24" s="25">
        <v>0</v>
      </c>
      <c r="AR24" s="25">
        <v>5270</v>
      </c>
      <c r="AS24" s="28">
        <v>5270</v>
      </c>
      <c r="AT24" s="29">
        <v>5270</v>
      </c>
      <c r="AU24" s="24">
        <v>0</v>
      </c>
      <c r="AV24" s="25">
        <v>0</v>
      </c>
      <c r="AW24" s="26">
        <v>0</v>
      </c>
      <c r="AX24" s="403">
        <v>0</v>
      </c>
      <c r="AY24" s="25">
        <v>0</v>
      </c>
      <c r="AZ24" s="25">
        <v>0</v>
      </c>
      <c r="BA24" s="25">
        <v>35495</v>
      </c>
      <c r="BB24" s="25">
        <v>44365</v>
      </c>
      <c r="BC24" s="25">
        <v>85285</v>
      </c>
      <c r="BD24" s="28">
        <v>165145</v>
      </c>
      <c r="BE24" s="29">
        <v>165145</v>
      </c>
      <c r="BF24" s="24">
        <v>0</v>
      </c>
      <c r="BG24" s="25">
        <v>0</v>
      </c>
      <c r="BH24" s="26">
        <v>0</v>
      </c>
      <c r="BI24" s="403">
        <v>0</v>
      </c>
      <c r="BJ24" s="25">
        <v>0</v>
      </c>
      <c r="BK24" s="25">
        <v>0</v>
      </c>
      <c r="BL24" s="25">
        <v>0</v>
      </c>
      <c r="BM24" s="25">
        <v>0</v>
      </c>
      <c r="BN24" s="25">
        <v>0</v>
      </c>
      <c r="BO24" s="28">
        <v>0</v>
      </c>
      <c r="BP24" s="29">
        <v>0</v>
      </c>
      <c r="BQ24" s="24">
        <v>0</v>
      </c>
      <c r="BR24" s="25">
        <v>0</v>
      </c>
      <c r="BS24" s="26">
        <v>0</v>
      </c>
      <c r="BT24" s="27">
        <v>0</v>
      </c>
      <c r="BU24" s="25">
        <v>19540</v>
      </c>
      <c r="BV24" s="25">
        <v>65820</v>
      </c>
      <c r="BW24" s="25">
        <v>58225</v>
      </c>
      <c r="BX24" s="25">
        <v>162462</v>
      </c>
      <c r="BY24" s="25">
        <v>70065</v>
      </c>
      <c r="BZ24" s="28">
        <v>376112</v>
      </c>
      <c r="CA24" s="29">
        <v>376112</v>
      </c>
      <c r="CB24" s="24">
        <v>0</v>
      </c>
      <c r="CC24" s="25">
        <v>0</v>
      </c>
      <c r="CD24" s="26">
        <v>0</v>
      </c>
      <c r="CE24" s="27">
        <v>0</v>
      </c>
      <c r="CF24" s="25">
        <v>0</v>
      </c>
      <c r="CG24" s="25">
        <v>5784</v>
      </c>
      <c r="CH24" s="25">
        <v>435</v>
      </c>
      <c r="CI24" s="25">
        <v>4563</v>
      </c>
      <c r="CJ24" s="25">
        <v>0</v>
      </c>
      <c r="CK24" s="28">
        <v>10782</v>
      </c>
      <c r="CL24" s="29">
        <v>10782</v>
      </c>
      <c r="CM24" s="24">
        <v>0</v>
      </c>
      <c r="CN24" s="25">
        <v>0</v>
      </c>
      <c r="CO24" s="26">
        <v>0</v>
      </c>
      <c r="CP24" s="27">
        <v>0</v>
      </c>
      <c r="CQ24" s="25">
        <v>0</v>
      </c>
      <c r="CR24" s="25">
        <v>0</v>
      </c>
      <c r="CS24" s="25">
        <v>0</v>
      </c>
      <c r="CT24" s="25">
        <v>0</v>
      </c>
      <c r="CU24" s="25">
        <v>0</v>
      </c>
      <c r="CV24" s="28">
        <v>0</v>
      </c>
      <c r="CW24" s="29">
        <v>0</v>
      </c>
      <c r="CX24" s="24">
        <v>0</v>
      </c>
      <c r="CY24" s="25">
        <v>0</v>
      </c>
      <c r="CZ24" s="26">
        <v>0</v>
      </c>
      <c r="DA24" s="403">
        <v>0</v>
      </c>
      <c r="DB24" s="25">
        <v>0</v>
      </c>
      <c r="DC24" s="25">
        <v>0</v>
      </c>
      <c r="DD24" s="25">
        <v>0</v>
      </c>
      <c r="DE24" s="25">
        <v>0</v>
      </c>
      <c r="DF24" s="25">
        <v>0</v>
      </c>
      <c r="DG24" s="28">
        <v>0</v>
      </c>
      <c r="DH24" s="29">
        <v>0</v>
      </c>
      <c r="DI24" s="24">
        <v>0</v>
      </c>
      <c r="DJ24" s="25">
        <v>0</v>
      </c>
      <c r="DK24" s="26">
        <v>0</v>
      </c>
      <c r="DL24" s="27">
        <v>0</v>
      </c>
      <c r="DM24" s="25">
        <v>91087</v>
      </c>
      <c r="DN24" s="25">
        <v>369821</v>
      </c>
      <c r="DO24" s="25">
        <v>2143404</v>
      </c>
      <c r="DP24" s="25">
        <v>2397371</v>
      </c>
      <c r="DQ24" s="25">
        <v>1552252</v>
      </c>
      <c r="DR24" s="28">
        <v>6553935</v>
      </c>
      <c r="DS24" s="30">
        <v>6553935</v>
      </c>
      <c r="DT24" s="24">
        <v>0</v>
      </c>
      <c r="DU24" s="25">
        <v>0</v>
      </c>
      <c r="DV24" s="26">
        <v>0</v>
      </c>
      <c r="DW24" s="403">
        <v>0</v>
      </c>
      <c r="DX24" s="25">
        <v>26505</v>
      </c>
      <c r="DY24" s="25">
        <v>233306</v>
      </c>
      <c r="DZ24" s="25">
        <v>1940677</v>
      </c>
      <c r="EA24" s="25">
        <v>2045191</v>
      </c>
      <c r="EB24" s="25">
        <v>1389348</v>
      </c>
      <c r="EC24" s="28">
        <v>5635027</v>
      </c>
      <c r="ED24" s="29">
        <v>5635027</v>
      </c>
      <c r="EE24" s="24">
        <v>0</v>
      </c>
      <c r="EF24" s="25">
        <v>0</v>
      </c>
      <c r="EG24" s="26">
        <v>0</v>
      </c>
      <c r="EH24" s="403">
        <v>0</v>
      </c>
      <c r="EI24" s="25">
        <v>29290</v>
      </c>
      <c r="EJ24" s="25">
        <v>1925</v>
      </c>
      <c r="EK24" s="25">
        <v>14683</v>
      </c>
      <c r="EL24" s="25">
        <v>15187</v>
      </c>
      <c r="EM24" s="25">
        <v>23263</v>
      </c>
      <c r="EN24" s="28">
        <v>84348</v>
      </c>
      <c r="EO24" s="29">
        <v>84348</v>
      </c>
      <c r="EP24" s="24">
        <v>0</v>
      </c>
      <c r="EQ24" s="25">
        <v>0</v>
      </c>
      <c r="ER24" s="26">
        <v>0</v>
      </c>
      <c r="ES24" s="403">
        <v>0</v>
      </c>
      <c r="ET24" s="25">
        <v>0</v>
      </c>
      <c r="EU24" s="25">
        <v>0</v>
      </c>
      <c r="EV24" s="25">
        <v>0</v>
      </c>
      <c r="EW24" s="25">
        <v>0</v>
      </c>
      <c r="EX24" s="25">
        <v>0</v>
      </c>
      <c r="EY24" s="28">
        <v>0</v>
      </c>
      <c r="EZ24" s="29">
        <v>0</v>
      </c>
      <c r="FA24" s="24">
        <v>0</v>
      </c>
      <c r="FB24" s="25">
        <v>0</v>
      </c>
      <c r="FC24" s="26">
        <v>0</v>
      </c>
      <c r="FD24" s="403">
        <v>0</v>
      </c>
      <c r="FE24" s="25">
        <v>0</v>
      </c>
      <c r="FF24" s="25">
        <v>0</v>
      </c>
      <c r="FG24" s="25">
        <v>11687</v>
      </c>
      <c r="FH24" s="25">
        <v>728</v>
      </c>
      <c r="FI24" s="25">
        <v>12555</v>
      </c>
      <c r="FJ24" s="28">
        <v>24970</v>
      </c>
      <c r="FK24" s="29">
        <v>24970</v>
      </c>
      <c r="FL24" s="24">
        <v>0</v>
      </c>
      <c r="FM24" s="25">
        <v>0</v>
      </c>
      <c r="FN24" s="26">
        <v>0</v>
      </c>
      <c r="FO24" s="403">
        <v>0</v>
      </c>
      <c r="FP24" s="25">
        <v>0</v>
      </c>
      <c r="FQ24" s="25">
        <v>0</v>
      </c>
      <c r="FR24" s="25">
        <v>0</v>
      </c>
      <c r="FS24" s="25">
        <v>0</v>
      </c>
      <c r="FT24" s="25">
        <v>0</v>
      </c>
      <c r="FU24" s="28">
        <v>0</v>
      </c>
      <c r="FV24" s="29">
        <v>0</v>
      </c>
      <c r="FW24" s="24">
        <v>0</v>
      </c>
      <c r="FX24" s="25">
        <v>0</v>
      </c>
      <c r="FY24" s="26">
        <v>0</v>
      </c>
      <c r="FZ24" s="27">
        <v>0</v>
      </c>
      <c r="GA24" s="25">
        <v>35292</v>
      </c>
      <c r="GB24" s="25">
        <v>125542</v>
      </c>
      <c r="GC24" s="25">
        <v>176329</v>
      </c>
      <c r="GD24" s="25">
        <v>336223</v>
      </c>
      <c r="GE24" s="25">
        <v>127086</v>
      </c>
      <c r="GF24" s="28">
        <v>800472</v>
      </c>
      <c r="GG24" s="29">
        <v>800472</v>
      </c>
      <c r="GH24" s="24">
        <v>0</v>
      </c>
      <c r="GI24" s="25">
        <v>0</v>
      </c>
      <c r="GJ24" s="26">
        <v>0</v>
      </c>
      <c r="GK24" s="27">
        <v>0</v>
      </c>
      <c r="GL24" s="25">
        <v>0</v>
      </c>
      <c r="GM24" s="25">
        <v>9048</v>
      </c>
      <c r="GN24" s="25">
        <v>28</v>
      </c>
      <c r="GO24" s="25">
        <v>42</v>
      </c>
      <c r="GP24" s="25">
        <v>0</v>
      </c>
      <c r="GQ24" s="28">
        <v>9118</v>
      </c>
      <c r="GR24" s="29">
        <v>9118</v>
      </c>
      <c r="GS24" s="24">
        <v>0</v>
      </c>
      <c r="GT24" s="25">
        <v>0</v>
      </c>
      <c r="GU24" s="26">
        <v>0</v>
      </c>
      <c r="GV24" s="27">
        <v>0</v>
      </c>
      <c r="GW24" s="25">
        <v>0</v>
      </c>
      <c r="GX24" s="25">
        <v>0</v>
      </c>
      <c r="GY24" s="25">
        <v>0</v>
      </c>
      <c r="GZ24" s="25">
        <v>0</v>
      </c>
      <c r="HA24" s="25">
        <v>0</v>
      </c>
      <c r="HB24" s="28">
        <v>0</v>
      </c>
      <c r="HC24" s="29">
        <v>0</v>
      </c>
      <c r="HD24" s="24">
        <v>0</v>
      </c>
      <c r="HE24" s="25">
        <v>0</v>
      </c>
      <c r="HF24" s="26">
        <v>0</v>
      </c>
      <c r="HG24" s="403">
        <v>0</v>
      </c>
      <c r="HH24" s="25">
        <v>0</v>
      </c>
      <c r="HI24" s="25">
        <v>0</v>
      </c>
      <c r="HJ24" s="25">
        <v>0</v>
      </c>
      <c r="HK24" s="25">
        <v>0</v>
      </c>
      <c r="HL24" s="25">
        <v>0</v>
      </c>
      <c r="HM24" s="28">
        <v>0</v>
      </c>
      <c r="HN24" s="29">
        <v>0</v>
      </c>
      <c r="HO24" s="24">
        <v>0</v>
      </c>
      <c r="HP24" s="25">
        <v>0</v>
      </c>
      <c r="HQ24" s="26">
        <v>0</v>
      </c>
      <c r="HR24" s="27">
        <v>0</v>
      </c>
      <c r="HS24" s="25">
        <v>257087</v>
      </c>
      <c r="HT24" s="25">
        <v>760810</v>
      </c>
      <c r="HU24" s="25">
        <v>3965993</v>
      </c>
      <c r="HV24" s="25">
        <v>4496493</v>
      </c>
      <c r="HW24" s="25">
        <v>2789896</v>
      </c>
      <c r="HX24" s="28">
        <v>12270279</v>
      </c>
      <c r="HY24" s="29">
        <v>12270279</v>
      </c>
    </row>
    <row r="25" spans="2:233" ht="21" customHeight="1" x14ac:dyDescent="0.2">
      <c r="B25" s="106" t="s">
        <v>22</v>
      </c>
      <c r="C25" s="24">
        <v>0</v>
      </c>
      <c r="D25" s="25">
        <v>0</v>
      </c>
      <c r="E25" s="26">
        <v>0</v>
      </c>
      <c r="F25" s="27">
        <v>0</v>
      </c>
      <c r="G25" s="25">
        <v>100310</v>
      </c>
      <c r="H25" s="25">
        <v>275835</v>
      </c>
      <c r="I25" s="25">
        <v>592821</v>
      </c>
      <c r="J25" s="25">
        <v>1019405</v>
      </c>
      <c r="K25" s="25">
        <v>418120</v>
      </c>
      <c r="L25" s="28">
        <v>2406491</v>
      </c>
      <c r="M25" s="29">
        <v>2406491</v>
      </c>
      <c r="N25" s="24">
        <v>0</v>
      </c>
      <c r="O25" s="25">
        <v>0</v>
      </c>
      <c r="P25" s="26">
        <v>0</v>
      </c>
      <c r="Q25" s="403">
        <v>0</v>
      </c>
      <c r="R25" s="25">
        <v>35495</v>
      </c>
      <c r="S25" s="25">
        <v>32705</v>
      </c>
      <c r="T25" s="25">
        <v>399031</v>
      </c>
      <c r="U25" s="25">
        <v>608905</v>
      </c>
      <c r="V25" s="25">
        <v>164440</v>
      </c>
      <c r="W25" s="28">
        <v>1240576</v>
      </c>
      <c r="X25" s="29">
        <v>1240576</v>
      </c>
      <c r="Y25" s="24">
        <v>0</v>
      </c>
      <c r="Z25" s="25">
        <v>0</v>
      </c>
      <c r="AA25" s="26">
        <v>0</v>
      </c>
      <c r="AB25" s="403">
        <v>0</v>
      </c>
      <c r="AC25" s="25">
        <v>58460</v>
      </c>
      <c r="AD25" s="25">
        <v>234975</v>
      </c>
      <c r="AE25" s="25">
        <v>100440</v>
      </c>
      <c r="AF25" s="25">
        <v>328375</v>
      </c>
      <c r="AG25" s="25">
        <v>125420</v>
      </c>
      <c r="AH25" s="28">
        <v>847670</v>
      </c>
      <c r="AI25" s="29">
        <v>847670</v>
      </c>
      <c r="AJ25" s="24">
        <v>0</v>
      </c>
      <c r="AK25" s="25">
        <v>0</v>
      </c>
      <c r="AL25" s="26">
        <v>0</v>
      </c>
      <c r="AM25" s="403">
        <v>0</v>
      </c>
      <c r="AN25" s="25">
        <v>0</v>
      </c>
      <c r="AO25" s="25">
        <v>0</v>
      </c>
      <c r="AP25" s="25">
        <v>0</v>
      </c>
      <c r="AQ25" s="25">
        <v>0</v>
      </c>
      <c r="AR25" s="25">
        <v>0</v>
      </c>
      <c r="AS25" s="28">
        <v>0</v>
      </c>
      <c r="AT25" s="29">
        <v>0</v>
      </c>
      <c r="AU25" s="24">
        <v>0</v>
      </c>
      <c r="AV25" s="25">
        <v>0</v>
      </c>
      <c r="AW25" s="26">
        <v>0</v>
      </c>
      <c r="AX25" s="403">
        <v>0</v>
      </c>
      <c r="AY25" s="25">
        <v>0</v>
      </c>
      <c r="AZ25" s="25">
        <v>0</v>
      </c>
      <c r="BA25" s="25">
        <v>0</v>
      </c>
      <c r="BB25" s="25">
        <v>24645</v>
      </c>
      <c r="BC25" s="25">
        <v>27280</v>
      </c>
      <c r="BD25" s="28">
        <v>51925</v>
      </c>
      <c r="BE25" s="29">
        <v>51925</v>
      </c>
      <c r="BF25" s="24">
        <v>0</v>
      </c>
      <c r="BG25" s="25">
        <v>0</v>
      </c>
      <c r="BH25" s="26">
        <v>0</v>
      </c>
      <c r="BI25" s="403">
        <v>0</v>
      </c>
      <c r="BJ25" s="25">
        <v>0</v>
      </c>
      <c r="BK25" s="25">
        <v>0</v>
      </c>
      <c r="BL25" s="25">
        <v>27280</v>
      </c>
      <c r="BM25" s="25">
        <v>54560</v>
      </c>
      <c r="BN25" s="25">
        <v>95325</v>
      </c>
      <c r="BO25" s="28">
        <v>177165</v>
      </c>
      <c r="BP25" s="29">
        <v>177165</v>
      </c>
      <c r="BQ25" s="24">
        <v>0</v>
      </c>
      <c r="BR25" s="25">
        <v>0</v>
      </c>
      <c r="BS25" s="26">
        <v>0</v>
      </c>
      <c r="BT25" s="27">
        <v>0</v>
      </c>
      <c r="BU25" s="25">
        <v>1585</v>
      </c>
      <c r="BV25" s="25">
        <v>6585</v>
      </c>
      <c r="BW25" s="25">
        <v>65055</v>
      </c>
      <c r="BX25" s="25">
        <v>2920</v>
      </c>
      <c r="BY25" s="25">
        <v>4060</v>
      </c>
      <c r="BZ25" s="28">
        <v>80205</v>
      </c>
      <c r="CA25" s="29">
        <v>80205</v>
      </c>
      <c r="CB25" s="24">
        <v>0</v>
      </c>
      <c r="CC25" s="25">
        <v>0</v>
      </c>
      <c r="CD25" s="26">
        <v>0</v>
      </c>
      <c r="CE25" s="27">
        <v>0</v>
      </c>
      <c r="CF25" s="25">
        <v>4770</v>
      </c>
      <c r="CG25" s="25">
        <v>1570</v>
      </c>
      <c r="CH25" s="25">
        <v>1015</v>
      </c>
      <c r="CI25" s="25">
        <v>0</v>
      </c>
      <c r="CJ25" s="25">
        <v>1595</v>
      </c>
      <c r="CK25" s="28">
        <v>8950</v>
      </c>
      <c r="CL25" s="29">
        <v>8950</v>
      </c>
      <c r="CM25" s="24">
        <v>0</v>
      </c>
      <c r="CN25" s="25">
        <v>0</v>
      </c>
      <c r="CO25" s="26">
        <v>0</v>
      </c>
      <c r="CP25" s="27">
        <v>0</v>
      </c>
      <c r="CQ25" s="25">
        <v>0</v>
      </c>
      <c r="CR25" s="25">
        <v>0</v>
      </c>
      <c r="CS25" s="25">
        <v>0</v>
      </c>
      <c r="CT25" s="25">
        <v>0</v>
      </c>
      <c r="CU25" s="25">
        <v>0</v>
      </c>
      <c r="CV25" s="28">
        <v>0</v>
      </c>
      <c r="CW25" s="29">
        <v>0</v>
      </c>
      <c r="CX25" s="24">
        <v>0</v>
      </c>
      <c r="CY25" s="25">
        <v>0</v>
      </c>
      <c r="CZ25" s="26">
        <v>0</v>
      </c>
      <c r="DA25" s="403">
        <v>0</v>
      </c>
      <c r="DB25" s="25">
        <v>0</v>
      </c>
      <c r="DC25" s="25">
        <v>0</v>
      </c>
      <c r="DD25" s="25">
        <v>0</v>
      </c>
      <c r="DE25" s="25">
        <v>0</v>
      </c>
      <c r="DF25" s="25">
        <v>0</v>
      </c>
      <c r="DG25" s="28">
        <v>0</v>
      </c>
      <c r="DH25" s="29">
        <v>0</v>
      </c>
      <c r="DI25" s="24">
        <v>0</v>
      </c>
      <c r="DJ25" s="25">
        <v>0</v>
      </c>
      <c r="DK25" s="26">
        <v>0</v>
      </c>
      <c r="DL25" s="27">
        <v>0</v>
      </c>
      <c r="DM25" s="25">
        <v>61816</v>
      </c>
      <c r="DN25" s="25">
        <v>86733</v>
      </c>
      <c r="DO25" s="25">
        <v>560522</v>
      </c>
      <c r="DP25" s="25">
        <v>929873</v>
      </c>
      <c r="DQ25" s="25">
        <v>440628</v>
      </c>
      <c r="DR25" s="28">
        <v>2079572</v>
      </c>
      <c r="DS25" s="30">
        <v>2079572</v>
      </c>
      <c r="DT25" s="24">
        <v>0</v>
      </c>
      <c r="DU25" s="25">
        <v>0</v>
      </c>
      <c r="DV25" s="26">
        <v>0</v>
      </c>
      <c r="DW25" s="403">
        <v>0</v>
      </c>
      <c r="DX25" s="25">
        <v>26505</v>
      </c>
      <c r="DY25" s="25">
        <v>23281</v>
      </c>
      <c r="DZ25" s="25">
        <v>426437</v>
      </c>
      <c r="EA25" s="25">
        <v>768264</v>
      </c>
      <c r="EB25" s="25">
        <v>273676</v>
      </c>
      <c r="EC25" s="28">
        <v>1518163</v>
      </c>
      <c r="ED25" s="29">
        <v>1518163</v>
      </c>
      <c r="EE25" s="24">
        <v>0</v>
      </c>
      <c r="EF25" s="25">
        <v>0</v>
      </c>
      <c r="EG25" s="26">
        <v>0</v>
      </c>
      <c r="EH25" s="403">
        <v>0</v>
      </c>
      <c r="EI25" s="25">
        <v>33830</v>
      </c>
      <c r="EJ25" s="25">
        <v>55189</v>
      </c>
      <c r="EK25" s="25">
        <v>23529</v>
      </c>
      <c r="EL25" s="25">
        <v>59414</v>
      </c>
      <c r="EM25" s="25">
        <v>13115</v>
      </c>
      <c r="EN25" s="28">
        <v>185077</v>
      </c>
      <c r="EO25" s="29">
        <v>185077</v>
      </c>
      <c r="EP25" s="24">
        <v>0</v>
      </c>
      <c r="EQ25" s="25">
        <v>0</v>
      </c>
      <c r="ER25" s="26">
        <v>0</v>
      </c>
      <c r="ES25" s="403">
        <v>0</v>
      </c>
      <c r="ET25" s="25">
        <v>0</v>
      </c>
      <c r="EU25" s="25">
        <v>0</v>
      </c>
      <c r="EV25" s="25">
        <v>0</v>
      </c>
      <c r="EW25" s="25">
        <v>0</v>
      </c>
      <c r="EX25" s="25">
        <v>0</v>
      </c>
      <c r="EY25" s="28">
        <v>0</v>
      </c>
      <c r="EZ25" s="29">
        <v>0</v>
      </c>
      <c r="FA25" s="24">
        <v>0</v>
      </c>
      <c r="FB25" s="25">
        <v>0</v>
      </c>
      <c r="FC25" s="26">
        <v>0</v>
      </c>
      <c r="FD25" s="403">
        <v>0</v>
      </c>
      <c r="FE25" s="25">
        <v>0</v>
      </c>
      <c r="FF25" s="25">
        <v>0</v>
      </c>
      <c r="FG25" s="25">
        <v>0</v>
      </c>
      <c r="FH25" s="25">
        <v>11098</v>
      </c>
      <c r="FI25" s="25">
        <v>434</v>
      </c>
      <c r="FJ25" s="28">
        <v>11532</v>
      </c>
      <c r="FK25" s="29">
        <v>11532</v>
      </c>
      <c r="FL25" s="24">
        <v>0</v>
      </c>
      <c r="FM25" s="25">
        <v>0</v>
      </c>
      <c r="FN25" s="26">
        <v>0</v>
      </c>
      <c r="FO25" s="403">
        <v>0</v>
      </c>
      <c r="FP25" s="25">
        <v>0</v>
      </c>
      <c r="FQ25" s="25">
        <v>0</v>
      </c>
      <c r="FR25" s="25">
        <v>42780</v>
      </c>
      <c r="FS25" s="25">
        <v>85560</v>
      </c>
      <c r="FT25" s="25">
        <v>137330</v>
      </c>
      <c r="FU25" s="28">
        <v>265670</v>
      </c>
      <c r="FV25" s="29">
        <v>265670</v>
      </c>
      <c r="FW25" s="24">
        <v>0</v>
      </c>
      <c r="FX25" s="25">
        <v>0</v>
      </c>
      <c r="FY25" s="26">
        <v>0</v>
      </c>
      <c r="FZ25" s="27">
        <v>0</v>
      </c>
      <c r="GA25" s="25">
        <v>1404</v>
      </c>
      <c r="GB25" s="25">
        <v>8179</v>
      </c>
      <c r="GC25" s="25">
        <v>65270</v>
      </c>
      <c r="GD25" s="25">
        <v>5537</v>
      </c>
      <c r="GE25" s="25">
        <v>14550</v>
      </c>
      <c r="GF25" s="28">
        <v>94940</v>
      </c>
      <c r="GG25" s="29">
        <v>94940</v>
      </c>
      <c r="GH25" s="24">
        <v>0</v>
      </c>
      <c r="GI25" s="25">
        <v>0</v>
      </c>
      <c r="GJ25" s="26">
        <v>0</v>
      </c>
      <c r="GK25" s="27">
        <v>0</v>
      </c>
      <c r="GL25" s="25">
        <v>77</v>
      </c>
      <c r="GM25" s="25">
        <v>84</v>
      </c>
      <c r="GN25" s="25">
        <v>2506</v>
      </c>
      <c r="GO25" s="25">
        <v>0</v>
      </c>
      <c r="GP25" s="25">
        <v>1523</v>
      </c>
      <c r="GQ25" s="28">
        <v>4190</v>
      </c>
      <c r="GR25" s="29">
        <v>4190</v>
      </c>
      <c r="GS25" s="24">
        <v>0</v>
      </c>
      <c r="GT25" s="25">
        <v>0</v>
      </c>
      <c r="GU25" s="26">
        <v>0</v>
      </c>
      <c r="GV25" s="27">
        <v>0</v>
      </c>
      <c r="GW25" s="25">
        <v>0</v>
      </c>
      <c r="GX25" s="25">
        <v>0</v>
      </c>
      <c r="GY25" s="25">
        <v>0</v>
      </c>
      <c r="GZ25" s="25">
        <v>0</v>
      </c>
      <c r="HA25" s="25">
        <v>0</v>
      </c>
      <c r="HB25" s="28">
        <v>0</v>
      </c>
      <c r="HC25" s="29">
        <v>0</v>
      </c>
      <c r="HD25" s="24">
        <v>0</v>
      </c>
      <c r="HE25" s="25">
        <v>0</v>
      </c>
      <c r="HF25" s="26">
        <v>0</v>
      </c>
      <c r="HG25" s="403">
        <v>0</v>
      </c>
      <c r="HH25" s="25">
        <v>0</v>
      </c>
      <c r="HI25" s="25">
        <v>0</v>
      </c>
      <c r="HJ25" s="25">
        <v>0</v>
      </c>
      <c r="HK25" s="25">
        <v>0</v>
      </c>
      <c r="HL25" s="25">
        <v>0</v>
      </c>
      <c r="HM25" s="28">
        <v>0</v>
      </c>
      <c r="HN25" s="29">
        <v>0</v>
      </c>
      <c r="HO25" s="24">
        <v>0</v>
      </c>
      <c r="HP25" s="25">
        <v>0</v>
      </c>
      <c r="HQ25" s="26">
        <v>0</v>
      </c>
      <c r="HR25" s="27">
        <v>0</v>
      </c>
      <c r="HS25" s="25">
        <v>162126</v>
      </c>
      <c r="HT25" s="25">
        <v>362568</v>
      </c>
      <c r="HU25" s="25">
        <v>1153343</v>
      </c>
      <c r="HV25" s="25">
        <v>1949278</v>
      </c>
      <c r="HW25" s="25">
        <v>858748</v>
      </c>
      <c r="HX25" s="28">
        <v>4486063</v>
      </c>
      <c r="HY25" s="29">
        <v>4486063</v>
      </c>
    </row>
    <row r="26" spans="2:233" ht="21" customHeight="1" x14ac:dyDescent="0.2">
      <c r="B26" s="106" t="s">
        <v>23</v>
      </c>
      <c r="C26" s="24">
        <v>0</v>
      </c>
      <c r="D26" s="25">
        <v>0</v>
      </c>
      <c r="E26" s="26">
        <v>0</v>
      </c>
      <c r="F26" s="27">
        <v>0</v>
      </c>
      <c r="G26" s="25">
        <v>224340</v>
      </c>
      <c r="H26" s="25">
        <v>353935</v>
      </c>
      <c r="I26" s="25">
        <v>1099491</v>
      </c>
      <c r="J26" s="25">
        <v>1248757</v>
      </c>
      <c r="K26" s="25">
        <v>931775</v>
      </c>
      <c r="L26" s="28">
        <v>3858298</v>
      </c>
      <c r="M26" s="29">
        <v>3858298</v>
      </c>
      <c r="N26" s="24">
        <v>0</v>
      </c>
      <c r="O26" s="25">
        <v>0</v>
      </c>
      <c r="P26" s="26">
        <v>0</v>
      </c>
      <c r="Q26" s="403">
        <v>0</v>
      </c>
      <c r="R26" s="25">
        <v>57350</v>
      </c>
      <c r="S26" s="25">
        <v>207080</v>
      </c>
      <c r="T26" s="25">
        <v>821235</v>
      </c>
      <c r="U26" s="25">
        <v>849442</v>
      </c>
      <c r="V26" s="25">
        <v>626645</v>
      </c>
      <c r="W26" s="28">
        <v>2561752</v>
      </c>
      <c r="X26" s="29">
        <v>2561752</v>
      </c>
      <c r="Y26" s="24">
        <v>0</v>
      </c>
      <c r="Z26" s="25">
        <v>0</v>
      </c>
      <c r="AA26" s="26">
        <v>0</v>
      </c>
      <c r="AB26" s="403">
        <v>0</v>
      </c>
      <c r="AC26" s="25">
        <v>133455</v>
      </c>
      <c r="AD26" s="25">
        <v>110100</v>
      </c>
      <c r="AE26" s="25">
        <v>205698</v>
      </c>
      <c r="AF26" s="25">
        <v>293025</v>
      </c>
      <c r="AG26" s="25">
        <v>159405</v>
      </c>
      <c r="AH26" s="28">
        <v>901683</v>
      </c>
      <c r="AI26" s="29">
        <v>901683</v>
      </c>
      <c r="AJ26" s="24">
        <v>0</v>
      </c>
      <c r="AK26" s="25">
        <v>0</v>
      </c>
      <c r="AL26" s="26">
        <v>0</v>
      </c>
      <c r="AM26" s="403">
        <v>0</v>
      </c>
      <c r="AN26" s="25">
        <v>0</v>
      </c>
      <c r="AO26" s="25">
        <v>0</v>
      </c>
      <c r="AP26" s="25">
        <v>0</v>
      </c>
      <c r="AQ26" s="25">
        <v>0</v>
      </c>
      <c r="AR26" s="25">
        <v>60140</v>
      </c>
      <c r="AS26" s="28">
        <v>60140</v>
      </c>
      <c r="AT26" s="29">
        <v>60140</v>
      </c>
      <c r="AU26" s="24">
        <v>0</v>
      </c>
      <c r="AV26" s="25">
        <v>0</v>
      </c>
      <c r="AW26" s="26">
        <v>0</v>
      </c>
      <c r="AX26" s="403">
        <v>0</v>
      </c>
      <c r="AY26" s="25">
        <v>0</v>
      </c>
      <c r="AZ26" s="25">
        <v>0</v>
      </c>
      <c r="BA26" s="25">
        <v>0</v>
      </c>
      <c r="BB26" s="25">
        <v>25265</v>
      </c>
      <c r="BC26" s="25">
        <v>49910</v>
      </c>
      <c r="BD26" s="28">
        <v>75175</v>
      </c>
      <c r="BE26" s="29">
        <v>75175</v>
      </c>
      <c r="BF26" s="24">
        <v>0</v>
      </c>
      <c r="BG26" s="25">
        <v>0</v>
      </c>
      <c r="BH26" s="26">
        <v>0</v>
      </c>
      <c r="BI26" s="403">
        <v>0</v>
      </c>
      <c r="BJ26" s="25">
        <v>0</v>
      </c>
      <c r="BK26" s="25">
        <v>0</v>
      </c>
      <c r="BL26" s="25">
        <v>0</v>
      </c>
      <c r="BM26" s="25">
        <v>0</v>
      </c>
      <c r="BN26" s="25">
        <v>0</v>
      </c>
      <c r="BO26" s="28">
        <v>0</v>
      </c>
      <c r="BP26" s="29">
        <v>0</v>
      </c>
      <c r="BQ26" s="24">
        <v>0</v>
      </c>
      <c r="BR26" s="25">
        <v>0</v>
      </c>
      <c r="BS26" s="26">
        <v>0</v>
      </c>
      <c r="BT26" s="27">
        <v>0</v>
      </c>
      <c r="BU26" s="25">
        <v>33535</v>
      </c>
      <c r="BV26" s="25">
        <v>36755</v>
      </c>
      <c r="BW26" s="25">
        <v>72558</v>
      </c>
      <c r="BX26" s="25">
        <v>81025</v>
      </c>
      <c r="BY26" s="25">
        <v>35240</v>
      </c>
      <c r="BZ26" s="28">
        <v>259113</v>
      </c>
      <c r="CA26" s="29">
        <v>259113</v>
      </c>
      <c r="CB26" s="24">
        <v>0</v>
      </c>
      <c r="CC26" s="25">
        <v>0</v>
      </c>
      <c r="CD26" s="26">
        <v>0</v>
      </c>
      <c r="CE26" s="27">
        <v>0</v>
      </c>
      <c r="CF26" s="25">
        <v>0</v>
      </c>
      <c r="CG26" s="25">
        <v>0</v>
      </c>
      <c r="CH26" s="25">
        <v>0</v>
      </c>
      <c r="CI26" s="25">
        <v>0</v>
      </c>
      <c r="CJ26" s="25">
        <v>435</v>
      </c>
      <c r="CK26" s="28">
        <v>435</v>
      </c>
      <c r="CL26" s="29">
        <v>435</v>
      </c>
      <c r="CM26" s="24">
        <v>0</v>
      </c>
      <c r="CN26" s="25">
        <v>0</v>
      </c>
      <c r="CO26" s="26">
        <v>0</v>
      </c>
      <c r="CP26" s="27">
        <v>0</v>
      </c>
      <c r="CQ26" s="25">
        <v>0</v>
      </c>
      <c r="CR26" s="25">
        <v>0</v>
      </c>
      <c r="CS26" s="25">
        <v>0</v>
      </c>
      <c r="CT26" s="25">
        <v>0</v>
      </c>
      <c r="CU26" s="25">
        <v>0</v>
      </c>
      <c r="CV26" s="28">
        <v>0</v>
      </c>
      <c r="CW26" s="29">
        <v>0</v>
      </c>
      <c r="CX26" s="24">
        <v>0</v>
      </c>
      <c r="CY26" s="25">
        <v>0</v>
      </c>
      <c r="CZ26" s="26">
        <v>0</v>
      </c>
      <c r="DA26" s="403">
        <v>0</v>
      </c>
      <c r="DB26" s="25">
        <v>0</v>
      </c>
      <c r="DC26" s="25">
        <v>0</v>
      </c>
      <c r="DD26" s="25">
        <v>0</v>
      </c>
      <c r="DE26" s="25">
        <v>0</v>
      </c>
      <c r="DF26" s="25">
        <v>0</v>
      </c>
      <c r="DG26" s="28">
        <v>0</v>
      </c>
      <c r="DH26" s="29">
        <v>0</v>
      </c>
      <c r="DI26" s="24">
        <v>0</v>
      </c>
      <c r="DJ26" s="25">
        <v>0</v>
      </c>
      <c r="DK26" s="26">
        <v>0</v>
      </c>
      <c r="DL26" s="27">
        <v>0</v>
      </c>
      <c r="DM26" s="25">
        <v>96049</v>
      </c>
      <c r="DN26" s="25">
        <v>187924</v>
      </c>
      <c r="DO26" s="25">
        <v>1063672</v>
      </c>
      <c r="DP26" s="25">
        <v>1182931</v>
      </c>
      <c r="DQ26" s="25">
        <v>702656</v>
      </c>
      <c r="DR26" s="28">
        <v>3233232</v>
      </c>
      <c r="DS26" s="30">
        <v>3233232</v>
      </c>
      <c r="DT26" s="24">
        <v>0</v>
      </c>
      <c r="DU26" s="25">
        <v>0</v>
      </c>
      <c r="DV26" s="26">
        <v>0</v>
      </c>
      <c r="DW26" s="403">
        <v>0</v>
      </c>
      <c r="DX26" s="25">
        <v>33046</v>
      </c>
      <c r="DY26" s="25">
        <v>143344</v>
      </c>
      <c r="DZ26" s="25">
        <v>916033</v>
      </c>
      <c r="EA26" s="25">
        <v>1024172</v>
      </c>
      <c r="EB26" s="25">
        <v>599953</v>
      </c>
      <c r="EC26" s="28">
        <v>2716548</v>
      </c>
      <c r="ED26" s="29">
        <v>2716548</v>
      </c>
      <c r="EE26" s="24">
        <v>0</v>
      </c>
      <c r="EF26" s="25">
        <v>0</v>
      </c>
      <c r="EG26" s="26">
        <v>0</v>
      </c>
      <c r="EH26" s="403">
        <v>0</v>
      </c>
      <c r="EI26" s="25">
        <v>49545</v>
      </c>
      <c r="EJ26" s="25">
        <v>13549</v>
      </c>
      <c r="EK26" s="25">
        <v>15543</v>
      </c>
      <c r="EL26" s="25">
        <v>5215</v>
      </c>
      <c r="EM26" s="25">
        <v>39293</v>
      </c>
      <c r="EN26" s="28">
        <v>123145</v>
      </c>
      <c r="EO26" s="29">
        <v>123145</v>
      </c>
      <c r="EP26" s="24">
        <v>0</v>
      </c>
      <c r="EQ26" s="25">
        <v>0</v>
      </c>
      <c r="ER26" s="26">
        <v>0</v>
      </c>
      <c r="ES26" s="403">
        <v>0</v>
      </c>
      <c r="ET26" s="25">
        <v>0</v>
      </c>
      <c r="EU26" s="25">
        <v>0</v>
      </c>
      <c r="EV26" s="25">
        <v>0</v>
      </c>
      <c r="EW26" s="25">
        <v>0</v>
      </c>
      <c r="EX26" s="25">
        <v>11470</v>
      </c>
      <c r="EY26" s="28">
        <v>11470</v>
      </c>
      <c r="EZ26" s="29">
        <v>11470</v>
      </c>
      <c r="FA26" s="24">
        <v>0</v>
      </c>
      <c r="FB26" s="25">
        <v>0</v>
      </c>
      <c r="FC26" s="26">
        <v>0</v>
      </c>
      <c r="FD26" s="403">
        <v>0</v>
      </c>
      <c r="FE26" s="25">
        <v>0</v>
      </c>
      <c r="FF26" s="25">
        <v>0</v>
      </c>
      <c r="FG26" s="25">
        <v>0</v>
      </c>
      <c r="FH26" s="25">
        <v>217</v>
      </c>
      <c r="FI26" s="25">
        <v>434</v>
      </c>
      <c r="FJ26" s="28">
        <v>651</v>
      </c>
      <c r="FK26" s="29">
        <v>651</v>
      </c>
      <c r="FL26" s="24">
        <v>0</v>
      </c>
      <c r="FM26" s="25">
        <v>0</v>
      </c>
      <c r="FN26" s="26">
        <v>0</v>
      </c>
      <c r="FO26" s="403">
        <v>0</v>
      </c>
      <c r="FP26" s="25">
        <v>0</v>
      </c>
      <c r="FQ26" s="25">
        <v>0</v>
      </c>
      <c r="FR26" s="25">
        <v>0</v>
      </c>
      <c r="FS26" s="25">
        <v>0</v>
      </c>
      <c r="FT26" s="25">
        <v>0</v>
      </c>
      <c r="FU26" s="28">
        <v>0</v>
      </c>
      <c r="FV26" s="29">
        <v>0</v>
      </c>
      <c r="FW26" s="24">
        <v>0</v>
      </c>
      <c r="FX26" s="25">
        <v>0</v>
      </c>
      <c r="FY26" s="26">
        <v>0</v>
      </c>
      <c r="FZ26" s="27">
        <v>0</v>
      </c>
      <c r="GA26" s="25">
        <v>13458</v>
      </c>
      <c r="GB26" s="25">
        <v>31031</v>
      </c>
      <c r="GC26" s="25">
        <v>132096</v>
      </c>
      <c r="GD26" s="25">
        <v>153327</v>
      </c>
      <c r="GE26" s="25">
        <v>50074</v>
      </c>
      <c r="GF26" s="28">
        <v>379986</v>
      </c>
      <c r="GG26" s="29">
        <v>379986</v>
      </c>
      <c r="GH26" s="24">
        <v>0</v>
      </c>
      <c r="GI26" s="25">
        <v>0</v>
      </c>
      <c r="GJ26" s="26">
        <v>0</v>
      </c>
      <c r="GK26" s="27">
        <v>0</v>
      </c>
      <c r="GL26" s="25">
        <v>0</v>
      </c>
      <c r="GM26" s="25">
        <v>0</v>
      </c>
      <c r="GN26" s="25">
        <v>0</v>
      </c>
      <c r="GO26" s="25">
        <v>0</v>
      </c>
      <c r="GP26" s="25">
        <v>1432</v>
      </c>
      <c r="GQ26" s="28">
        <v>1432</v>
      </c>
      <c r="GR26" s="29">
        <v>1432</v>
      </c>
      <c r="GS26" s="24">
        <v>0</v>
      </c>
      <c r="GT26" s="25">
        <v>0</v>
      </c>
      <c r="GU26" s="26">
        <v>0</v>
      </c>
      <c r="GV26" s="27">
        <v>0</v>
      </c>
      <c r="GW26" s="25">
        <v>0</v>
      </c>
      <c r="GX26" s="25">
        <v>0</v>
      </c>
      <c r="GY26" s="25">
        <v>0</v>
      </c>
      <c r="GZ26" s="25">
        <v>0</v>
      </c>
      <c r="HA26" s="25">
        <v>0</v>
      </c>
      <c r="HB26" s="28">
        <v>0</v>
      </c>
      <c r="HC26" s="29">
        <v>0</v>
      </c>
      <c r="HD26" s="24">
        <v>0</v>
      </c>
      <c r="HE26" s="25">
        <v>0</v>
      </c>
      <c r="HF26" s="26">
        <v>0</v>
      </c>
      <c r="HG26" s="403">
        <v>0</v>
      </c>
      <c r="HH26" s="25">
        <v>0</v>
      </c>
      <c r="HI26" s="25">
        <v>0</v>
      </c>
      <c r="HJ26" s="25">
        <v>0</v>
      </c>
      <c r="HK26" s="25">
        <v>0</v>
      </c>
      <c r="HL26" s="25">
        <v>0</v>
      </c>
      <c r="HM26" s="28">
        <v>0</v>
      </c>
      <c r="HN26" s="29">
        <v>0</v>
      </c>
      <c r="HO26" s="24">
        <v>0</v>
      </c>
      <c r="HP26" s="25">
        <v>0</v>
      </c>
      <c r="HQ26" s="26">
        <v>0</v>
      </c>
      <c r="HR26" s="27">
        <v>0</v>
      </c>
      <c r="HS26" s="25">
        <v>320389</v>
      </c>
      <c r="HT26" s="25">
        <v>541859</v>
      </c>
      <c r="HU26" s="25">
        <v>2163163</v>
      </c>
      <c r="HV26" s="25">
        <v>2431688</v>
      </c>
      <c r="HW26" s="25">
        <v>1634431</v>
      </c>
      <c r="HX26" s="28">
        <v>7091530</v>
      </c>
      <c r="HY26" s="29">
        <v>7091530</v>
      </c>
    </row>
    <row r="27" spans="2:233" ht="21" customHeight="1" x14ac:dyDescent="0.2">
      <c r="B27" s="106" t="s">
        <v>24</v>
      </c>
      <c r="C27" s="24">
        <v>0</v>
      </c>
      <c r="D27" s="25">
        <v>0</v>
      </c>
      <c r="E27" s="26">
        <v>0</v>
      </c>
      <c r="F27" s="27">
        <v>0</v>
      </c>
      <c r="G27" s="25">
        <v>67175</v>
      </c>
      <c r="H27" s="25">
        <v>118350</v>
      </c>
      <c r="I27" s="25">
        <v>264160</v>
      </c>
      <c r="J27" s="25">
        <v>892430</v>
      </c>
      <c r="K27" s="25">
        <v>357290</v>
      </c>
      <c r="L27" s="28">
        <v>1699405</v>
      </c>
      <c r="M27" s="29">
        <v>1699405</v>
      </c>
      <c r="N27" s="24">
        <v>0</v>
      </c>
      <c r="O27" s="25">
        <v>0</v>
      </c>
      <c r="P27" s="26">
        <v>0</v>
      </c>
      <c r="Q27" s="403">
        <v>0</v>
      </c>
      <c r="R27" s="25">
        <v>0</v>
      </c>
      <c r="S27" s="25">
        <v>0</v>
      </c>
      <c r="T27" s="25">
        <v>176840</v>
      </c>
      <c r="U27" s="25">
        <v>672295</v>
      </c>
      <c r="V27" s="25">
        <v>206930</v>
      </c>
      <c r="W27" s="28">
        <v>1056065</v>
      </c>
      <c r="X27" s="29">
        <v>1056065</v>
      </c>
      <c r="Y27" s="24">
        <v>0</v>
      </c>
      <c r="Z27" s="25">
        <v>0</v>
      </c>
      <c r="AA27" s="26">
        <v>0</v>
      </c>
      <c r="AB27" s="403">
        <v>0</v>
      </c>
      <c r="AC27" s="25">
        <v>59985</v>
      </c>
      <c r="AD27" s="25">
        <v>104040</v>
      </c>
      <c r="AE27" s="25">
        <v>48345</v>
      </c>
      <c r="AF27" s="25">
        <v>87265</v>
      </c>
      <c r="AG27" s="25">
        <v>138480</v>
      </c>
      <c r="AH27" s="28">
        <v>438115</v>
      </c>
      <c r="AI27" s="29">
        <v>438115</v>
      </c>
      <c r="AJ27" s="24">
        <v>0</v>
      </c>
      <c r="AK27" s="25">
        <v>0</v>
      </c>
      <c r="AL27" s="26">
        <v>0</v>
      </c>
      <c r="AM27" s="403">
        <v>0</v>
      </c>
      <c r="AN27" s="25">
        <v>0</v>
      </c>
      <c r="AO27" s="25">
        <v>0</v>
      </c>
      <c r="AP27" s="25">
        <v>0</v>
      </c>
      <c r="AQ27" s="25">
        <v>0</v>
      </c>
      <c r="AR27" s="25">
        <v>0</v>
      </c>
      <c r="AS27" s="28">
        <v>0</v>
      </c>
      <c r="AT27" s="29">
        <v>0</v>
      </c>
      <c r="AU27" s="24">
        <v>0</v>
      </c>
      <c r="AV27" s="25">
        <v>0</v>
      </c>
      <c r="AW27" s="26">
        <v>0</v>
      </c>
      <c r="AX27" s="403">
        <v>0</v>
      </c>
      <c r="AY27" s="25">
        <v>0</v>
      </c>
      <c r="AZ27" s="25">
        <v>0</v>
      </c>
      <c r="BA27" s="25">
        <v>0</v>
      </c>
      <c r="BB27" s="25">
        <v>0</v>
      </c>
      <c r="BC27" s="25">
        <v>0</v>
      </c>
      <c r="BD27" s="28">
        <v>0</v>
      </c>
      <c r="BE27" s="29">
        <v>0</v>
      </c>
      <c r="BF27" s="24">
        <v>0</v>
      </c>
      <c r="BG27" s="25">
        <v>0</v>
      </c>
      <c r="BH27" s="26">
        <v>0</v>
      </c>
      <c r="BI27" s="403">
        <v>0</v>
      </c>
      <c r="BJ27" s="25">
        <v>0</v>
      </c>
      <c r="BK27" s="25">
        <v>0</v>
      </c>
      <c r="BL27" s="25">
        <v>0</v>
      </c>
      <c r="BM27" s="25">
        <v>0</v>
      </c>
      <c r="BN27" s="25">
        <v>0</v>
      </c>
      <c r="BO27" s="28">
        <v>0</v>
      </c>
      <c r="BP27" s="29">
        <v>0</v>
      </c>
      <c r="BQ27" s="24">
        <v>0</v>
      </c>
      <c r="BR27" s="25">
        <v>0</v>
      </c>
      <c r="BS27" s="26">
        <v>0</v>
      </c>
      <c r="BT27" s="27">
        <v>0</v>
      </c>
      <c r="BU27" s="25">
        <v>6780</v>
      </c>
      <c r="BV27" s="25">
        <v>14310</v>
      </c>
      <c r="BW27" s="25">
        <v>37460</v>
      </c>
      <c r="BX27" s="25">
        <v>132870</v>
      </c>
      <c r="BY27" s="25">
        <v>11880</v>
      </c>
      <c r="BZ27" s="28">
        <v>203300</v>
      </c>
      <c r="CA27" s="29">
        <v>203300</v>
      </c>
      <c r="CB27" s="24">
        <v>0</v>
      </c>
      <c r="CC27" s="25">
        <v>0</v>
      </c>
      <c r="CD27" s="26">
        <v>0</v>
      </c>
      <c r="CE27" s="27">
        <v>0</v>
      </c>
      <c r="CF27" s="25">
        <v>410</v>
      </c>
      <c r="CG27" s="25">
        <v>0</v>
      </c>
      <c r="CH27" s="25">
        <v>1515</v>
      </c>
      <c r="CI27" s="25">
        <v>0</v>
      </c>
      <c r="CJ27" s="25">
        <v>0</v>
      </c>
      <c r="CK27" s="28">
        <v>1925</v>
      </c>
      <c r="CL27" s="29">
        <v>1925</v>
      </c>
      <c r="CM27" s="24">
        <v>0</v>
      </c>
      <c r="CN27" s="25">
        <v>0</v>
      </c>
      <c r="CO27" s="26">
        <v>0</v>
      </c>
      <c r="CP27" s="27">
        <v>0</v>
      </c>
      <c r="CQ27" s="25">
        <v>0</v>
      </c>
      <c r="CR27" s="25">
        <v>0</v>
      </c>
      <c r="CS27" s="25">
        <v>0</v>
      </c>
      <c r="CT27" s="25">
        <v>0</v>
      </c>
      <c r="CU27" s="25">
        <v>0</v>
      </c>
      <c r="CV27" s="28">
        <v>0</v>
      </c>
      <c r="CW27" s="29">
        <v>0</v>
      </c>
      <c r="CX27" s="24">
        <v>0</v>
      </c>
      <c r="CY27" s="25">
        <v>0</v>
      </c>
      <c r="CZ27" s="26">
        <v>0</v>
      </c>
      <c r="DA27" s="403">
        <v>0</v>
      </c>
      <c r="DB27" s="25">
        <v>0</v>
      </c>
      <c r="DC27" s="25">
        <v>0</v>
      </c>
      <c r="DD27" s="25">
        <v>0</v>
      </c>
      <c r="DE27" s="25">
        <v>0</v>
      </c>
      <c r="DF27" s="25">
        <v>0</v>
      </c>
      <c r="DG27" s="28">
        <v>0</v>
      </c>
      <c r="DH27" s="29">
        <v>0</v>
      </c>
      <c r="DI27" s="24">
        <v>0</v>
      </c>
      <c r="DJ27" s="25">
        <v>0</v>
      </c>
      <c r="DK27" s="26">
        <v>0</v>
      </c>
      <c r="DL27" s="27">
        <v>0</v>
      </c>
      <c r="DM27" s="25">
        <v>25165</v>
      </c>
      <c r="DN27" s="25">
        <v>85711</v>
      </c>
      <c r="DO27" s="25">
        <v>301155</v>
      </c>
      <c r="DP27" s="25">
        <v>924673</v>
      </c>
      <c r="DQ27" s="25">
        <v>417630</v>
      </c>
      <c r="DR27" s="28">
        <v>1754334</v>
      </c>
      <c r="DS27" s="30">
        <v>1754334</v>
      </c>
      <c r="DT27" s="24">
        <v>0</v>
      </c>
      <c r="DU27" s="25">
        <v>0</v>
      </c>
      <c r="DV27" s="26">
        <v>0</v>
      </c>
      <c r="DW27" s="403">
        <v>0</v>
      </c>
      <c r="DX27" s="25">
        <v>0</v>
      </c>
      <c r="DY27" s="25">
        <v>0</v>
      </c>
      <c r="DZ27" s="25">
        <v>164102</v>
      </c>
      <c r="EA27" s="25">
        <v>810365</v>
      </c>
      <c r="EB27" s="25">
        <v>375619</v>
      </c>
      <c r="EC27" s="28">
        <v>1350086</v>
      </c>
      <c r="ED27" s="29">
        <v>1350086</v>
      </c>
      <c r="EE27" s="24">
        <v>0</v>
      </c>
      <c r="EF27" s="25">
        <v>0</v>
      </c>
      <c r="EG27" s="26">
        <v>0</v>
      </c>
      <c r="EH27" s="403">
        <v>0</v>
      </c>
      <c r="EI27" s="25">
        <v>651</v>
      </c>
      <c r="EJ27" s="25">
        <v>59603</v>
      </c>
      <c r="EK27" s="25">
        <v>90275</v>
      </c>
      <c r="EL27" s="25">
        <v>1085</v>
      </c>
      <c r="EM27" s="25">
        <v>24221</v>
      </c>
      <c r="EN27" s="28">
        <v>175835</v>
      </c>
      <c r="EO27" s="29">
        <v>175835</v>
      </c>
      <c r="EP27" s="24">
        <v>0</v>
      </c>
      <c r="EQ27" s="25">
        <v>0</v>
      </c>
      <c r="ER27" s="26">
        <v>0</v>
      </c>
      <c r="ES27" s="403">
        <v>0</v>
      </c>
      <c r="ET27" s="25">
        <v>0</v>
      </c>
      <c r="EU27" s="25">
        <v>0</v>
      </c>
      <c r="EV27" s="25">
        <v>0</v>
      </c>
      <c r="EW27" s="25">
        <v>0</v>
      </c>
      <c r="EX27" s="25">
        <v>0</v>
      </c>
      <c r="EY27" s="28">
        <v>0</v>
      </c>
      <c r="EZ27" s="29">
        <v>0</v>
      </c>
      <c r="FA27" s="24">
        <v>0</v>
      </c>
      <c r="FB27" s="25">
        <v>0</v>
      </c>
      <c r="FC27" s="26">
        <v>0</v>
      </c>
      <c r="FD27" s="403">
        <v>0</v>
      </c>
      <c r="FE27" s="25">
        <v>0</v>
      </c>
      <c r="FF27" s="25">
        <v>0</v>
      </c>
      <c r="FG27" s="25">
        <v>0</v>
      </c>
      <c r="FH27" s="25">
        <v>0</v>
      </c>
      <c r="FI27" s="25">
        <v>0</v>
      </c>
      <c r="FJ27" s="28">
        <v>0</v>
      </c>
      <c r="FK27" s="29">
        <v>0</v>
      </c>
      <c r="FL27" s="24">
        <v>0</v>
      </c>
      <c r="FM27" s="25">
        <v>0</v>
      </c>
      <c r="FN27" s="26">
        <v>0</v>
      </c>
      <c r="FO27" s="403">
        <v>0</v>
      </c>
      <c r="FP27" s="25">
        <v>0</v>
      </c>
      <c r="FQ27" s="25">
        <v>0</v>
      </c>
      <c r="FR27" s="25">
        <v>0</v>
      </c>
      <c r="FS27" s="25">
        <v>0</v>
      </c>
      <c r="FT27" s="25">
        <v>0</v>
      </c>
      <c r="FU27" s="28">
        <v>0</v>
      </c>
      <c r="FV27" s="29">
        <v>0</v>
      </c>
      <c r="FW27" s="24">
        <v>0</v>
      </c>
      <c r="FX27" s="25">
        <v>0</v>
      </c>
      <c r="FY27" s="26">
        <v>0</v>
      </c>
      <c r="FZ27" s="27">
        <v>0</v>
      </c>
      <c r="GA27" s="25">
        <v>24493</v>
      </c>
      <c r="GB27" s="25">
        <v>26108</v>
      </c>
      <c r="GC27" s="25">
        <v>46750</v>
      </c>
      <c r="GD27" s="25">
        <v>113223</v>
      </c>
      <c r="GE27" s="25">
        <v>17790</v>
      </c>
      <c r="GF27" s="28">
        <v>228364</v>
      </c>
      <c r="GG27" s="29">
        <v>228364</v>
      </c>
      <c r="GH27" s="24">
        <v>0</v>
      </c>
      <c r="GI27" s="25">
        <v>0</v>
      </c>
      <c r="GJ27" s="26">
        <v>0</v>
      </c>
      <c r="GK27" s="27">
        <v>0</v>
      </c>
      <c r="GL27" s="25">
        <v>21</v>
      </c>
      <c r="GM27" s="25">
        <v>0</v>
      </c>
      <c r="GN27" s="25">
        <v>28</v>
      </c>
      <c r="GO27" s="25">
        <v>0</v>
      </c>
      <c r="GP27" s="25">
        <v>0</v>
      </c>
      <c r="GQ27" s="28">
        <v>49</v>
      </c>
      <c r="GR27" s="29">
        <v>49</v>
      </c>
      <c r="GS27" s="24">
        <v>0</v>
      </c>
      <c r="GT27" s="25">
        <v>0</v>
      </c>
      <c r="GU27" s="26">
        <v>0</v>
      </c>
      <c r="GV27" s="27">
        <v>0</v>
      </c>
      <c r="GW27" s="25">
        <v>0</v>
      </c>
      <c r="GX27" s="25">
        <v>0</v>
      </c>
      <c r="GY27" s="25">
        <v>0</v>
      </c>
      <c r="GZ27" s="25">
        <v>0</v>
      </c>
      <c r="HA27" s="25">
        <v>0</v>
      </c>
      <c r="HB27" s="28">
        <v>0</v>
      </c>
      <c r="HC27" s="29">
        <v>0</v>
      </c>
      <c r="HD27" s="24">
        <v>0</v>
      </c>
      <c r="HE27" s="25">
        <v>0</v>
      </c>
      <c r="HF27" s="26">
        <v>0</v>
      </c>
      <c r="HG27" s="403">
        <v>0</v>
      </c>
      <c r="HH27" s="25">
        <v>0</v>
      </c>
      <c r="HI27" s="25">
        <v>0</v>
      </c>
      <c r="HJ27" s="25">
        <v>0</v>
      </c>
      <c r="HK27" s="25">
        <v>0</v>
      </c>
      <c r="HL27" s="25">
        <v>0</v>
      </c>
      <c r="HM27" s="28">
        <v>0</v>
      </c>
      <c r="HN27" s="29">
        <v>0</v>
      </c>
      <c r="HO27" s="24">
        <v>0</v>
      </c>
      <c r="HP27" s="25">
        <v>0</v>
      </c>
      <c r="HQ27" s="26">
        <v>0</v>
      </c>
      <c r="HR27" s="27">
        <v>0</v>
      </c>
      <c r="HS27" s="25">
        <v>92340</v>
      </c>
      <c r="HT27" s="25">
        <v>204061</v>
      </c>
      <c r="HU27" s="25">
        <v>565315</v>
      </c>
      <c r="HV27" s="25">
        <v>1817103</v>
      </c>
      <c r="HW27" s="25">
        <v>774920</v>
      </c>
      <c r="HX27" s="28">
        <v>3453739</v>
      </c>
      <c r="HY27" s="29">
        <v>3453739</v>
      </c>
    </row>
    <row r="28" spans="2:233" ht="21" customHeight="1" x14ac:dyDescent="0.2">
      <c r="B28" s="106" t="s">
        <v>25</v>
      </c>
      <c r="C28" s="24">
        <v>0</v>
      </c>
      <c r="D28" s="25">
        <v>0</v>
      </c>
      <c r="E28" s="26">
        <v>0</v>
      </c>
      <c r="F28" s="27">
        <v>0</v>
      </c>
      <c r="G28" s="25">
        <v>48164</v>
      </c>
      <c r="H28" s="25">
        <v>230886</v>
      </c>
      <c r="I28" s="25">
        <v>691465</v>
      </c>
      <c r="J28" s="25">
        <v>700169</v>
      </c>
      <c r="K28" s="25">
        <v>404825</v>
      </c>
      <c r="L28" s="28">
        <v>2075509</v>
      </c>
      <c r="M28" s="29">
        <v>2075509</v>
      </c>
      <c r="N28" s="24">
        <v>0</v>
      </c>
      <c r="O28" s="25">
        <v>0</v>
      </c>
      <c r="P28" s="26">
        <v>0</v>
      </c>
      <c r="Q28" s="403">
        <v>0</v>
      </c>
      <c r="R28" s="25">
        <v>0</v>
      </c>
      <c r="S28" s="25">
        <v>2155</v>
      </c>
      <c r="T28" s="25">
        <v>524235</v>
      </c>
      <c r="U28" s="25">
        <v>439045</v>
      </c>
      <c r="V28" s="25">
        <v>318430</v>
      </c>
      <c r="W28" s="28">
        <v>1283865</v>
      </c>
      <c r="X28" s="29">
        <v>1283865</v>
      </c>
      <c r="Y28" s="24">
        <v>0</v>
      </c>
      <c r="Z28" s="25">
        <v>0</v>
      </c>
      <c r="AA28" s="26">
        <v>0</v>
      </c>
      <c r="AB28" s="403">
        <v>0</v>
      </c>
      <c r="AC28" s="25">
        <v>30085</v>
      </c>
      <c r="AD28" s="25">
        <v>213538</v>
      </c>
      <c r="AE28" s="25">
        <v>106485</v>
      </c>
      <c r="AF28" s="25">
        <v>222685</v>
      </c>
      <c r="AG28" s="25">
        <v>51925</v>
      </c>
      <c r="AH28" s="28">
        <v>624718</v>
      </c>
      <c r="AI28" s="29">
        <v>624718</v>
      </c>
      <c r="AJ28" s="24">
        <v>0</v>
      </c>
      <c r="AK28" s="25">
        <v>0</v>
      </c>
      <c r="AL28" s="26">
        <v>0</v>
      </c>
      <c r="AM28" s="403">
        <v>0</v>
      </c>
      <c r="AN28" s="25">
        <v>0</v>
      </c>
      <c r="AO28" s="25">
        <v>0</v>
      </c>
      <c r="AP28" s="25">
        <v>0</v>
      </c>
      <c r="AQ28" s="25">
        <v>0</v>
      </c>
      <c r="AR28" s="25">
        <v>0</v>
      </c>
      <c r="AS28" s="28">
        <v>0</v>
      </c>
      <c r="AT28" s="29">
        <v>0</v>
      </c>
      <c r="AU28" s="24">
        <v>0</v>
      </c>
      <c r="AV28" s="25">
        <v>0</v>
      </c>
      <c r="AW28" s="26">
        <v>0</v>
      </c>
      <c r="AX28" s="403">
        <v>0</v>
      </c>
      <c r="AY28" s="25">
        <v>0</v>
      </c>
      <c r="AZ28" s="25">
        <v>0</v>
      </c>
      <c r="BA28" s="25">
        <v>0</v>
      </c>
      <c r="BB28" s="25">
        <v>0</v>
      </c>
      <c r="BC28" s="25">
        <v>32705</v>
      </c>
      <c r="BD28" s="28">
        <v>32705</v>
      </c>
      <c r="BE28" s="29">
        <v>32705</v>
      </c>
      <c r="BF28" s="24">
        <v>0</v>
      </c>
      <c r="BG28" s="25">
        <v>0</v>
      </c>
      <c r="BH28" s="26">
        <v>0</v>
      </c>
      <c r="BI28" s="403">
        <v>0</v>
      </c>
      <c r="BJ28" s="25">
        <v>0</v>
      </c>
      <c r="BK28" s="25">
        <v>0</v>
      </c>
      <c r="BL28" s="25">
        <v>0</v>
      </c>
      <c r="BM28" s="25">
        <v>0</v>
      </c>
      <c r="BN28" s="25">
        <v>0</v>
      </c>
      <c r="BO28" s="28">
        <v>0</v>
      </c>
      <c r="BP28" s="29">
        <v>0</v>
      </c>
      <c r="BQ28" s="24">
        <v>0</v>
      </c>
      <c r="BR28" s="25">
        <v>0</v>
      </c>
      <c r="BS28" s="26">
        <v>0</v>
      </c>
      <c r="BT28" s="27">
        <v>0</v>
      </c>
      <c r="BU28" s="25">
        <v>18079</v>
      </c>
      <c r="BV28" s="25">
        <v>15193</v>
      </c>
      <c r="BW28" s="25">
        <v>60300</v>
      </c>
      <c r="BX28" s="25">
        <v>38439</v>
      </c>
      <c r="BY28" s="25">
        <v>1765</v>
      </c>
      <c r="BZ28" s="28">
        <v>133776</v>
      </c>
      <c r="CA28" s="29">
        <v>133776</v>
      </c>
      <c r="CB28" s="24">
        <v>0</v>
      </c>
      <c r="CC28" s="25">
        <v>0</v>
      </c>
      <c r="CD28" s="26">
        <v>0</v>
      </c>
      <c r="CE28" s="27">
        <v>0</v>
      </c>
      <c r="CF28" s="25">
        <v>0</v>
      </c>
      <c r="CG28" s="25">
        <v>0</v>
      </c>
      <c r="CH28" s="25">
        <v>445</v>
      </c>
      <c r="CI28" s="25">
        <v>0</v>
      </c>
      <c r="CJ28" s="25">
        <v>0</v>
      </c>
      <c r="CK28" s="28">
        <v>445</v>
      </c>
      <c r="CL28" s="29">
        <v>445</v>
      </c>
      <c r="CM28" s="24">
        <v>0</v>
      </c>
      <c r="CN28" s="25">
        <v>0</v>
      </c>
      <c r="CO28" s="26">
        <v>0</v>
      </c>
      <c r="CP28" s="27">
        <v>0</v>
      </c>
      <c r="CQ28" s="25">
        <v>0</v>
      </c>
      <c r="CR28" s="25">
        <v>0</v>
      </c>
      <c r="CS28" s="25">
        <v>0</v>
      </c>
      <c r="CT28" s="25">
        <v>0</v>
      </c>
      <c r="CU28" s="25">
        <v>0</v>
      </c>
      <c r="CV28" s="28">
        <v>0</v>
      </c>
      <c r="CW28" s="29">
        <v>0</v>
      </c>
      <c r="CX28" s="24">
        <v>0</v>
      </c>
      <c r="CY28" s="25">
        <v>0</v>
      </c>
      <c r="CZ28" s="26">
        <v>0</v>
      </c>
      <c r="DA28" s="403">
        <v>0</v>
      </c>
      <c r="DB28" s="25">
        <v>0</v>
      </c>
      <c r="DC28" s="25">
        <v>0</v>
      </c>
      <c r="DD28" s="25">
        <v>0</v>
      </c>
      <c r="DE28" s="25">
        <v>0</v>
      </c>
      <c r="DF28" s="25">
        <v>0</v>
      </c>
      <c r="DG28" s="28">
        <v>0</v>
      </c>
      <c r="DH28" s="29">
        <v>0</v>
      </c>
      <c r="DI28" s="24">
        <v>0</v>
      </c>
      <c r="DJ28" s="25">
        <v>0</v>
      </c>
      <c r="DK28" s="26">
        <v>0</v>
      </c>
      <c r="DL28" s="27">
        <v>0</v>
      </c>
      <c r="DM28" s="25">
        <v>32377</v>
      </c>
      <c r="DN28" s="25">
        <v>69019</v>
      </c>
      <c r="DO28" s="25">
        <v>738545</v>
      </c>
      <c r="DP28" s="25">
        <v>867715</v>
      </c>
      <c r="DQ28" s="25">
        <v>288701</v>
      </c>
      <c r="DR28" s="28">
        <v>1996357</v>
      </c>
      <c r="DS28" s="30">
        <v>1996357</v>
      </c>
      <c r="DT28" s="24">
        <v>0</v>
      </c>
      <c r="DU28" s="25">
        <v>0</v>
      </c>
      <c r="DV28" s="26">
        <v>0</v>
      </c>
      <c r="DW28" s="403">
        <v>0</v>
      </c>
      <c r="DX28" s="25">
        <v>0</v>
      </c>
      <c r="DY28" s="25">
        <v>15035</v>
      </c>
      <c r="DZ28" s="25">
        <v>663534</v>
      </c>
      <c r="EA28" s="25">
        <v>775723</v>
      </c>
      <c r="EB28" s="25">
        <v>284275</v>
      </c>
      <c r="EC28" s="28">
        <v>1738567</v>
      </c>
      <c r="ED28" s="29">
        <v>1738567</v>
      </c>
      <c r="EE28" s="24">
        <v>0</v>
      </c>
      <c r="EF28" s="25">
        <v>0</v>
      </c>
      <c r="EG28" s="26">
        <v>0</v>
      </c>
      <c r="EH28" s="403">
        <v>0</v>
      </c>
      <c r="EI28" s="25">
        <v>665</v>
      </c>
      <c r="EJ28" s="25">
        <v>24196</v>
      </c>
      <c r="EK28" s="25">
        <v>14857</v>
      </c>
      <c r="EL28" s="25">
        <v>37875</v>
      </c>
      <c r="EM28" s="25">
        <v>651</v>
      </c>
      <c r="EN28" s="28">
        <v>78244</v>
      </c>
      <c r="EO28" s="29">
        <v>78244</v>
      </c>
      <c r="EP28" s="24">
        <v>0</v>
      </c>
      <c r="EQ28" s="25">
        <v>0</v>
      </c>
      <c r="ER28" s="26">
        <v>0</v>
      </c>
      <c r="ES28" s="403">
        <v>0</v>
      </c>
      <c r="ET28" s="25">
        <v>0</v>
      </c>
      <c r="EU28" s="25">
        <v>0</v>
      </c>
      <c r="EV28" s="25">
        <v>0</v>
      </c>
      <c r="EW28" s="25">
        <v>0</v>
      </c>
      <c r="EX28" s="25">
        <v>0</v>
      </c>
      <c r="EY28" s="28">
        <v>0</v>
      </c>
      <c r="EZ28" s="29">
        <v>0</v>
      </c>
      <c r="FA28" s="24">
        <v>0</v>
      </c>
      <c r="FB28" s="25">
        <v>0</v>
      </c>
      <c r="FC28" s="26">
        <v>0</v>
      </c>
      <c r="FD28" s="403">
        <v>0</v>
      </c>
      <c r="FE28" s="25">
        <v>0</v>
      </c>
      <c r="FF28" s="25">
        <v>0</v>
      </c>
      <c r="FG28" s="25">
        <v>0</v>
      </c>
      <c r="FH28" s="25">
        <v>0</v>
      </c>
      <c r="FI28" s="25">
        <v>217</v>
      </c>
      <c r="FJ28" s="28">
        <v>217</v>
      </c>
      <c r="FK28" s="29">
        <v>217</v>
      </c>
      <c r="FL28" s="24">
        <v>0</v>
      </c>
      <c r="FM28" s="25">
        <v>0</v>
      </c>
      <c r="FN28" s="26">
        <v>0</v>
      </c>
      <c r="FO28" s="403">
        <v>0</v>
      </c>
      <c r="FP28" s="25">
        <v>0</v>
      </c>
      <c r="FQ28" s="25">
        <v>0</v>
      </c>
      <c r="FR28" s="25">
        <v>0</v>
      </c>
      <c r="FS28" s="25">
        <v>0</v>
      </c>
      <c r="FT28" s="25">
        <v>0</v>
      </c>
      <c r="FU28" s="28">
        <v>0</v>
      </c>
      <c r="FV28" s="29">
        <v>0</v>
      </c>
      <c r="FW28" s="24">
        <v>0</v>
      </c>
      <c r="FX28" s="25">
        <v>0</v>
      </c>
      <c r="FY28" s="26">
        <v>0</v>
      </c>
      <c r="FZ28" s="27">
        <v>0</v>
      </c>
      <c r="GA28" s="25">
        <v>31712</v>
      </c>
      <c r="GB28" s="25">
        <v>29788</v>
      </c>
      <c r="GC28" s="25">
        <v>60133</v>
      </c>
      <c r="GD28" s="25">
        <v>54117</v>
      </c>
      <c r="GE28" s="25">
        <v>3558</v>
      </c>
      <c r="GF28" s="28">
        <v>179308</v>
      </c>
      <c r="GG28" s="29">
        <v>179308</v>
      </c>
      <c r="GH28" s="24">
        <v>0</v>
      </c>
      <c r="GI28" s="25">
        <v>0</v>
      </c>
      <c r="GJ28" s="26">
        <v>0</v>
      </c>
      <c r="GK28" s="27">
        <v>0</v>
      </c>
      <c r="GL28" s="25">
        <v>0</v>
      </c>
      <c r="GM28" s="25">
        <v>0</v>
      </c>
      <c r="GN28" s="25">
        <v>21</v>
      </c>
      <c r="GO28" s="25">
        <v>0</v>
      </c>
      <c r="GP28" s="25">
        <v>0</v>
      </c>
      <c r="GQ28" s="28">
        <v>21</v>
      </c>
      <c r="GR28" s="29">
        <v>21</v>
      </c>
      <c r="GS28" s="24">
        <v>0</v>
      </c>
      <c r="GT28" s="25">
        <v>0</v>
      </c>
      <c r="GU28" s="26">
        <v>0</v>
      </c>
      <c r="GV28" s="27">
        <v>0</v>
      </c>
      <c r="GW28" s="25">
        <v>0</v>
      </c>
      <c r="GX28" s="25">
        <v>0</v>
      </c>
      <c r="GY28" s="25">
        <v>0</v>
      </c>
      <c r="GZ28" s="25">
        <v>0</v>
      </c>
      <c r="HA28" s="25">
        <v>0</v>
      </c>
      <c r="HB28" s="28">
        <v>0</v>
      </c>
      <c r="HC28" s="29">
        <v>0</v>
      </c>
      <c r="HD28" s="24">
        <v>0</v>
      </c>
      <c r="HE28" s="25">
        <v>0</v>
      </c>
      <c r="HF28" s="26">
        <v>0</v>
      </c>
      <c r="HG28" s="403">
        <v>0</v>
      </c>
      <c r="HH28" s="25">
        <v>0</v>
      </c>
      <c r="HI28" s="25">
        <v>0</v>
      </c>
      <c r="HJ28" s="25">
        <v>0</v>
      </c>
      <c r="HK28" s="25">
        <v>0</v>
      </c>
      <c r="HL28" s="25">
        <v>0</v>
      </c>
      <c r="HM28" s="28">
        <v>0</v>
      </c>
      <c r="HN28" s="29">
        <v>0</v>
      </c>
      <c r="HO28" s="24">
        <v>0</v>
      </c>
      <c r="HP28" s="25">
        <v>0</v>
      </c>
      <c r="HQ28" s="26">
        <v>0</v>
      </c>
      <c r="HR28" s="27">
        <v>0</v>
      </c>
      <c r="HS28" s="25">
        <v>80541</v>
      </c>
      <c r="HT28" s="25">
        <v>299905</v>
      </c>
      <c r="HU28" s="25">
        <v>1430010</v>
      </c>
      <c r="HV28" s="25">
        <v>1567884</v>
      </c>
      <c r="HW28" s="25">
        <v>693526</v>
      </c>
      <c r="HX28" s="28">
        <v>4071866</v>
      </c>
      <c r="HY28" s="29">
        <v>4071866</v>
      </c>
    </row>
    <row r="29" spans="2:233" ht="21" customHeight="1" x14ac:dyDescent="0.2">
      <c r="B29" s="106" t="s">
        <v>26</v>
      </c>
      <c r="C29" s="24">
        <v>505</v>
      </c>
      <c r="D29" s="25">
        <v>0</v>
      </c>
      <c r="E29" s="26">
        <v>505</v>
      </c>
      <c r="F29" s="27">
        <v>0</v>
      </c>
      <c r="G29" s="25">
        <v>35895</v>
      </c>
      <c r="H29" s="25">
        <v>93134</v>
      </c>
      <c r="I29" s="25">
        <v>341934</v>
      </c>
      <c r="J29" s="25">
        <v>781339</v>
      </c>
      <c r="K29" s="25">
        <v>450656</v>
      </c>
      <c r="L29" s="28">
        <v>1702958</v>
      </c>
      <c r="M29" s="29">
        <v>1703463</v>
      </c>
      <c r="N29" s="24">
        <v>0</v>
      </c>
      <c r="O29" s="25">
        <v>0</v>
      </c>
      <c r="P29" s="26">
        <v>0</v>
      </c>
      <c r="Q29" s="403">
        <v>0</v>
      </c>
      <c r="R29" s="25">
        <v>0</v>
      </c>
      <c r="S29" s="25">
        <v>33945</v>
      </c>
      <c r="T29" s="25">
        <v>174825</v>
      </c>
      <c r="U29" s="25">
        <v>500495</v>
      </c>
      <c r="V29" s="25">
        <v>373075</v>
      </c>
      <c r="W29" s="28">
        <v>1082340</v>
      </c>
      <c r="X29" s="29">
        <v>1082340</v>
      </c>
      <c r="Y29" s="24">
        <v>0</v>
      </c>
      <c r="Z29" s="25">
        <v>0</v>
      </c>
      <c r="AA29" s="26">
        <v>0</v>
      </c>
      <c r="AB29" s="403">
        <v>0</v>
      </c>
      <c r="AC29" s="25">
        <v>32705</v>
      </c>
      <c r="AD29" s="25">
        <v>43245</v>
      </c>
      <c r="AE29" s="25">
        <v>134209</v>
      </c>
      <c r="AF29" s="25">
        <v>218000</v>
      </c>
      <c r="AG29" s="25">
        <v>43431</v>
      </c>
      <c r="AH29" s="28">
        <v>471590</v>
      </c>
      <c r="AI29" s="29">
        <v>471590</v>
      </c>
      <c r="AJ29" s="24">
        <v>0</v>
      </c>
      <c r="AK29" s="25">
        <v>0</v>
      </c>
      <c r="AL29" s="26">
        <v>0</v>
      </c>
      <c r="AM29" s="403">
        <v>0</v>
      </c>
      <c r="AN29" s="25">
        <v>0</v>
      </c>
      <c r="AO29" s="25">
        <v>0</v>
      </c>
      <c r="AP29" s="25">
        <v>0</v>
      </c>
      <c r="AQ29" s="25">
        <v>0</v>
      </c>
      <c r="AR29" s="25">
        <v>0</v>
      </c>
      <c r="AS29" s="28">
        <v>0</v>
      </c>
      <c r="AT29" s="29">
        <v>0</v>
      </c>
      <c r="AU29" s="24">
        <v>0</v>
      </c>
      <c r="AV29" s="25">
        <v>0</v>
      </c>
      <c r="AW29" s="26">
        <v>0</v>
      </c>
      <c r="AX29" s="403">
        <v>0</v>
      </c>
      <c r="AY29" s="25">
        <v>0</v>
      </c>
      <c r="AZ29" s="25">
        <v>0</v>
      </c>
      <c r="BA29" s="25">
        <v>2635</v>
      </c>
      <c r="BB29" s="25">
        <v>32705</v>
      </c>
      <c r="BC29" s="25">
        <v>5270</v>
      </c>
      <c r="BD29" s="28">
        <v>40610</v>
      </c>
      <c r="BE29" s="29">
        <v>40610</v>
      </c>
      <c r="BF29" s="24">
        <v>0</v>
      </c>
      <c r="BG29" s="25">
        <v>0</v>
      </c>
      <c r="BH29" s="26">
        <v>0</v>
      </c>
      <c r="BI29" s="403">
        <v>0</v>
      </c>
      <c r="BJ29" s="25">
        <v>0</v>
      </c>
      <c r="BK29" s="25">
        <v>0</v>
      </c>
      <c r="BL29" s="25">
        <v>0</v>
      </c>
      <c r="BM29" s="25">
        <v>0</v>
      </c>
      <c r="BN29" s="25">
        <v>0</v>
      </c>
      <c r="BO29" s="28">
        <v>0</v>
      </c>
      <c r="BP29" s="29">
        <v>0</v>
      </c>
      <c r="BQ29" s="24">
        <v>505</v>
      </c>
      <c r="BR29" s="25">
        <v>0</v>
      </c>
      <c r="BS29" s="26">
        <v>505</v>
      </c>
      <c r="BT29" s="27">
        <v>0</v>
      </c>
      <c r="BU29" s="25">
        <v>3190</v>
      </c>
      <c r="BV29" s="25">
        <v>14609</v>
      </c>
      <c r="BW29" s="25">
        <v>30265</v>
      </c>
      <c r="BX29" s="25">
        <v>28979</v>
      </c>
      <c r="BY29" s="25">
        <v>28880</v>
      </c>
      <c r="BZ29" s="28">
        <v>105923</v>
      </c>
      <c r="CA29" s="29">
        <v>106428</v>
      </c>
      <c r="CB29" s="24">
        <v>0</v>
      </c>
      <c r="CC29" s="25">
        <v>0</v>
      </c>
      <c r="CD29" s="26">
        <v>0</v>
      </c>
      <c r="CE29" s="27">
        <v>0</v>
      </c>
      <c r="CF29" s="25">
        <v>0</v>
      </c>
      <c r="CG29" s="25">
        <v>1335</v>
      </c>
      <c r="CH29" s="25">
        <v>0</v>
      </c>
      <c r="CI29" s="25">
        <v>1160</v>
      </c>
      <c r="CJ29" s="25">
        <v>0</v>
      </c>
      <c r="CK29" s="28">
        <v>2495</v>
      </c>
      <c r="CL29" s="29">
        <v>2495</v>
      </c>
      <c r="CM29" s="24">
        <v>0</v>
      </c>
      <c r="CN29" s="25">
        <v>0</v>
      </c>
      <c r="CO29" s="26">
        <v>0</v>
      </c>
      <c r="CP29" s="27">
        <v>0</v>
      </c>
      <c r="CQ29" s="25">
        <v>0</v>
      </c>
      <c r="CR29" s="25">
        <v>0</v>
      </c>
      <c r="CS29" s="25">
        <v>0</v>
      </c>
      <c r="CT29" s="25">
        <v>0</v>
      </c>
      <c r="CU29" s="25">
        <v>0</v>
      </c>
      <c r="CV29" s="28">
        <v>0</v>
      </c>
      <c r="CW29" s="29">
        <v>0</v>
      </c>
      <c r="CX29" s="24">
        <v>0</v>
      </c>
      <c r="CY29" s="25">
        <v>0</v>
      </c>
      <c r="CZ29" s="26">
        <v>0</v>
      </c>
      <c r="DA29" s="403">
        <v>0</v>
      </c>
      <c r="DB29" s="25">
        <v>0</v>
      </c>
      <c r="DC29" s="25">
        <v>0</v>
      </c>
      <c r="DD29" s="25">
        <v>0</v>
      </c>
      <c r="DE29" s="25">
        <v>0</v>
      </c>
      <c r="DF29" s="25">
        <v>0</v>
      </c>
      <c r="DG29" s="28">
        <v>0</v>
      </c>
      <c r="DH29" s="29">
        <v>0</v>
      </c>
      <c r="DI29" s="24">
        <v>2088</v>
      </c>
      <c r="DJ29" s="25">
        <v>0</v>
      </c>
      <c r="DK29" s="26">
        <v>2088</v>
      </c>
      <c r="DL29" s="27">
        <v>0</v>
      </c>
      <c r="DM29" s="25">
        <v>15529</v>
      </c>
      <c r="DN29" s="25">
        <v>98175</v>
      </c>
      <c r="DO29" s="25">
        <v>336800</v>
      </c>
      <c r="DP29" s="25">
        <v>778588</v>
      </c>
      <c r="DQ29" s="25">
        <v>474368</v>
      </c>
      <c r="DR29" s="28">
        <v>1703460</v>
      </c>
      <c r="DS29" s="30">
        <v>1705548</v>
      </c>
      <c r="DT29" s="24">
        <v>0</v>
      </c>
      <c r="DU29" s="25">
        <v>0</v>
      </c>
      <c r="DV29" s="26">
        <v>0</v>
      </c>
      <c r="DW29" s="403">
        <v>0</v>
      </c>
      <c r="DX29" s="25">
        <v>0</v>
      </c>
      <c r="DY29" s="25">
        <v>77686</v>
      </c>
      <c r="DZ29" s="25">
        <v>291683</v>
      </c>
      <c r="EA29" s="25">
        <v>675087</v>
      </c>
      <c r="EB29" s="25">
        <v>412892</v>
      </c>
      <c r="EC29" s="28">
        <v>1457348</v>
      </c>
      <c r="ED29" s="29">
        <v>1457348</v>
      </c>
      <c r="EE29" s="24">
        <v>0</v>
      </c>
      <c r="EF29" s="25">
        <v>0</v>
      </c>
      <c r="EG29" s="26">
        <v>0</v>
      </c>
      <c r="EH29" s="403">
        <v>0</v>
      </c>
      <c r="EI29" s="25">
        <v>217</v>
      </c>
      <c r="EJ29" s="25">
        <v>1085</v>
      </c>
      <c r="EK29" s="25">
        <v>2865</v>
      </c>
      <c r="EL29" s="25">
        <v>38254</v>
      </c>
      <c r="EM29" s="25">
        <v>12400</v>
      </c>
      <c r="EN29" s="28">
        <v>54821</v>
      </c>
      <c r="EO29" s="29">
        <v>54821</v>
      </c>
      <c r="EP29" s="24">
        <v>0</v>
      </c>
      <c r="EQ29" s="25">
        <v>0</v>
      </c>
      <c r="ER29" s="26">
        <v>0</v>
      </c>
      <c r="ES29" s="403">
        <v>0</v>
      </c>
      <c r="ET29" s="25">
        <v>0</v>
      </c>
      <c r="EU29" s="25">
        <v>0</v>
      </c>
      <c r="EV29" s="25">
        <v>0</v>
      </c>
      <c r="EW29" s="25">
        <v>0</v>
      </c>
      <c r="EX29" s="25">
        <v>0</v>
      </c>
      <c r="EY29" s="28">
        <v>0</v>
      </c>
      <c r="EZ29" s="29">
        <v>0</v>
      </c>
      <c r="FA29" s="24">
        <v>0</v>
      </c>
      <c r="FB29" s="25">
        <v>0</v>
      </c>
      <c r="FC29" s="26">
        <v>0</v>
      </c>
      <c r="FD29" s="403">
        <v>0</v>
      </c>
      <c r="FE29" s="25">
        <v>0</v>
      </c>
      <c r="FF29" s="25">
        <v>0</v>
      </c>
      <c r="FG29" s="25">
        <v>217</v>
      </c>
      <c r="FH29" s="25">
        <v>217</v>
      </c>
      <c r="FI29" s="25">
        <v>434</v>
      </c>
      <c r="FJ29" s="28">
        <v>868</v>
      </c>
      <c r="FK29" s="29">
        <v>868</v>
      </c>
      <c r="FL29" s="24">
        <v>0</v>
      </c>
      <c r="FM29" s="25">
        <v>0</v>
      </c>
      <c r="FN29" s="26">
        <v>0</v>
      </c>
      <c r="FO29" s="403">
        <v>0</v>
      </c>
      <c r="FP29" s="25">
        <v>0</v>
      </c>
      <c r="FQ29" s="25">
        <v>0</v>
      </c>
      <c r="FR29" s="25">
        <v>0</v>
      </c>
      <c r="FS29" s="25">
        <v>0</v>
      </c>
      <c r="FT29" s="25">
        <v>0</v>
      </c>
      <c r="FU29" s="28">
        <v>0</v>
      </c>
      <c r="FV29" s="29">
        <v>0</v>
      </c>
      <c r="FW29" s="24">
        <v>2088</v>
      </c>
      <c r="FX29" s="25">
        <v>0</v>
      </c>
      <c r="FY29" s="26">
        <v>2088</v>
      </c>
      <c r="FZ29" s="27">
        <v>0</v>
      </c>
      <c r="GA29" s="25">
        <v>15312</v>
      </c>
      <c r="GB29" s="25">
        <v>18330</v>
      </c>
      <c r="GC29" s="25">
        <v>42035</v>
      </c>
      <c r="GD29" s="25">
        <v>64974</v>
      </c>
      <c r="GE29" s="25">
        <v>48642</v>
      </c>
      <c r="GF29" s="28">
        <v>189293</v>
      </c>
      <c r="GG29" s="29">
        <v>191381</v>
      </c>
      <c r="GH29" s="24">
        <v>0</v>
      </c>
      <c r="GI29" s="25">
        <v>0</v>
      </c>
      <c r="GJ29" s="26">
        <v>0</v>
      </c>
      <c r="GK29" s="27">
        <v>0</v>
      </c>
      <c r="GL29" s="25">
        <v>0</v>
      </c>
      <c r="GM29" s="25">
        <v>1074</v>
      </c>
      <c r="GN29" s="25">
        <v>0</v>
      </c>
      <c r="GO29" s="25">
        <v>56</v>
      </c>
      <c r="GP29" s="25">
        <v>0</v>
      </c>
      <c r="GQ29" s="28">
        <v>1130</v>
      </c>
      <c r="GR29" s="29">
        <v>1130</v>
      </c>
      <c r="GS29" s="24">
        <v>0</v>
      </c>
      <c r="GT29" s="25">
        <v>0</v>
      </c>
      <c r="GU29" s="26">
        <v>0</v>
      </c>
      <c r="GV29" s="27">
        <v>0</v>
      </c>
      <c r="GW29" s="25">
        <v>0</v>
      </c>
      <c r="GX29" s="25">
        <v>0</v>
      </c>
      <c r="GY29" s="25">
        <v>0</v>
      </c>
      <c r="GZ29" s="25">
        <v>0</v>
      </c>
      <c r="HA29" s="25">
        <v>0</v>
      </c>
      <c r="HB29" s="28">
        <v>0</v>
      </c>
      <c r="HC29" s="29">
        <v>0</v>
      </c>
      <c r="HD29" s="24">
        <v>0</v>
      </c>
      <c r="HE29" s="25">
        <v>0</v>
      </c>
      <c r="HF29" s="26">
        <v>0</v>
      </c>
      <c r="HG29" s="403">
        <v>0</v>
      </c>
      <c r="HH29" s="25">
        <v>0</v>
      </c>
      <c r="HI29" s="25">
        <v>0</v>
      </c>
      <c r="HJ29" s="25">
        <v>0</v>
      </c>
      <c r="HK29" s="25">
        <v>0</v>
      </c>
      <c r="HL29" s="25">
        <v>0</v>
      </c>
      <c r="HM29" s="28">
        <v>0</v>
      </c>
      <c r="HN29" s="29">
        <v>0</v>
      </c>
      <c r="HO29" s="24">
        <v>2593</v>
      </c>
      <c r="HP29" s="25">
        <v>0</v>
      </c>
      <c r="HQ29" s="26">
        <v>2593</v>
      </c>
      <c r="HR29" s="27">
        <v>0</v>
      </c>
      <c r="HS29" s="25">
        <v>51424</v>
      </c>
      <c r="HT29" s="25">
        <v>191309</v>
      </c>
      <c r="HU29" s="25">
        <v>678734</v>
      </c>
      <c r="HV29" s="25">
        <v>1559927</v>
      </c>
      <c r="HW29" s="25">
        <v>925024</v>
      </c>
      <c r="HX29" s="28">
        <v>3406418</v>
      </c>
      <c r="HY29" s="29">
        <v>3409011</v>
      </c>
    </row>
    <row r="30" spans="2:233" ht="21" customHeight="1" x14ac:dyDescent="0.2">
      <c r="B30" s="106" t="s">
        <v>27</v>
      </c>
      <c r="C30" s="24">
        <v>0</v>
      </c>
      <c r="D30" s="25">
        <v>580</v>
      </c>
      <c r="E30" s="26">
        <v>580</v>
      </c>
      <c r="F30" s="27">
        <v>0</v>
      </c>
      <c r="G30" s="25">
        <v>45833</v>
      </c>
      <c r="H30" s="25">
        <v>147930</v>
      </c>
      <c r="I30" s="25">
        <v>544383</v>
      </c>
      <c r="J30" s="25">
        <v>835215</v>
      </c>
      <c r="K30" s="25">
        <v>417768</v>
      </c>
      <c r="L30" s="28">
        <v>1991129</v>
      </c>
      <c r="M30" s="29">
        <v>1991709</v>
      </c>
      <c r="N30" s="24">
        <v>0</v>
      </c>
      <c r="O30" s="25">
        <v>0</v>
      </c>
      <c r="P30" s="26">
        <v>0</v>
      </c>
      <c r="Q30" s="403">
        <v>0</v>
      </c>
      <c r="R30" s="25">
        <v>32705</v>
      </c>
      <c r="S30" s="25">
        <v>0</v>
      </c>
      <c r="T30" s="25">
        <v>314625</v>
      </c>
      <c r="U30" s="25">
        <v>606280</v>
      </c>
      <c r="V30" s="25">
        <v>349965</v>
      </c>
      <c r="W30" s="28">
        <v>1303575</v>
      </c>
      <c r="X30" s="29">
        <v>1303575</v>
      </c>
      <c r="Y30" s="24">
        <v>0</v>
      </c>
      <c r="Z30" s="25">
        <v>0</v>
      </c>
      <c r="AA30" s="26">
        <v>0</v>
      </c>
      <c r="AB30" s="403">
        <v>0</v>
      </c>
      <c r="AC30" s="25">
        <v>10540</v>
      </c>
      <c r="AD30" s="25">
        <v>147930</v>
      </c>
      <c r="AE30" s="25">
        <v>161985</v>
      </c>
      <c r="AF30" s="25">
        <v>192915</v>
      </c>
      <c r="AG30" s="25">
        <v>51690</v>
      </c>
      <c r="AH30" s="28">
        <v>565060</v>
      </c>
      <c r="AI30" s="29">
        <v>565060</v>
      </c>
      <c r="AJ30" s="24">
        <v>0</v>
      </c>
      <c r="AK30" s="25">
        <v>0</v>
      </c>
      <c r="AL30" s="26">
        <v>0</v>
      </c>
      <c r="AM30" s="403">
        <v>0</v>
      </c>
      <c r="AN30" s="25">
        <v>0</v>
      </c>
      <c r="AO30" s="25">
        <v>0</v>
      </c>
      <c r="AP30" s="25">
        <v>0</v>
      </c>
      <c r="AQ30" s="25">
        <v>0</v>
      </c>
      <c r="AR30" s="25">
        <v>0</v>
      </c>
      <c r="AS30" s="28">
        <v>0</v>
      </c>
      <c r="AT30" s="29">
        <v>0</v>
      </c>
      <c r="AU30" s="24">
        <v>0</v>
      </c>
      <c r="AV30" s="25">
        <v>0</v>
      </c>
      <c r="AW30" s="26">
        <v>0</v>
      </c>
      <c r="AX30" s="403">
        <v>0</v>
      </c>
      <c r="AY30" s="25">
        <v>0</v>
      </c>
      <c r="AZ30" s="25">
        <v>0</v>
      </c>
      <c r="BA30" s="25">
        <v>0</v>
      </c>
      <c r="BB30" s="25">
        <v>0</v>
      </c>
      <c r="BC30" s="25">
        <v>0</v>
      </c>
      <c r="BD30" s="28">
        <v>0</v>
      </c>
      <c r="BE30" s="29">
        <v>0</v>
      </c>
      <c r="BF30" s="24">
        <v>0</v>
      </c>
      <c r="BG30" s="25">
        <v>0</v>
      </c>
      <c r="BH30" s="26">
        <v>0</v>
      </c>
      <c r="BI30" s="403">
        <v>0</v>
      </c>
      <c r="BJ30" s="25">
        <v>0</v>
      </c>
      <c r="BK30" s="25">
        <v>0</v>
      </c>
      <c r="BL30" s="25">
        <v>49435</v>
      </c>
      <c r="BM30" s="25">
        <v>36020</v>
      </c>
      <c r="BN30" s="25">
        <v>0</v>
      </c>
      <c r="BO30" s="28">
        <v>85455</v>
      </c>
      <c r="BP30" s="29">
        <v>85455</v>
      </c>
      <c r="BQ30" s="24">
        <v>0</v>
      </c>
      <c r="BR30" s="25">
        <v>580</v>
      </c>
      <c r="BS30" s="26">
        <v>580</v>
      </c>
      <c r="BT30" s="27">
        <v>0</v>
      </c>
      <c r="BU30" s="25">
        <v>2588</v>
      </c>
      <c r="BV30" s="25">
        <v>0</v>
      </c>
      <c r="BW30" s="25">
        <v>18338</v>
      </c>
      <c r="BX30" s="25">
        <v>0</v>
      </c>
      <c r="BY30" s="25">
        <v>16113</v>
      </c>
      <c r="BZ30" s="28">
        <v>37039</v>
      </c>
      <c r="CA30" s="29">
        <v>37619</v>
      </c>
      <c r="CB30" s="24">
        <v>0</v>
      </c>
      <c r="CC30" s="25">
        <v>0</v>
      </c>
      <c r="CD30" s="26">
        <v>0</v>
      </c>
      <c r="CE30" s="27">
        <v>0</v>
      </c>
      <c r="CF30" s="25">
        <v>0</v>
      </c>
      <c r="CG30" s="25">
        <v>0</v>
      </c>
      <c r="CH30" s="25">
        <v>0</v>
      </c>
      <c r="CI30" s="25">
        <v>0</v>
      </c>
      <c r="CJ30" s="25">
        <v>0</v>
      </c>
      <c r="CK30" s="28">
        <v>0</v>
      </c>
      <c r="CL30" s="29">
        <v>0</v>
      </c>
      <c r="CM30" s="24">
        <v>0</v>
      </c>
      <c r="CN30" s="25">
        <v>0</v>
      </c>
      <c r="CO30" s="26">
        <v>0</v>
      </c>
      <c r="CP30" s="27">
        <v>0</v>
      </c>
      <c r="CQ30" s="25">
        <v>0</v>
      </c>
      <c r="CR30" s="25">
        <v>0</v>
      </c>
      <c r="CS30" s="25">
        <v>0</v>
      </c>
      <c r="CT30" s="25">
        <v>0</v>
      </c>
      <c r="CU30" s="25">
        <v>0</v>
      </c>
      <c r="CV30" s="28">
        <v>0</v>
      </c>
      <c r="CW30" s="29">
        <v>0</v>
      </c>
      <c r="CX30" s="24">
        <v>0</v>
      </c>
      <c r="CY30" s="25">
        <v>0</v>
      </c>
      <c r="CZ30" s="26">
        <v>0</v>
      </c>
      <c r="DA30" s="403">
        <v>0</v>
      </c>
      <c r="DB30" s="25">
        <v>0</v>
      </c>
      <c r="DC30" s="25">
        <v>0</v>
      </c>
      <c r="DD30" s="25">
        <v>0</v>
      </c>
      <c r="DE30" s="25">
        <v>0</v>
      </c>
      <c r="DF30" s="25">
        <v>0</v>
      </c>
      <c r="DG30" s="28">
        <v>0</v>
      </c>
      <c r="DH30" s="29">
        <v>0</v>
      </c>
      <c r="DI30" s="24">
        <v>0</v>
      </c>
      <c r="DJ30" s="25">
        <v>2820</v>
      </c>
      <c r="DK30" s="26">
        <v>2820</v>
      </c>
      <c r="DL30" s="27">
        <v>0</v>
      </c>
      <c r="DM30" s="25">
        <v>53950</v>
      </c>
      <c r="DN30" s="25">
        <v>3168</v>
      </c>
      <c r="DO30" s="25">
        <v>396355</v>
      </c>
      <c r="DP30" s="25">
        <v>715237</v>
      </c>
      <c r="DQ30" s="25">
        <v>361163</v>
      </c>
      <c r="DR30" s="28">
        <v>1529873</v>
      </c>
      <c r="DS30" s="30">
        <v>1532693</v>
      </c>
      <c r="DT30" s="24">
        <v>0</v>
      </c>
      <c r="DU30" s="25">
        <v>0</v>
      </c>
      <c r="DV30" s="26">
        <v>0</v>
      </c>
      <c r="DW30" s="403">
        <v>0</v>
      </c>
      <c r="DX30" s="25">
        <v>14570</v>
      </c>
      <c r="DY30" s="25">
        <v>0</v>
      </c>
      <c r="DZ30" s="25">
        <v>302523</v>
      </c>
      <c r="EA30" s="25">
        <v>543495</v>
      </c>
      <c r="EB30" s="25">
        <v>337583</v>
      </c>
      <c r="EC30" s="28">
        <v>1198171</v>
      </c>
      <c r="ED30" s="29">
        <v>1198171</v>
      </c>
      <c r="EE30" s="24">
        <v>0</v>
      </c>
      <c r="EF30" s="25">
        <v>0</v>
      </c>
      <c r="EG30" s="26">
        <v>0</v>
      </c>
      <c r="EH30" s="403">
        <v>0</v>
      </c>
      <c r="EI30" s="25">
        <v>32240</v>
      </c>
      <c r="EJ30" s="25">
        <v>1288</v>
      </c>
      <c r="EK30" s="25">
        <v>9306</v>
      </c>
      <c r="EL30" s="25">
        <v>107832</v>
      </c>
      <c r="EM30" s="25">
        <v>10755</v>
      </c>
      <c r="EN30" s="28">
        <v>161421</v>
      </c>
      <c r="EO30" s="29">
        <v>161421</v>
      </c>
      <c r="EP30" s="24">
        <v>0</v>
      </c>
      <c r="EQ30" s="25">
        <v>0</v>
      </c>
      <c r="ER30" s="26">
        <v>0</v>
      </c>
      <c r="ES30" s="403">
        <v>0</v>
      </c>
      <c r="ET30" s="25">
        <v>0</v>
      </c>
      <c r="EU30" s="25">
        <v>0</v>
      </c>
      <c r="EV30" s="25">
        <v>0</v>
      </c>
      <c r="EW30" s="25">
        <v>0</v>
      </c>
      <c r="EX30" s="25">
        <v>0</v>
      </c>
      <c r="EY30" s="28">
        <v>0</v>
      </c>
      <c r="EZ30" s="29">
        <v>0</v>
      </c>
      <c r="FA30" s="24">
        <v>0</v>
      </c>
      <c r="FB30" s="25">
        <v>0</v>
      </c>
      <c r="FC30" s="26">
        <v>0</v>
      </c>
      <c r="FD30" s="403">
        <v>0</v>
      </c>
      <c r="FE30" s="25">
        <v>0</v>
      </c>
      <c r="FF30" s="25">
        <v>0</v>
      </c>
      <c r="FG30" s="25">
        <v>0</v>
      </c>
      <c r="FH30" s="25">
        <v>0</v>
      </c>
      <c r="FI30" s="25">
        <v>0</v>
      </c>
      <c r="FJ30" s="28">
        <v>0</v>
      </c>
      <c r="FK30" s="29">
        <v>0</v>
      </c>
      <c r="FL30" s="24">
        <v>0</v>
      </c>
      <c r="FM30" s="25">
        <v>0</v>
      </c>
      <c r="FN30" s="26">
        <v>0</v>
      </c>
      <c r="FO30" s="403">
        <v>0</v>
      </c>
      <c r="FP30" s="25">
        <v>0</v>
      </c>
      <c r="FQ30" s="25">
        <v>0</v>
      </c>
      <c r="FR30" s="25">
        <v>68058</v>
      </c>
      <c r="FS30" s="25">
        <v>63910</v>
      </c>
      <c r="FT30" s="25">
        <v>0</v>
      </c>
      <c r="FU30" s="28">
        <v>131968</v>
      </c>
      <c r="FV30" s="29">
        <v>131968</v>
      </c>
      <c r="FW30" s="24">
        <v>0</v>
      </c>
      <c r="FX30" s="25">
        <v>2820</v>
      </c>
      <c r="FY30" s="26">
        <v>2820</v>
      </c>
      <c r="FZ30" s="27">
        <v>0</v>
      </c>
      <c r="GA30" s="25">
        <v>7140</v>
      </c>
      <c r="GB30" s="25">
        <v>1880</v>
      </c>
      <c r="GC30" s="25">
        <v>16468</v>
      </c>
      <c r="GD30" s="25">
        <v>0</v>
      </c>
      <c r="GE30" s="25">
        <v>12825</v>
      </c>
      <c r="GF30" s="28">
        <v>38313</v>
      </c>
      <c r="GG30" s="29">
        <v>41133</v>
      </c>
      <c r="GH30" s="24">
        <v>0</v>
      </c>
      <c r="GI30" s="25">
        <v>0</v>
      </c>
      <c r="GJ30" s="26">
        <v>0</v>
      </c>
      <c r="GK30" s="27">
        <v>0</v>
      </c>
      <c r="GL30" s="25">
        <v>0</v>
      </c>
      <c r="GM30" s="25">
        <v>0</v>
      </c>
      <c r="GN30" s="25">
        <v>0</v>
      </c>
      <c r="GO30" s="25">
        <v>0</v>
      </c>
      <c r="GP30" s="25">
        <v>0</v>
      </c>
      <c r="GQ30" s="28">
        <v>0</v>
      </c>
      <c r="GR30" s="29">
        <v>0</v>
      </c>
      <c r="GS30" s="24">
        <v>0</v>
      </c>
      <c r="GT30" s="25">
        <v>0</v>
      </c>
      <c r="GU30" s="26">
        <v>0</v>
      </c>
      <c r="GV30" s="27">
        <v>0</v>
      </c>
      <c r="GW30" s="25">
        <v>0</v>
      </c>
      <c r="GX30" s="25">
        <v>0</v>
      </c>
      <c r="GY30" s="25">
        <v>0</v>
      </c>
      <c r="GZ30" s="25">
        <v>0</v>
      </c>
      <c r="HA30" s="25">
        <v>0</v>
      </c>
      <c r="HB30" s="28">
        <v>0</v>
      </c>
      <c r="HC30" s="29">
        <v>0</v>
      </c>
      <c r="HD30" s="24">
        <v>0</v>
      </c>
      <c r="HE30" s="25">
        <v>0</v>
      </c>
      <c r="HF30" s="26">
        <v>0</v>
      </c>
      <c r="HG30" s="403">
        <v>0</v>
      </c>
      <c r="HH30" s="25">
        <v>0</v>
      </c>
      <c r="HI30" s="25">
        <v>0</v>
      </c>
      <c r="HJ30" s="25">
        <v>0</v>
      </c>
      <c r="HK30" s="25">
        <v>0</v>
      </c>
      <c r="HL30" s="25">
        <v>0</v>
      </c>
      <c r="HM30" s="28">
        <v>0</v>
      </c>
      <c r="HN30" s="29">
        <v>0</v>
      </c>
      <c r="HO30" s="24">
        <v>0</v>
      </c>
      <c r="HP30" s="25">
        <v>3400</v>
      </c>
      <c r="HQ30" s="26">
        <v>3400</v>
      </c>
      <c r="HR30" s="27">
        <v>0</v>
      </c>
      <c r="HS30" s="25">
        <v>99783</v>
      </c>
      <c r="HT30" s="25">
        <v>151098</v>
      </c>
      <c r="HU30" s="25">
        <v>940738</v>
      </c>
      <c r="HV30" s="25">
        <v>1550452</v>
      </c>
      <c r="HW30" s="25">
        <v>778931</v>
      </c>
      <c r="HX30" s="28">
        <v>3521002</v>
      </c>
      <c r="HY30" s="29">
        <v>3524402</v>
      </c>
    </row>
    <row r="31" spans="2:233" ht="21" customHeight="1" x14ac:dyDescent="0.2">
      <c r="B31" s="106" t="s">
        <v>28</v>
      </c>
      <c r="C31" s="24">
        <v>0</v>
      </c>
      <c r="D31" s="25">
        <v>0</v>
      </c>
      <c r="E31" s="26">
        <v>0</v>
      </c>
      <c r="F31" s="27">
        <v>0</v>
      </c>
      <c r="G31" s="25">
        <v>0</v>
      </c>
      <c r="H31" s="25">
        <v>61515</v>
      </c>
      <c r="I31" s="25">
        <v>253850</v>
      </c>
      <c r="J31" s="25">
        <v>242583</v>
      </c>
      <c r="K31" s="25">
        <v>82845</v>
      </c>
      <c r="L31" s="28">
        <v>640793</v>
      </c>
      <c r="M31" s="29">
        <v>640793</v>
      </c>
      <c r="N31" s="24">
        <v>0</v>
      </c>
      <c r="O31" s="25">
        <v>0</v>
      </c>
      <c r="P31" s="26">
        <v>0</v>
      </c>
      <c r="Q31" s="403">
        <v>0</v>
      </c>
      <c r="R31" s="25">
        <v>0</v>
      </c>
      <c r="S31" s="25">
        <v>0</v>
      </c>
      <c r="T31" s="25">
        <v>191425</v>
      </c>
      <c r="U31" s="25">
        <v>235230</v>
      </c>
      <c r="V31" s="25">
        <v>81685</v>
      </c>
      <c r="W31" s="28">
        <v>508340</v>
      </c>
      <c r="X31" s="29">
        <v>508340</v>
      </c>
      <c r="Y31" s="24">
        <v>0</v>
      </c>
      <c r="Z31" s="25">
        <v>0</v>
      </c>
      <c r="AA31" s="26">
        <v>0</v>
      </c>
      <c r="AB31" s="403">
        <v>0</v>
      </c>
      <c r="AC31" s="25">
        <v>0</v>
      </c>
      <c r="AD31" s="25">
        <v>61515</v>
      </c>
      <c r="AE31" s="25">
        <v>62425</v>
      </c>
      <c r="AF31" s="25">
        <v>2635</v>
      </c>
      <c r="AG31" s="25">
        <v>0</v>
      </c>
      <c r="AH31" s="28">
        <v>126575</v>
      </c>
      <c r="AI31" s="29">
        <v>126575</v>
      </c>
      <c r="AJ31" s="24">
        <v>0</v>
      </c>
      <c r="AK31" s="25">
        <v>0</v>
      </c>
      <c r="AL31" s="26">
        <v>0</v>
      </c>
      <c r="AM31" s="403">
        <v>0</v>
      </c>
      <c r="AN31" s="25">
        <v>0</v>
      </c>
      <c r="AO31" s="25">
        <v>0</v>
      </c>
      <c r="AP31" s="25">
        <v>0</v>
      </c>
      <c r="AQ31" s="25">
        <v>0</v>
      </c>
      <c r="AR31" s="25">
        <v>0</v>
      </c>
      <c r="AS31" s="28">
        <v>0</v>
      </c>
      <c r="AT31" s="29">
        <v>0</v>
      </c>
      <c r="AU31" s="24">
        <v>0</v>
      </c>
      <c r="AV31" s="25">
        <v>0</v>
      </c>
      <c r="AW31" s="26">
        <v>0</v>
      </c>
      <c r="AX31" s="403">
        <v>0</v>
      </c>
      <c r="AY31" s="25">
        <v>0</v>
      </c>
      <c r="AZ31" s="25">
        <v>0</v>
      </c>
      <c r="BA31" s="25">
        <v>0</v>
      </c>
      <c r="BB31" s="25">
        <v>0</v>
      </c>
      <c r="BC31" s="25">
        <v>0</v>
      </c>
      <c r="BD31" s="28">
        <v>0</v>
      </c>
      <c r="BE31" s="29">
        <v>0</v>
      </c>
      <c r="BF31" s="24">
        <v>0</v>
      </c>
      <c r="BG31" s="25">
        <v>0</v>
      </c>
      <c r="BH31" s="26">
        <v>0</v>
      </c>
      <c r="BI31" s="403">
        <v>0</v>
      </c>
      <c r="BJ31" s="25">
        <v>0</v>
      </c>
      <c r="BK31" s="25">
        <v>0</v>
      </c>
      <c r="BL31" s="25">
        <v>0</v>
      </c>
      <c r="BM31" s="25">
        <v>0</v>
      </c>
      <c r="BN31" s="25">
        <v>0</v>
      </c>
      <c r="BO31" s="28">
        <v>0</v>
      </c>
      <c r="BP31" s="29">
        <v>0</v>
      </c>
      <c r="BQ31" s="24">
        <v>0</v>
      </c>
      <c r="BR31" s="25">
        <v>0</v>
      </c>
      <c r="BS31" s="26">
        <v>0</v>
      </c>
      <c r="BT31" s="27">
        <v>0</v>
      </c>
      <c r="BU31" s="25">
        <v>0</v>
      </c>
      <c r="BV31" s="25">
        <v>0</v>
      </c>
      <c r="BW31" s="25">
        <v>0</v>
      </c>
      <c r="BX31" s="25">
        <v>4718</v>
      </c>
      <c r="BY31" s="25">
        <v>1160</v>
      </c>
      <c r="BZ31" s="28">
        <v>5878</v>
      </c>
      <c r="CA31" s="29">
        <v>5878</v>
      </c>
      <c r="CB31" s="24">
        <v>0</v>
      </c>
      <c r="CC31" s="25">
        <v>0</v>
      </c>
      <c r="CD31" s="26">
        <v>0</v>
      </c>
      <c r="CE31" s="27">
        <v>0</v>
      </c>
      <c r="CF31" s="25">
        <v>0</v>
      </c>
      <c r="CG31" s="25">
        <v>0</v>
      </c>
      <c r="CH31" s="25">
        <v>0</v>
      </c>
      <c r="CI31" s="25">
        <v>0</v>
      </c>
      <c r="CJ31" s="25">
        <v>0</v>
      </c>
      <c r="CK31" s="28">
        <v>0</v>
      </c>
      <c r="CL31" s="29">
        <v>0</v>
      </c>
      <c r="CM31" s="24">
        <v>0</v>
      </c>
      <c r="CN31" s="25">
        <v>0</v>
      </c>
      <c r="CO31" s="26">
        <v>0</v>
      </c>
      <c r="CP31" s="27">
        <v>0</v>
      </c>
      <c r="CQ31" s="25">
        <v>0</v>
      </c>
      <c r="CR31" s="25">
        <v>0</v>
      </c>
      <c r="CS31" s="25">
        <v>0</v>
      </c>
      <c r="CT31" s="25">
        <v>0</v>
      </c>
      <c r="CU31" s="25">
        <v>0</v>
      </c>
      <c r="CV31" s="28">
        <v>0</v>
      </c>
      <c r="CW31" s="29">
        <v>0</v>
      </c>
      <c r="CX31" s="24">
        <v>0</v>
      </c>
      <c r="CY31" s="25">
        <v>0</v>
      </c>
      <c r="CZ31" s="26">
        <v>0</v>
      </c>
      <c r="DA31" s="403">
        <v>0</v>
      </c>
      <c r="DB31" s="25">
        <v>0</v>
      </c>
      <c r="DC31" s="25">
        <v>0</v>
      </c>
      <c r="DD31" s="25">
        <v>0</v>
      </c>
      <c r="DE31" s="25">
        <v>0</v>
      </c>
      <c r="DF31" s="25">
        <v>0</v>
      </c>
      <c r="DG31" s="28">
        <v>0</v>
      </c>
      <c r="DH31" s="29">
        <v>0</v>
      </c>
      <c r="DI31" s="24">
        <v>0</v>
      </c>
      <c r="DJ31" s="25">
        <v>0</v>
      </c>
      <c r="DK31" s="26">
        <v>0</v>
      </c>
      <c r="DL31" s="27">
        <v>0</v>
      </c>
      <c r="DM31" s="25">
        <v>0</v>
      </c>
      <c r="DN31" s="25">
        <v>11658</v>
      </c>
      <c r="DO31" s="25">
        <v>212319</v>
      </c>
      <c r="DP31" s="25">
        <v>217099</v>
      </c>
      <c r="DQ31" s="25">
        <v>147486</v>
      </c>
      <c r="DR31" s="28">
        <v>588562</v>
      </c>
      <c r="DS31" s="30">
        <v>588562</v>
      </c>
      <c r="DT31" s="24">
        <v>0</v>
      </c>
      <c r="DU31" s="25">
        <v>0</v>
      </c>
      <c r="DV31" s="26">
        <v>0</v>
      </c>
      <c r="DW31" s="403">
        <v>0</v>
      </c>
      <c r="DX31" s="25">
        <v>0</v>
      </c>
      <c r="DY31" s="25">
        <v>0</v>
      </c>
      <c r="DZ31" s="25">
        <v>168733</v>
      </c>
      <c r="EA31" s="25">
        <v>211653</v>
      </c>
      <c r="EB31" s="25">
        <v>141918</v>
      </c>
      <c r="EC31" s="28">
        <v>522304</v>
      </c>
      <c r="ED31" s="29">
        <v>522304</v>
      </c>
      <c r="EE31" s="24">
        <v>0</v>
      </c>
      <c r="EF31" s="25">
        <v>0</v>
      </c>
      <c r="EG31" s="26">
        <v>0</v>
      </c>
      <c r="EH31" s="403">
        <v>0</v>
      </c>
      <c r="EI31" s="25">
        <v>0</v>
      </c>
      <c r="EJ31" s="25">
        <v>11658</v>
      </c>
      <c r="EK31" s="25">
        <v>43586</v>
      </c>
      <c r="EL31" s="25">
        <v>186</v>
      </c>
      <c r="EM31" s="25">
        <v>0</v>
      </c>
      <c r="EN31" s="28">
        <v>55430</v>
      </c>
      <c r="EO31" s="29">
        <v>55430</v>
      </c>
      <c r="EP31" s="24">
        <v>0</v>
      </c>
      <c r="EQ31" s="25">
        <v>0</v>
      </c>
      <c r="ER31" s="26">
        <v>0</v>
      </c>
      <c r="ES31" s="403">
        <v>0</v>
      </c>
      <c r="ET31" s="25">
        <v>0</v>
      </c>
      <c r="EU31" s="25">
        <v>0</v>
      </c>
      <c r="EV31" s="25">
        <v>0</v>
      </c>
      <c r="EW31" s="25">
        <v>0</v>
      </c>
      <c r="EX31" s="25">
        <v>0</v>
      </c>
      <c r="EY31" s="28">
        <v>0</v>
      </c>
      <c r="EZ31" s="29">
        <v>0</v>
      </c>
      <c r="FA31" s="24">
        <v>0</v>
      </c>
      <c r="FB31" s="25">
        <v>0</v>
      </c>
      <c r="FC31" s="26">
        <v>0</v>
      </c>
      <c r="FD31" s="403">
        <v>0</v>
      </c>
      <c r="FE31" s="25">
        <v>0</v>
      </c>
      <c r="FF31" s="25">
        <v>0</v>
      </c>
      <c r="FG31" s="25">
        <v>0</v>
      </c>
      <c r="FH31" s="25">
        <v>0</v>
      </c>
      <c r="FI31" s="25">
        <v>0</v>
      </c>
      <c r="FJ31" s="28">
        <v>0</v>
      </c>
      <c r="FK31" s="29">
        <v>0</v>
      </c>
      <c r="FL31" s="24">
        <v>0</v>
      </c>
      <c r="FM31" s="25">
        <v>0</v>
      </c>
      <c r="FN31" s="26">
        <v>0</v>
      </c>
      <c r="FO31" s="403">
        <v>0</v>
      </c>
      <c r="FP31" s="25">
        <v>0</v>
      </c>
      <c r="FQ31" s="25">
        <v>0</v>
      </c>
      <c r="FR31" s="25">
        <v>0</v>
      </c>
      <c r="FS31" s="25">
        <v>0</v>
      </c>
      <c r="FT31" s="25">
        <v>0</v>
      </c>
      <c r="FU31" s="28">
        <v>0</v>
      </c>
      <c r="FV31" s="29">
        <v>0</v>
      </c>
      <c r="FW31" s="24">
        <v>0</v>
      </c>
      <c r="FX31" s="25">
        <v>0</v>
      </c>
      <c r="FY31" s="26">
        <v>0</v>
      </c>
      <c r="FZ31" s="27">
        <v>0</v>
      </c>
      <c r="GA31" s="25">
        <v>0</v>
      </c>
      <c r="GB31" s="25">
        <v>0</v>
      </c>
      <c r="GC31" s="25">
        <v>0</v>
      </c>
      <c r="GD31" s="25">
        <v>5260</v>
      </c>
      <c r="GE31" s="25">
        <v>5568</v>
      </c>
      <c r="GF31" s="28">
        <v>10828</v>
      </c>
      <c r="GG31" s="29">
        <v>10828</v>
      </c>
      <c r="GH31" s="24">
        <v>0</v>
      </c>
      <c r="GI31" s="25">
        <v>0</v>
      </c>
      <c r="GJ31" s="26">
        <v>0</v>
      </c>
      <c r="GK31" s="27">
        <v>0</v>
      </c>
      <c r="GL31" s="25">
        <v>0</v>
      </c>
      <c r="GM31" s="25">
        <v>0</v>
      </c>
      <c r="GN31" s="25">
        <v>0</v>
      </c>
      <c r="GO31" s="25">
        <v>0</v>
      </c>
      <c r="GP31" s="25">
        <v>0</v>
      </c>
      <c r="GQ31" s="28">
        <v>0</v>
      </c>
      <c r="GR31" s="29">
        <v>0</v>
      </c>
      <c r="GS31" s="24">
        <v>0</v>
      </c>
      <c r="GT31" s="25">
        <v>0</v>
      </c>
      <c r="GU31" s="26">
        <v>0</v>
      </c>
      <c r="GV31" s="27">
        <v>0</v>
      </c>
      <c r="GW31" s="25">
        <v>0</v>
      </c>
      <c r="GX31" s="25">
        <v>0</v>
      </c>
      <c r="GY31" s="25">
        <v>0</v>
      </c>
      <c r="GZ31" s="25">
        <v>0</v>
      </c>
      <c r="HA31" s="25">
        <v>0</v>
      </c>
      <c r="HB31" s="28">
        <v>0</v>
      </c>
      <c r="HC31" s="29">
        <v>0</v>
      </c>
      <c r="HD31" s="24">
        <v>0</v>
      </c>
      <c r="HE31" s="25">
        <v>0</v>
      </c>
      <c r="HF31" s="26">
        <v>0</v>
      </c>
      <c r="HG31" s="403">
        <v>0</v>
      </c>
      <c r="HH31" s="25">
        <v>0</v>
      </c>
      <c r="HI31" s="25">
        <v>0</v>
      </c>
      <c r="HJ31" s="25">
        <v>0</v>
      </c>
      <c r="HK31" s="25">
        <v>0</v>
      </c>
      <c r="HL31" s="25">
        <v>0</v>
      </c>
      <c r="HM31" s="28">
        <v>0</v>
      </c>
      <c r="HN31" s="29">
        <v>0</v>
      </c>
      <c r="HO31" s="24">
        <v>0</v>
      </c>
      <c r="HP31" s="25">
        <v>0</v>
      </c>
      <c r="HQ31" s="26">
        <v>0</v>
      </c>
      <c r="HR31" s="27">
        <v>0</v>
      </c>
      <c r="HS31" s="25">
        <v>0</v>
      </c>
      <c r="HT31" s="25">
        <v>73173</v>
      </c>
      <c r="HU31" s="25">
        <v>466169</v>
      </c>
      <c r="HV31" s="25">
        <v>459682</v>
      </c>
      <c r="HW31" s="25">
        <v>230331</v>
      </c>
      <c r="HX31" s="28">
        <v>1229355</v>
      </c>
      <c r="HY31" s="29">
        <v>1229355</v>
      </c>
    </row>
    <row r="32" spans="2:233" ht="21" customHeight="1" x14ac:dyDescent="0.2">
      <c r="B32" s="106" t="s">
        <v>29</v>
      </c>
      <c r="C32" s="24">
        <v>0</v>
      </c>
      <c r="D32" s="25">
        <v>0</v>
      </c>
      <c r="E32" s="26">
        <v>0</v>
      </c>
      <c r="F32" s="27">
        <v>0</v>
      </c>
      <c r="G32" s="25">
        <v>24645</v>
      </c>
      <c r="H32" s="25">
        <v>114073</v>
      </c>
      <c r="I32" s="25">
        <v>261280</v>
      </c>
      <c r="J32" s="25">
        <v>442695</v>
      </c>
      <c r="K32" s="25">
        <v>219385</v>
      </c>
      <c r="L32" s="28">
        <v>1062078</v>
      </c>
      <c r="M32" s="29">
        <v>1062078</v>
      </c>
      <c r="N32" s="24">
        <v>0</v>
      </c>
      <c r="O32" s="25">
        <v>0</v>
      </c>
      <c r="P32" s="26">
        <v>0</v>
      </c>
      <c r="Q32" s="403">
        <v>0</v>
      </c>
      <c r="R32" s="25">
        <v>0</v>
      </c>
      <c r="S32" s="25">
        <v>79433</v>
      </c>
      <c r="T32" s="25">
        <v>176540</v>
      </c>
      <c r="U32" s="25">
        <v>244160</v>
      </c>
      <c r="V32" s="25">
        <v>184045</v>
      </c>
      <c r="W32" s="28">
        <v>684178</v>
      </c>
      <c r="X32" s="29">
        <v>684178</v>
      </c>
      <c r="Y32" s="24">
        <v>0</v>
      </c>
      <c r="Z32" s="25">
        <v>0</v>
      </c>
      <c r="AA32" s="26">
        <v>0</v>
      </c>
      <c r="AB32" s="403">
        <v>0</v>
      </c>
      <c r="AC32" s="25">
        <v>24645</v>
      </c>
      <c r="AD32" s="25">
        <v>32295</v>
      </c>
      <c r="AE32" s="25">
        <v>37975</v>
      </c>
      <c r="AF32" s="25">
        <v>79650</v>
      </c>
      <c r="AG32" s="25">
        <v>32705</v>
      </c>
      <c r="AH32" s="28">
        <v>207270</v>
      </c>
      <c r="AI32" s="29">
        <v>207270</v>
      </c>
      <c r="AJ32" s="24">
        <v>0</v>
      </c>
      <c r="AK32" s="25">
        <v>0</v>
      </c>
      <c r="AL32" s="26">
        <v>0</v>
      </c>
      <c r="AM32" s="403">
        <v>0</v>
      </c>
      <c r="AN32" s="25">
        <v>0</v>
      </c>
      <c r="AO32" s="25">
        <v>0</v>
      </c>
      <c r="AP32" s="25">
        <v>0</v>
      </c>
      <c r="AQ32" s="25">
        <v>0</v>
      </c>
      <c r="AR32" s="25">
        <v>0</v>
      </c>
      <c r="AS32" s="28">
        <v>0</v>
      </c>
      <c r="AT32" s="29">
        <v>0</v>
      </c>
      <c r="AU32" s="24">
        <v>0</v>
      </c>
      <c r="AV32" s="25">
        <v>0</v>
      </c>
      <c r="AW32" s="26">
        <v>0</v>
      </c>
      <c r="AX32" s="403">
        <v>0</v>
      </c>
      <c r="AY32" s="25">
        <v>0</v>
      </c>
      <c r="AZ32" s="25">
        <v>0</v>
      </c>
      <c r="BA32" s="25">
        <v>0</v>
      </c>
      <c r="BB32" s="25">
        <v>0</v>
      </c>
      <c r="BC32" s="25">
        <v>0</v>
      </c>
      <c r="BD32" s="28">
        <v>0</v>
      </c>
      <c r="BE32" s="29">
        <v>0</v>
      </c>
      <c r="BF32" s="24">
        <v>0</v>
      </c>
      <c r="BG32" s="25">
        <v>0</v>
      </c>
      <c r="BH32" s="26">
        <v>0</v>
      </c>
      <c r="BI32" s="403">
        <v>0</v>
      </c>
      <c r="BJ32" s="25">
        <v>0</v>
      </c>
      <c r="BK32" s="25">
        <v>0</v>
      </c>
      <c r="BL32" s="25">
        <v>41715</v>
      </c>
      <c r="BM32" s="25">
        <v>92690</v>
      </c>
      <c r="BN32" s="25">
        <v>2635</v>
      </c>
      <c r="BO32" s="28">
        <v>137040</v>
      </c>
      <c r="BP32" s="29">
        <v>137040</v>
      </c>
      <c r="BQ32" s="24">
        <v>0</v>
      </c>
      <c r="BR32" s="25">
        <v>0</v>
      </c>
      <c r="BS32" s="26">
        <v>0</v>
      </c>
      <c r="BT32" s="27">
        <v>0</v>
      </c>
      <c r="BU32" s="25">
        <v>0</v>
      </c>
      <c r="BV32" s="25">
        <v>2345</v>
      </c>
      <c r="BW32" s="25">
        <v>5050</v>
      </c>
      <c r="BX32" s="25">
        <v>22815</v>
      </c>
      <c r="BY32" s="25">
        <v>0</v>
      </c>
      <c r="BZ32" s="28">
        <v>30210</v>
      </c>
      <c r="CA32" s="29">
        <v>30210</v>
      </c>
      <c r="CB32" s="24">
        <v>0</v>
      </c>
      <c r="CC32" s="25">
        <v>0</v>
      </c>
      <c r="CD32" s="26">
        <v>0</v>
      </c>
      <c r="CE32" s="27">
        <v>0</v>
      </c>
      <c r="CF32" s="25">
        <v>0</v>
      </c>
      <c r="CG32" s="25">
        <v>0</v>
      </c>
      <c r="CH32" s="25">
        <v>0</v>
      </c>
      <c r="CI32" s="25">
        <v>3380</v>
      </c>
      <c r="CJ32" s="25">
        <v>0</v>
      </c>
      <c r="CK32" s="28">
        <v>3380</v>
      </c>
      <c r="CL32" s="29">
        <v>3380</v>
      </c>
      <c r="CM32" s="24">
        <v>0</v>
      </c>
      <c r="CN32" s="25">
        <v>0</v>
      </c>
      <c r="CO32" s="26">
        <v>0</v>
      </c>
      <c r="CP32" s="27">
        <v>0</v>
      </c>
      <c r="CQ32" s="25">
        <v>0</v>
      </c>
      <c r="CR32" s="25">
        <v>0</v>
      </c>
      <c r="CS32" s="25">
        <v>0</v>
      </c>
      <c r="CT32" s="25">
        <v>0</v>
      </c>
      <c r="CU32" s="25">
        <v>0</v>
      </c>
      <c r="CV32" s="28">
        <v>0</v>
      </c>
      <c r="CW32" s="29">
        <v>0</v>
      </c>
      <c r="CX32" s="24">
        <v>0</v>
      </c>
      <c r="CY32" s="25">
        <v>0</v>
      </c>
      <c r="CZ32" s="26">
        <v>0</v>
      </c>
      <c r="DA32" s="403">
        <v>0</v>
      </c>
      <c r="DB32" s="25">
        <v>0</v>
      </c>
      <c r="DC32" s="25">
        <v>0</v>
      </c>
      <c r="DD32" s="25">
        <v>0</v>
      </c>
      <c r="DE32" s="25">
        <v>0</v>
      </c>
      <c r="DF32" s="25">
        <v>0</v>
      </c>
      <c r="DG32" s="28">
        <v>0</v>
      </c>
      <c r="DH32" s="29">
        <v>0</v>
      </c>
      <c r="DI32" s="24">
        <v>0</v>
      </c>
      <c r="DJ32" s="25">
        <v>0</v>
      </c>
      <c r="DK32" s="26">
        <v>0</v>
      </c>
      <c r="DL32" s="27">
        <v>0</v>
      </c>
      <c r="DM32" s="25">
        <v>217</v>
      </c>
      <c r="DN32" s="25">
        <v>64170</v>
      </c>
      <c r="DO32" s="25">
        <v>242595</v>
      </c>
      <c r="DP32" s="25">
        <v>392283</v>
      </c>
      <c r="DQ32" s="25">
        <v>177196</v>
      </c>
      <c r="DR32" s="28">
        <v>876461</v>
      </c>
      <c r="DS32" s="30">
        <v>876461</v>
      </c>
      <c r="DT32" s="24">
        <v>0</v>
      </c>
      <c r="DU32" s="25">
        <v>0</v>
      </c>
      <c r="DV32" s="26">
        <v>0</v>
      </c>
      <c r="DW32" s="403">
        <v>0</v>
      </c>
      <c r="DX32" s="25">
        <v>0</v>
      </c>
      <c r="DY32" s="25">
        <v>42550</v>
      </c>
      <c r="DZ32" s="25">
        <v>121641</v>
      </c>
      <c r="EA32" s="25">
        <v>241262</v>
      </c>
      <c r="EB32" s="25">
        <v>166098</v>
      </c>
      <c r="EC32" s="28">
        <v>571551</v>
      </c>
      <c r="ED32" s="29">
        <v>571551</v>
      </c>
      <c r="EE32" s="24">
        <v>0</v>
      </c>
      <c r="EF32" s="25">
        <v>0</v>
      </c>
      <c r="EG32" s="26">
        <v>0</v>
      </c>
      <c r="EH32" s="403">
        <v>0</v>
      </c>
      <c r="EI32" s="25">
        <v>217</v>
      </c>
      <c r="EJ32" s="25">
        <v>11735</v>
      </c>
      <c r="EK32" s="25">
        <v>620</v>
      </c>
      <c r="EL32" s="25">
        <v>14032</v>
      </c>
      <c r="EM32" s="25">
        <v>217</v>
      </c>
      <c r="EN32" s="28">
        <v>26821</v>
      </c>
      <c r="EO32" s="29">
        <v>26821</v>
      </c>
      <c r="EP32" s="24">
        <v>0</v>
      </c>
      <c r="EQ32" s="25">
        <v>0</v>
      </c>
      <c r="ER32" s="26">
        <v>0</v>
      </c>
      <c r="ES32" s="403">
        <v>0</v>
      </c>
      <c r="ET32" s="25">
        <v>0</v>
      </c>
      <c r="EU32" s="25">
        <v>0</v>
      </c>
      <c r="EV32" s="25">
        <v>0</v>
      </c>
      <c r="EW32" s="25">
        <v>0</v>
      </c>
      <c r="EX32" s="25">
        <v>0</v>
      </c>
      <c r="EY32" s="28">
        <v>0</v>
      </c>
      <c r="EZ32" s="29">
        <v>0</v>
      </c>
      <c r="FA32" s="24">
        <v>0</v>
      </c>
      <c r="FB32" s="25">
        <v>0</v>
      </c>
      <c r="FC32" s="26">
        <v>0</v>
      </c>
      <c r="FD32" s="403">
        <v>0</v>
      </c>
      <c r="FE32" s="25">
        <v>0</v>
      </c>
      <c r="FF32" s="25">
        <v>0</v>
      </c>
      <c r="FG32" s="25">
        <v>0</v>
      </c>
      <c r="FH32" s="25">
        <v>0</v>
      </c>
      <c r="FI32" s="25">
        <v>0</v>
      </c>
      <c r="FJ32" s="28">
        <v>0</v>
      </c>
      <c r="FK32" s="29">
        <v>0</v>
      </c>
      <c r="FL32" s="24">
        <v>0</v>
      </c>
      <c r="FM32" s="25">
        <v>0</v>
      </c>
      <c r="FN32" s="26">
        <v>0</v>
      </c>
      <c r="FO32" s="403">
        <v>0</v>
      </c>
      <c r="FP32" s="25">
        <v>0</v>
      </c>
      <c r="FQ32" s="25">
        <v>0</v>
      </c>
      <c r="FR32" s="25">
        <v>114718</v>
      </c>
      <c r="FS32" s="25">
        <v>116684</v>
      </c>
      <c r="FT32" s="25">
        <v>10881</v>
      </c>
      <c r="FU32" s="28">
        <v>242283</v>
      </c>
      <c r="FV32" s="29">
        <v>242283</v>
      </c>
      <c r="FW32" s="24">
        <v>0</v>
      </c>
      <c r="FX32" s="25">
        <v>0</v>
      </c>
      <c r="FY32" s="26">
        <v>0</v>
      </c>
      <c r="FZ32" s="27">
        <v>0</v>
      </c>
      <c r="GA32" s="25">
        <v>0</v>
      </c>
      <c r="GB32" s="25">
        <v>9885</v>
      </c>
      <c r="GC32" s="25">
        <v>5616</v>
      </c>
      <c r="GD32" s="25">
        <v>20277</v>
      </c>
      <c r="GE32" s="25">
        <v>0</v>
      </c>
      <c r="GF32" s="28">
        <v>35778</v>
      </c>
      <c r="GG32" s="29">
        <v>35778</v>
      </c>
      <c r="GH32" s="24">
        <v>0</v>
      </c>
      <c r="GI32" s="25">
        <v>0</v>
      </c>
      <c r="GJ32" s="26">
        <v>0</v>
      </c>
      <c r="GK32" s="27">
        <v>0</v>
      </c>
      <c r="GL32" s="25">
        <v>0</v>
      </c>
      <c r="GM32" s="25">
        <v>0</v>
      </c>
      <c r="GN32" s="25">
        <v>0</v>
      </c>
      <c r="GO32" s="25">
        <v>28</v>
      </c>
      <c r="GP32" s="25">
        <v>0</v>
      </c>
      <c r="GQ32" s="28">
        <v>28</v>
      </c>
      <c r="GR32" s="29">
        <v>28</v>
      </c>
      <c r="GS32" s="24">
        <v>0</v>
      </c>
      <c r="GT32" s="25">
        <v>0</v>
      </c>
      <c r="GU32" s="26">
        <v>0</v>
      </c>
      <c r="GV32" s="27">
        <v>0</v>
      </c>
      <c r="GW32" s="25">
        <v>0</v>
      </c>
      <c r="GX32" s="25">
        <v>0</v>
      </c>
      <c r="GY32" s="25">
        <v>0</v>
      </c>
      <c r="GZ32" s="25">
        <v>0</v>
      </c>
      <c r="HA32" s="25">
        <v>0</v>
      </c>
      <c r="HB32" s="28">
        <v>0</v>
      </c>
      <c r="HC32" s="29">
        <v>0</v>
      </c>
      <c r="HD32" s="24">
        <v>0</v>
      </c>
      <c r="HE32" s="25">
        <v>0</v>
      </c>
      <c r="HF32" s="26">
        <v>0</v>
      </c>
      <c r="HG32" s="403">
        <v>0</v>
      </c>
      <c r="HH32" s="25">
        <v>0</v>
      </c>
      <c r="HI32" s="25">
        <v>0</v>
      </c>
      <c r="HJ32" s="25">
        <v>0</v>
      </c>
      <c r="HK32" s="25">
        <v>0</v>
      </c>
      <c r="HL32" s="25">
        <v>0</v>
      </c>
      <c r="HM32" s="28">
        <v>0</v>
      </c>
      <c r="HN32" s="29">
        <v>0</v>
      </c>
      <c r="HO32" s="24">
        <v>0</v>
      </c>
      <c r="HP32" s="25">
        <v>0</v>
      </c>
      <c r="HQ32" s="26">
        <v>0</v>
      </c>
      <c r="HR32" s="27">
        <v>0</v>
      </c>
      <c r="HS32" s="25">
        <v>24862</v>
      </c>
      <c r="HT32" s="25">
        <v>178243</v>
      </c>
      <c r="HU32" s="25">
        <v>503875</v>
      </c>
      <c r="HV32" s="25">
        <v>834978</v>
      </c>
      <c r="HW32" s="25">
        <v>396581</v>
      </c>
      <c r="HX32" s="28">
        <v>1938539</v>
      </c>
      <c r="HY32" s="29">
        <v>1938539</v>
      </c>
    </row>
    <row r="33" spans="2:233" ht="21" customHeight="1" x14ac:dyDescent="0.2">
      <c r="B33" s="106" t="s">
        <v>30</v>
      </c>
      <c r="C33" s="24">
        <v>0</v>
      </c>
      <c r="D33" s="25">
        <v>0</v>
      </c>
      <c r="E33" s="26">
        <v>0</v>
      </c>
      <c r="F33" s="27">
        <v>0</v>
      </c>
      <c r="G33" s="25">
        <v>89900</v>
      </c>
      <c r="H33" s="25">
        <v>67541</v>
      </c>
      <c r="I33" s="25">
        <v>170080</v>
      </c>
      <c r="J33" s="25">
        <v>295035</v>
      </c>
      <c r="K33" s="25">
        <v>238430</v>
      </c>
      <c r="L33" s="28">
        <v>860986</v>
      </c>
      <c r="M33" s="29">
        <v>860986</v>
      </c>
      <c r="N33" s="24">
        <v>0</v>
      </c>
      <c r="O33" s="25">
        <v>0</v>
      </c>
      <c r="P33" s="26">
        <v>0</v>
      </c>
      <c r="Q33" s="403">
        <v>0</v>
      </c>
      <c r="R33" s="25">
        <v>0</v>
      </c>
      <c r="S33" s="25">
        <v>59636</v>
      </c>
      <c r="T33" s="25">
        <v>131285</v>
      </c>
      <c r="U33" s="25">
        <v>270390</v>
      </c>
      <c r="V33" s="25">
        <v>178465</v>
      </c>
      <c r="W33" s="28">
        <v>639776</v>
      </c>
      <c r="X33" s="29">
        <v>639776</v>
      </c>
      <c r="Y33" s="24">
        <v>0</v>
      </c>
      <c r="Z33" s="25">
        <v>0</v>
      </c>
      <c r="AA33" s="26">
        <v>0</v>
      </c>
      <c r="AB33" s="403">
        <v>0</v>
      </c>
      <c r="AC33" s="25">
        <v>89900</v>
      </c>
      <c r="AD33" s="25">
        <v>7905</v>
      </c>
      <c r="AE33" s="25">
        <v>32705</v>
      </c>
      <c r="AF33" s="25">
        <v>24645</v>
      </c>
      <c r="AG33" s="25">
        <v>5270</v>
      </c>
      <c r="AH33" s="28">
        <v>160425</v>
      </c>
      <c r="AI33" s="29">
        <v>160425</v>
      </c>
      <c r="AJ33" s="24">
        <v>0</v>
      </c>
      <c r="AK33" s="25">
        <v>0</v>
      </c>
      <c r="AL33" s="26">
        <v>0</v>
      </c>
      <c r="AM33" s="403">
        <v>0</v>
      </c>
      <c r="AN33" s="25">
        <v>0</v>
      </c>
      <c r="AO33" s="25">
        <v>0</v>
      </c>
      <c r="AP33" s="25">
        <v>0</v>
      </c>
      <c r="AQ33" s="25">
        <v>0</v>
      </c>
      <c r="AR33" s="25">
        <v>0</v>
      </c>
      <c r="AS33" s="28">
        <v>0</v>
      </c>
      <c r="AT33" s="29">
        <v>0</v>
      </c>
      <c r="AU33" s="24">
        <v>0</v>
      </c>
      <c r="AV33" s="25">
        <v>0</v>
      </c>
      <c r="AW33" s="26">
        <v>0</v>
      </c>
      <c r="AX33" s="403">
        <v>0</v>
      </c>
      <c r="AY33" s="25">
        <v>0</v>
      </c>
      <c r="AZ33" s="25">
        <v>0</v>
      </c>
      <c r="BA33" s="25">
        <v>0</v>
      </c>
      <c r="BB33" s="25">
        <v>0</v>
      </c>
      <c r="BC33" s="25">
        <v>54695</v>
      </c>
      <c r="BD33" s="28">
        <v>54695</v>
      </c>
      <c r="BE33" s="29">
        <v>54695</v>
      </c>
      <c r="BF33" s="24">
        <v>0</v>
      </c>
      <c r="BG33" s="25">
        <v>0</v>
      </c>
      <c r="BH33" s="26">
        <v>0</v>
      </c>
      <c r="BI33" s="403">
        <v>0</v>
      </c>
      <c r="BJ33" s="25">
        <v>0</v>
      </c>
      <c r="BK33" s="25">
        <v>0</v>
      </c>
      <c r="BL33" s="25">
        <v>0</v>
      </c>
      <c r="BM33" s="25">
        <v>0</v>
      </c>
      <c r="BN33" s="25">
        <v>0</v>
      </c>
      <c r="BO33" s="28">
        <v>0</v>
      </c>
      <c r="BP33" s="29">
        <v>0</v>
      </c>
      <c r="BQ33" s="24">
        <v>0</v>
      </c>
      <c r="BR33" s="25">
        <v>0</v>
      </c>
      <c r="BS33" s="26">
        <v>0</v>
      </c>
      <c r="BT33" s="27">
        <v>0</v>
      </c>
      <c r="BU33" s="25">
        <v>0</v>
      </c>
      <c r="BV33" s="25">
        <v>0</v>
      </c>
      <c r="BW33" s="25">
        <v>6090</v>
      </c>
      <c r="BX33" s="25">
        <v>0</v>
      </c>
      <c r="BY33" s="25">
        <v>0</v>
      </c>
      <c r="BZ33" s="28">
        <v>6090</v>
      </c>
      <c r="CA33" s="29">
        <v>6090</v>
      </c>
      <c r="CB33" s="24">
        <v>0</v>
      </c>
      <c r="CC33" s="25">
        <v>0</v>
      </c>
      <c r="CD33" s="26">
        <v>0</v>
      </c>
      <c r="CE33" s="27">
        <v>0</v>
      </c>
      <c r="CF33" s="25">
        <v>0</v>
      </c>
      <c r="CG33" s="25">
        <v>0</v>
      </c>
      <c r="CH33" s="25">
        <v>0</v>
      </c>
      <c r="CI33" s="25">
        <v>0</v>
      </c>
      <c r="CJ33" s="25">
        <v>0</v>
      </c>
      <c r="CK33" s="28">
        <v>0</v>
      </c>
      <c r="CL33" s="29">
        <v>0</v>
      </c>
      <c r="CM33" s="24">
        <v>0</v>
      </c>
      <c r="CN33" s="25">
        <v>0</v>
      </c>
      <c r="CO33" s="26">
        <v>0</v>
      </c>
      <c r="CP33" s="27">
        <v>0</v>
      </c>
      <c r="CQ33" s="25">
        <v>0</v>
      </c>
      <c r="CR33" s="25">
        <v>0</v>
      </c>
      <c r="CS33" s="25">
        <v>0</v>
      </c>
      <c r="CT33" s="25">
        <v>0</v>
      </c>
      <c r="CU33" s="25">
        <v>0</v>
      </c>
      <c r="CV33" s="28">
        <v>0</v>
      </c>
      <c r="CW33" s="29">
        <v>0</v>
      </c>
      <c r="CX33" s="24">
        <v>0</v>
      </c>
      <c r="CY33" s="25">
        <v>0</v>
      </c>
      <c r="CZ33" s="26">
        <v>0</v>
      </c>
      <c r="DA33" s="403">
        <v>0</v>
      </c>
      <c r="DB33" s="25">
        <v>0</v>
      </c>
      <c r="DC33" s="25">
        <v>0</v>
      </c>
      <c r="DD33" s="25">
        <v>0</v>
      </c>
      <c r="DE33" s="25">
        <v>0</v>
      </c>
      <c r="DF33" s="25">
        <v>0</v>
      </c>
      <c r="DG33" s="28">
        <v>0</v>
      </c>
      <c r="DH33" s="29">
        <v>0</v>
      </c>
      <c r="DI33" s="24">
        <v>0</v>
      </c>
      <c r="DJ33" s="25">
        <v>0</v>
      </c>
      <c r="DK33" s="26">
        <v>0</v>
      </c>
      <c r="DL33" s="27">
        <v>0</v>
      </c>
      <c r="DM33" s="25">
        <v>36735</v>
      </c>
      <c r="DN33" s="25">
        <v>98081</v>
      </c>
      <c r="DO33" s="25">
        <v>259591</v>
      </c>
      <c r="DP33" s="25">
        <v>360235</v>
      </c>
      <c r="DQ33" s="25">
        <v>210057</v>
      </c>
      <c r="DR33" s="28">
        <v>964699</v>
      </c>
      <c r="DS33" s="30">
        <v>964699</v>
      </c>
      <c r="DT33" s="24">
        <v>0</v>
      </c>
      <c r="DU33" s="25">
        <v>0</v>
      </c>
      <c r="DV33" s="26">
        <v>0</v>
      </c>
      <c r="DW33" s="403">
        <v>0</v>
      </c>
      <c r="DX33" s="25">
        <v>0</v>
      </c>
      <c r="DY33" s="25">
        <v>73377</v>
      </c>
      <c r="DZ33" s="25">
        <v>234639</v>
      </c>
      <c r="EA33" s="25">
        <v>360018</v>
      </c>
      <c r="EB33" s="25">
        <v>197516</v>
      </c>
      <c r="EC33" s="28">
        <v>865550</v>
      </c>
      <c r="ED33" s="29">
        <v>865550</v>
      </c>
      <c r="EE33" s="24">
        <v>0</v>
      </c>
      <c r="EF33" s="25">
        <v>0</v>
      </c>
      <c r="EG33" s="26">
        <v>0</v>
      </c>
      <c r="EH33" s="403">
        <v>0</v>
      </c>
      <c r="EI33" s="25">
        <v>36735</v>
      </c>
      <c r="EJ33" s="25">
        <v>21545</v>
      </c>
      <c r="EK33" s="25">
        <v>217</v>
      </c>
      <c r="EL33" s="25">
        <v>217</v>
      </c>
      <c r="EM33" s="25">
        <v>434</v>
      </c>
      <c r="EN33" s="28">
        <v>59148</v>
      </c>
      <c r="EO33" s="29">
        <v>59148</v>
      </c>
      <c r="EP33" s="24">
        <v>0</v>
      </c>
      <c r="EQ33" s="25">
        <v>0</v>
      </c>
      <c r="ER33" s="26">
        <v>0</v>
      </c>
      <c r="ES33" s="403">
        <v>0</v>
      </c>
      <c r="ET33" s="25">
        <v>0</v>
      </c>
      <c r="EU33" s="25">
        <v>0</v>
      </c>
      <c r="EV33" s="25">
        <v>0</v>
      </c>
      <c r="EW33" s="25">
        <v>0</v>
      </c>
      <c r="EX33" s="25">
        <v>0</v>
      </c>
      <c r="EY33" s="28">
        <v>0</v>
      </c>
      <c r="EZ33" s="29">
        <v>0</v>
      </c>
      <c r="FA33" s="24">
        <v>0</v>
      </c>
      <c r="FB33" s="25">
        <v>0</v>
      </c>
      <c r="FC33" s="26">
        <v>0</v>
      </c>
      <c r="FD33" s="403">
        <v>0</v>
      </c>
      <c r="FE33" s="25">
        <v>0</v>
      </c>
      <c r="FF33" s="25">
        <v>0</v>
      </c>
      <c r="FG33" s="25">
        <v>0</v>
      </c>
      <c r="FH33" s="25">
        <v>0</v>
      </c>
      <c r="FI33" s="25">
        <v>12107</v>
      </c>
      <c r="FJ33" s="28">
        <v>12107</v>
      </c>
      <c r="FK33" s="29">
        <v>12107</v>
      </c>
      <c r="FL33" s="24">
        <v>0</v>
      </c>
      <c r="FM33" s="25">
        <v>0</v>
      </c>
      <c r="FN33" s="26">
        <v>0</v>
      </c>
      <c r="FO33" s="403">
        <v>0</v>
      </c>
      <c r="FP33" s="25">
        <v>0</v>
      </c>
      <c r="FQ33" s="25">
        <v>0</v>
      </c>
      <c r="FR33" s="25">
        <v>0</v>
      </c>
      <c r="FS33" s="25">
        <v>0</v>
      </c>
      <c r="FT33" s="25">
        <v>0</v>
      </c>
      <c r="FU33" s="28">
        <v>0</v>
      </c>
      <c r="FV33" s="29">
        <v>0</v>
      </c>
      <c r="FW33" s="24">
        <v>0</v>
      </c>
      <c r="FX33" s="25">
        <v>0</v>
      </c>
      <c r="FY33" s="26">
        <v>0</v>
      </c>
      <c r="FZ33" s="27">
        <v>0</v>
      </c>
      <c r="GA33" s="25">
        <v>0</v>
      </c>
      <c r="GB33" s="25">
        <v>3159</v>
      </c>
      <c r="GC33" s="25">
        <v>24735</v>
      </c>
      <c r="GD33" s="25">
        <v>0</v>
      </c>
      <c r="GE33" s="25">
        <v>0</v>
      </c>
      <c r="GF33" s="28">
        <v>27894</v>
      </c>
      <c r="GG33" s="29">
        <v>27894</v>
      </c>
      <c r="GH33" s="24">
        <v>0</v>
      </c>
      <c r="GI33" s="25">
        <v>0</v>
      </c>
      <c r="GJ33" s="26">
        <v>0</v>
      </c>
      <c r="GK33" s="27">
        <v>0</v>
      </c>
      <c r="GL33" s="25">
        <v>0</v>
      </c>
      <c r="GM33" s="25">
        <v>0</v>
      </c>
      <c r="GN33" s="25">
        <v>0</v>
      </c>
      <c r="GO33" s="25">
        <v>0</v>
      </c>
      <c r="GP33" s="25">
        <v>0</v>
      </c>
      <c r="GQ33" s="28">
        <v>0</v>
      </c>
      <c r="GR33" s="29">
        <v>0</v>
      </c>
      <c r="GS33" s="24">
        <v>0</v>
      </c>
      <c r="GT33" s="25">
        <v>0</v>
      </c>
      <c r="GU33" s="26">
        <v>0</v>
      </c>
      <c r="GV33" s="27">
        <v>0</v>
      </c>
      <c r="GW33" s="25">
        <v>0</v>
      </c>
      <c r="GX33" s="25">
        <v>0</v>
      </c>
      <c r="GY33" s="25">
        <v>0</v>
      </c>
      <c r="GZ33" s="25">
        <v>0</v>
      </c>
      <c r="HA33" s="25">
        <v>0</v>
      </c>
      <c r="HB33" s="28">
        <v>0</v>
      </c>
      <c r="HC33" s="29">
        <v>0</v>
      </c>
      <c r="HD33" s="24">
        <v>0</v>
      </c>
      <c r="HE33" s="25">
        <v>0</v>
      </c>
      <c r="HF33" s="26">
        <v>0</v>
      </c>
      <c r="HG33" s="403">
        <v>0</v>
      </c>
      <c r="HH33" s="25">
        <v>0</v>
      </c>
      <c r="HI33" s="25">
        <v>0</v>
      </c>
      <c r="HJ33" s="25">
        <v>0</v>
      </c>
      <c r="HK33" s="25">
        <v>0</v>
      </c>
      <c r="HL33" s="25">
        <v>0</v>
      </c>
      <c r="HM33" s="28">
        <v>0</v>
      </c>
      <c r="HN33" s="29">
        <v>0</v>
      </c>
      <c r="HO33" s="24">
        <v>0</v>
      </c>
      <c r="HP33" s="25">
        <v>0</v>
      </c>
      <c r="HQ33" s="26">
        <v>0</v>
      </c>
      <c r="HR33" s="27">
        <v>0</v>
      </c>
      <c r="HS33" s="25">
        <v>126635</v>
      </c>
      <c r="HT33" s="25">
        <v>165622</v>
      </c>
      <c r="HU33" s="25">
        <v>429671</v>
      </c>
      <c r="HV33" s="25">
        <v>655270</v>
      </c>
      <c r="HW33" s="25">
        <v>448487</v>
      </c>
      <c r="HX33" s="28">
        <v>1825685</v>
      </c>
      <c r="HY33" s="29">
        <v>1825685</v>
      </c>
    </row>
    <row r="34" spans="2:233" ht="21" customHeight="1" x14ac:dyDescent="0.2">
      <c r="B34" s="106" t="s">
        <v>31</v>
      </c>
      <c r="C34" s="24">
        <v>0</v>
      </c>
      <c r="D34" s="25">
        <v>0</v>
      </c>
      <c r="E34" s="26">
        <v>0</v>
      </c>
      <c r="F34" s="27">
        <v>0</v>
      </c>
      <c r="G34" s="25">
        <v>63490</v>
      </c>
      <c r="H34" s="25">
        <v>196790</v>
      </c>
      <c r="I34" s="25">
        <v>238986</v>
      </c>
      <c r="J34" s="25">
        <v>219675</v>
      </c>
      <c r="K34" s="25">
        <v>179180</v>
      </c>
      <c r="L34" s="28">
        <v>898121</v>
      </c>
      <c r="M34" s="29">
        <v>898121</v>
      </c>
      <c r="N34" s="24">
        <v>0</v>
      </c>
      <c r="O34" s="25">
        <v>0</v>
      </c>
      <c r="P34" s="26">
        <v>0</v>
      </c>
      <c r="Q34" s="403">
        <v>0</v>
      </c>
      <c r="R34" s="25">
        <v>27280</v>
      </c>
      <c r="S34" s="25">
        <v>129485</v>
      </c>
      <c r="T34" s="25">
        <v>220906</v>
      </c>
      <c r="U34" s="25">
        <v>84370</v>
      </c>
      <c r="V34" s="25">
        <v>143840</v>
      </c>
      <c r="W34" s="28">
        <v>605881</v>
      </c>
      <c r="X34" s="29">
        <v>605881</v>
      </c>
      <c r="Y34" s="24">
        <v>0</v>
      </c>
      <c r="Z34" s="25">
        <v>0</v>
      </c>
      <c r="AA34" s="26">
        <v>0</v>
      </c>
      <c r="AB34" s="403">
        <v>0</v>
      </c>
      <c r="AC34" s="25">
        <v>2635</v>
      </c>
      <c r="AD34" s="25">
        <v>51925</v>
      </c>
      <c r="AE34" s="25">
        <v>10540</v>
      </c>
      <c r="AF34" s="25">
        <v>98115</v>
      </c>
      <c r="AG34" s="25">
        <v>2635</v>
      </c>
      <c r="AH34" s="28">
        <v>165850</v>
      </c>
      <c r="AI34" s="29">
        <v>165850</v>
      </c>
      <c r="AJ34" s="24">
        <v>0</v>
      </c>
      <c r="AK34" s="25">
        <v>0</v>
      </c>
      <c r="AL34" s="26">
        <v>0</v>
      </c>
      <c r="AM34" s="403">
        <v>0</v>
      </c>
      <c r="AN34" s="25">
        <v>0</v>
      </c>
      <c r="AO34" s="25">
        <v>0</v>
      </c>
      <c r="AP34" s="25">
        <v>0</v>
      </c>
      <c r="AQ34" s="25">
        <v>0</v>
      </c>
      <c r="AR34" s="25">
        <v>0</v>
      </c>
      <c r="AS34" s="28">
        <v>0</v>
      </c>
      <c r="AT34" s="29">
        <v>0</v>
      </c>
      <c r="AU34" s="24">
        <v>0</v>
      </c>
      <c r="AV34" s="25">
        <v>0</v>
      </c>
      <c r="AW34" s="26">
        <v>0</v>
      </c>
      <c r="AX34" s="403">
        <v>0</v>
      </c>
      <c r="AY34" s="25">
        <v>32705</v>
      </c>
      <c r="AZ34" s="25">
        <v>0</v>
      </c>
      <c r="BA34" s="25">
        <v>0</v>
      </c>
      <c r="BB34" s="25">
        <v>0</v>
      </c>
      <c r="BC34" s="25">
        <v>32705</v>
      </c>
      <c r="BD34" s="28">
        <v>65410</v>
      </c>
      <c r="BE34" s="29">
        <v>65410</v>
      </c>
      <c r="BF34" s="24">
        <v>0</v>
      </c>
      <c r="BG34" s="25">
        <v>0</v>
      </c>
      <c r="BH34" s="26">
        <v>0</v>
      </c>
      <c r="BI34" s="403">
        <v>0</v>
      </c>
      <c r="BJ34" s="25">
        <v>0</v>
      </c>
      <c r="BK34" s="25">
        <v>0</v>
      </c>
      <c r="BL34" s="25">
        <v>0</v>
      </c>
      <c r="BM34" s="25">
        <v>0</v>
      </c>
      <c r="BN34" s="25">
        <v>0</v>
      </c>
      <c r="BO34" s="28">
        <v>0</v>
      </c>
      <c r="BP34" s="29">
        <v>0</v>
      </c>
      <c r="BQ34" s="24">
        <v>0</v>
      </c>
      <c r="BR34" s="25">
        <v>0</v>
      </c>
      <c r="BS34" s="26">
        <v>0</v>
      </c>
      <c r="BT34" s="27">
        <v>0</v>
      </c>
      <c r="BU34" s="25">
        <v>870</v>
      </c>
      <c r="BV34" s="25">
        <v>15380</v>
      </c>
      <c r="BW34" s="25">
        <v>7540</v>
      </c>
      <c r="BX34" s="25">
        <v>37190</v>
      </c>
      <c r="BY34" s="25">
        <v>0</v>
      </c>
      <c r="BZ34" s="28">
        <v>60980</v>
      </c>
      <c r="CA34" s="29">
        <v>60980</v>
      </c>
      <c r="CB34" s="24">
        <v>0</v>
      </c>
      <c r="CC34" s="25">
        <v>0</v>
      </c>
      <c r="CD34" s="26">
        <v>0</v>
      </c>
      <c r="CE34" s="27">
        <v>0</v>
      </c>
      <c r="CF34" s="25">
        <v>0</v>
      </c>
      <c r="CG34" s="25">
        <v>0</v>
      </c>
      <c r="CH34" s="25">
        <v>0</v>
      </c>
      <c r="CI34" s="25">
        <v>0</v>
      </c>
      <c r="CJ34" s="25">
        <v>0</v>
      </c>
      <c r="CK34" s="28">
        <v>0</v>
      </c>
      <c r="CL34" s="29">
        <v>0</v>
      </c>
      <c r="CM34" s="24">
        <v>0</v>
      </c>
      <c r="CN34" s="25">
        <v>0</v>
      </c>
      <c r="CO34" s="26">
        <v>0</v>
      </c>
      <c r="CP34" s="27">
        <v>0</v>
      </c>
      <c r="CQ34" s="25">
        <v>0</v>
      </c>
      <c r="CR34" s="25">
        <v>0</v>
      </c>
      <c r="CS34" s="25">
        <v>0</v>
      </c>
      <c r="CT34" s="25">
        <v>0</v>
      </c>
      <c r="CU34" s="25">
        <v>0</v>
      </c>
      <c r="CV34" s="28">
        <v>0</v>
      </c>
      <c r="CW34" s="29">
        <v>0</v>
      </c>
      <c r="CX34" s="24">
        <v>0</v>
      </c>
      <c r="CY34" s="25">
        <v>0</v>
      </c>
      <c r="CZ34" s="26">
        <v>0</v>
      </c>
      <c r="DA34" s="403">
        <v>0</v>
      </c>
      <c r="DB34" s="25">
        <v>0</v>
      </c>
      <c r="DC34" s="25">
        <v>0</v>
      </c>
      <c r="DD34" s="25">
        <v>0</v>
      </c>
      <c r="DE34" s="25">
        <v>0</v>
      </c>
      <c r="DF34" s="25">
        <v>0</v>
      </c>
      <c r="DG34" s="28">
        <v>0</v>
      </c>
      <c r="DH34" s="29">
        <v>0</v>
      </c>
      <c r="DI34" s="24">
        <v>0</v>
      </c>
      <c r="DJ34" s="25">
        <v>0</v>
      </c>
      <c r="DK34" s="26">
        <v>0</v>
      </c>
      <c r="DL34" s="27">
        <v>0</v>
      </c>
      <c r="DM34" s="25">
        <v>39853</v>
      </c>
      <c r="DN34" s="25">
        <v>103114</v>
      </c>
      <c r="DO34" s="25">
        <v>277469</v>
      </c>
      <c r="DP34" s="25">
        <v>206556</v>
      </c>
      <c r="DQ34" s="25">
        <v>245923</v>
      </c>
      <c r="DR34" s="28">
        <v>872915</v>
      </c>
      <c r="DS34" s="30">
        <v>872915</v>
      </c>
      <c r="DT34" s="24">
        <v>0</v>
      </c>
      <c r="DU34" s="25">
        <v>0</v>
      </c>
      <c r="DV34" s="26">
        <v>0</v>
      </c>
      <c r="DW34" s="403">
        <v>0</v>
      </c>
      <c r="DX34" s="25">
        <v>36611</v>
      </c>
      <c r="DY34" s="25">
        <v>83935</v>
      </c>
      <c r="DZ34" s="25">
        <v>256594</v>
      </c>
      <c r="EA34" s="25">
        <v>163771</v>
      </c>
      <c r="EB34" s="25">
        <v>245489</v>
      </c>
      <c r="EC34" s="28">
        <v>786400</v>
      </c>
      <c r="ED34" s="29">
        <v>786400</v>
      </c>
      <c r="EE34" s="24">
        <v>0</v>
      </c>
      <c r="EF34" s="25">
        <v>0</v>
      </c>
      <c r="EG34" s="26">
        <v>0</v>
      </c>
      <c r="EH34" s="403">
        <v>0</v>
      </c>
      <c r="EI34" s="25">
        <v>217</v>
      </c>
      <c r="EJ34" s="25">
        <v>589</v>
      </c>
      <c r="EK34" s="25">
        <v>868</v>
      </c>
      <c r="EL34" s="25">
        <v>651</v>
      </c>
      <c r="EM34" s="25">
        <v>217</v>
      </c>
      <c r="EN34" s="28">
        <v>2542</v>
      </c>
      <c r="EO34" s="29">
        <v>2542</v>
      </c>
      <c r="EP34" s="24">
        <v>0</v>
      </c>
      <c r="EQ34" s="25">
        <v>0</v>
      </c>
      <c r="ER34" s="26">
        <v>0</v>
      </c>
      <c r="ES34" s="403">
        <v>0</v>
      </c>
      <c r="ET34" s="25">
        <v>0</v>
      </c>
      <c r="EU34" s="25">
        <v>0</v>
      </c>
      <c r="EV34" s="25">
        <v>0</v>
      </c>
      <c r="EW34" s="25">
        <v>0</v>
      </c>
      <c r="EX34" s="25">
        <v>0</v>
      </c>
      <c r="EY34" s="28">
        <v>0</v>
      </c>
      <c r="EZ34" s="29">
        <v>0</v>
      </c>
      <c r="FA34" s="24">
        <v>0</v>
      </c>
      <c r="FB34" s="25">
        <v>0</v>
      </c>
      <c r="FC34" s="26">
        <v>0</v>
      </c>
      <c r="FD34" s="403">
        <v>0</v>
      </c>
      <c r="FE34" s="25">
        <v>217</v>
      </c>
      <c r="FF34" s="25">
        <v>0</v>
      </c>
      <c r="FG34" s="25">
        <v>0</v>
      </c>
      <c r="FH34" s="25">
        <v>0</v>
      </c>
      <c r="FI34" s="25">
        <v>217</v>
      </c>
      <c r="FJ34" s="28">
        <v>434</v>
      </c>
      <c r="FK34" s="29">
        <v>434</v>
      </c>
      <c r="FL34" s="24">
        <v>0</v>
      </c>
      <c r="FM34" s="25">
        <v>0</v>
      </c>
      <c r="FN34" s="26">
        <v>0</v>
      </c>
      <c r="FO34" s="403">
        <v>0</v>
      </c>
      <c r="FP34" s="25">
        <v>0</v>
      </c>
      <c r="FQ34" s="25">
        <v>0</v>
      </c>
      <c r="FR34" s="25">
        <v>0</v>
      </c>
      <c r="FS34" s="25">
        <v>0</v>
      </c>
      <c r="FT34" s="25">
        <v>0</v>
      </c>
      <c r="FU34" s="28">
        <v>0</v>
      </c>
      <c r="FV34" s="29">
        <v>0</v>
      </c>
      <c r="FW34" s="24">
        <v>0</v>
      </c>
      <c r="FX34" s="25">
        <v>0</v>
      </c>
      <c r="FY34" s="26">
        <v>0</v>
      </c>
      <c r="FZ34" s="27">
        <v>0</v>
      </c>
      <c r="GA34" s="25">
        <v>2808</v>
      </c>
      <c r="GB34" s="25">
        <v>18590</v>
      </c>
      <c r="GC34" s="25">
        <v>20007</v>
      </c>
      <c r="GD34" s="25">
        <v>42134</v>
      </c>
      <c r="GE34" s="25">
        <v>0</v>
      </c>
      <c r="GF34" s="28">
        <v>83539</v>
      </c>
      <c r="GG34" s="29">
        <v>83539</v>
      </c>
      <c r="GH34" s="24">
        <v>0</v>
      </c>
      <c r="GI34" s="25">
        <v>0</v>
      </c>
      <c r="GJ34" s="26">
        <v>0</v>
      </c>
      <c r="GK34" s="27">
        <v>0</v>
      </c>
      <c r="GL34" s="25">
        <v>0</v>
      </c>
      <c r="GM34" s="25">
        <v>0</v>
      </c>
      <c r="GN34" s="25">
        <v>0</v>
      </c>
      <c r="GO34" s="25">
        <v>0</v>
      </c>
      <c r="GP34" s="25">
        <v>0</v>
      </c>
      <c r="GQ34" s="28">
        <v>0</v>
      </c>
      <c r="GR34" s="29">
        <v>0</v>
      </c>
      <c r="GS34" s="24">
        <v>0</v>
      </c>
      <c r="GT34" s="25">
        <v>0</v>
      </c>
      <c r="GU34" s="26">
        <v>0</v>
      </c>
      <c r="GV34" s="27">
        <v>0</v>
      </c>
      <c r="GW34" s="25">
        <v>0</v>
      </c>
      <c r="GX34" s="25">
        <v>0</v>
      </c>
      <c r="GY34" s="25">
        <v>0</v>
      </c>
      <c r="GZ34" s="25">
        <v>0</v>
      </c>
      <c r="HA34" s="25">
        <v>0</v>
      </c>
      <c r="HB34" s="28">
        <v>0</v>
      </c>
      <c r="HC34" s="29">
        <v>0</v>
      </c>
      <c r="HD34" s="24">
        <v>0</v>
      </c>
      <c r="HE34" s="25">
        <v>0</v>
      </c>
      <c r="HF34" s="26">
        <v>0</v>
      </c>
      <c r="HG34" s="403">
        <v>0</v>
      </c>
      <c r="HH34" s="25">
        <v>0</v>
      </c>
      <c r="HI34" s="25">
        <v>0</v>
      </c>
      <c r="HJ34" s="25">
        <v>0</v>
      </c>
      <c r="HK34" s="25">
        <v>0</v>
      </c>
      <c r="HL34" s="25">
        <v>0</v>
      </c>
      <c r="HM34" s="28">
        <v>0</v>
      </c>
      <c r="HN34" s="29">
        <v>0</v>
      </c>
      <c r="HO34" s="24">
        <v>0</v>
      </c>
      <c r="HP34" s="25">
        <v>0</v>
      </c>
      <c r="HQ34" s="26">
        <v>0</v>
      </c>
      <c r="HR34" s="27">
        <v>0</v>
      </c>
      <c r="HS34" s="25">
        <v>103343</v>
      </c>
      <c r="HT34" s="25">
        <v>299904</v>
      </c>
      <c r="HU34" s="25">
        <v>516455</v>
      </c>
      <c r="HV34" s="25">
        <v>426231</v>
      </c>
      <c r="HW34" s="25">
        <v>425103</v>
      </c>
      <c r="HX34" s="28">
        <v>1771036</v>
      </c>
      <c r="HY34" s="29">
        <v>1771036</v>
      </c>
    </row>
    <row r="35" spans="2:233" ht="21" customHeight="1" x14ac:dyDescent="0.2">
      <c r="B35" s="106" t="s">
        <v>32</v>
      </c>
      <c r="C35" s="24">
        <v>0</v>
      </c>
      <c r="D35" s="25">
        <v>0</v>
      </c>
      <c r="E35" s="26">
        <v>0</v>
      </c>
      <c r="F35" s="27">
        <v>0</v>
      </c>
      <c r="G35" s="25">
        <v>38130</v>
      </c>
      <c r="H35" s="25">
        <v>77630</v>
      </c>
      <c r="I35" s="25">
        <v>251120</v>
      </c>
      <c r="J35" s="25">
        <v>449005</v>
      </c>
      <c r="K35" s="25">
        <v>248386</v>
      </c>
      <c r="L35" s="28">
        <v>1064271</v>
      </c>
      <c r="M35" s="29">
        <v>1064271</v>
      </c>
      <c r="N35" s="24">
        <v>0</v>
      </c>
      <c r="O35" s="25">
        <v>0</v>
      </c>
      <c r="P35" s="26">
        <v>0</v>
      </c>
      <c r="Q35" s="403">
        <v>0</v>
      </c>
      <c r="R35" s="25">
        <v>35495</v>
      </c>
      <c r="S35" s="25">
        <v>0</v>
      </c>
      <c r="T35" s="25">
        <v>37805</v>
      </c>
      <c r="U35" s="25">
        <v>265930</v>
      </c>
      <c r="V35" s="25">
        <v>177646</v>
      </c>
      <c r="W35" s="28">
        <v>516876</v>
      </c>
      <c r="X35" s="29">
        <v>516876</v>
      </c>
      <c r="Y35" s="24">
        <v>0</v>
      </c>
      <c r="Z35" s="25">
        <v>0</v>
      </c>
      <c r="AA35" s="26">
        <v>0</v>
      </c>
      <c r="AB35" s="403">
        <v>0</v>
      </c>
      <c r="AC35" s="25">
        <v>2635</v>
      </c>
      <c r="AD35" s="25">
        <v>65410</v>
      </c>
      <c r="AE35" s="25">
        <v>32550</v>
      </c>
      <c r="AF35" s="25">
        <v>108810</v>
      </c>
      <c r="AG35" s="25">
        <v>2635</v>
      </c>
      <c r="AH35" s="28">
        <v>212040</v>
      </c>
      <c r="AI35" s="29">
        <v>212040</v>
      </c>
      <c r="AJ35" s="24">
        <v>0</v>
      </c>
      <c r="AK35" s="25">
        <v>0</v>
      </c>
      <c r="AL35" s="26">
        <v>0</v>
      </c>
      <c r="AM35" s="403">
        <v>0</v>
      </c>
      <c r="AN35" s="25">
        <v>0</v>
      </c>
      <c r="AO35" s="25">
        <v>0</v>
      </c>
      <c r="AP35" s="25">
        <v>0</v>
      </c>
      <c r="AQ35" s="25">
        <v>0</v>
      </c>
      <c r="AR35" s="25">
        <v>0</v>
      </c>
      <c r="AS35" s="28">
        <v>0</v>
      </c>
      <c r="AT35" s="29">
        <v>0</v>
      </c>
      <c r="AU35" s="24">
        <v>0</v>
      </c>
      <c r="AV35" s="25">
        <v>0</v>
      </c>
      <c r="AW35" s="26">
        <v>0</v>
      </c>
      <c r="AX35" s="403">
        <v>0</v>
      </c>
      <c r="AY35" s="25">
        <v>0</v>
      </c>
      <c r="AZ35" s="25">
        <v>0</v>
      </c>
      <c r="BA35" s="25">
        <v>0</v>
      </c>
      <c r="BB35" s="25">
        <v>0</v>
      </c>
      <c r="BC35" s="25">
        <v>32705</v>
      </c>
      <c r="BD35" s="28">
        <v>32705</v>
      </c>
      <c r="BE35" s="29">
        <v>32705</v>
      </c>
      <c r="BF35" s="24">
        <v>0</v>
      </c>
      <c r="BG35" s="25">
        <v>0</v>
      </c>
      <c r="BH35" s="26">
        <v>0</v>
      </c>
      <c r="BI35" s="403">
        <v>0</v>
      </c>
      <c r="BJ35" s="25">
        <v>0</v>
      </c>
      <c r="BK35" s="25">
        <v>0</v>
      </c>
      <c r="BL35" s="25">
        <v>158100</v>
      </c>
      <c r="BM35" s="25">
        <v>69915</v>
      </c>
      <c r="BN35" s="25">
        <v>27280</v>
      </c>
      <c r="BO35" s="28">
        <v>255295</v>
      </c>
      <c r="BP35" s="29">
        <v>255295</v>
      </c>
      <c r="BQ35" s="24">
        <v>0</v>
      </c>
      <c r="BR35" s="25">
        <v>0</v>
      </c>
      <c r="BS35" s="26">
        <v>0</v>
      </c>
      <c r="BT35" s="27">
        <v>0</v>
      </c>
      <c r="BU35" s="25">
        <v>0</v>
      </c>
      <c r="BV35" s="25">
        <v>8335</v>
      </c>
      <c r="BW35" s="25">
        <v>22665</v>
      </c>
      <c r="BX35" s="25">
        <v>4350</v>
      </c>
      <c r="BY35" s="25">
        <v>8120</v>
      </c>
      <c r="BZ35" s="28">
        <v>43470</v>
      </c>
      <c r="CA35" s="29">
        <v>43470</v>
      </c>
      <c r="CB35" s="24">
        <v>0</v>
      </c>
      <c r="CC35" s="25">
        <v>0</v>
      </c>
      <c r="CD35" s="26">
        <v>0</v>
      </c>
      <c r="CE35" s="27">
        <v>0</v>
      </c>
      <c r="CF35" s="25">
        <v>0</v>
      </c>
      <c r="CG35" s="25">
        <v>3885</v>
      </c>
      <c r="CH35" s="25">
        <v>0</v>
      </c>
      <c r="CI35" s="25">
        <v>0</v>
      </c>
      <c r="CJ35" s="25">
        <v>0</v>
      </c>
      <c r="CK35" s="28">
        <v>3885</v>
      </c>
      <c r="CL35" s="29">
        <v>3885</v>
      </c>
      <c r="CM35" s="24">
        <v>0</v>
      </c>
      <c r="CN35" s="25">
        <v>0</v>
      </c>
      <c r="CO35" s="26">
        <v>0</v>
      </c>
      <c r="CP35" s="27">
        <v>0</v>
      </c>
      <c r="CQ35" s="25">
        <v>0</v>
      </c>
      <c r="CR35" s="25">
        <v>0</v>
      </c>
      <c r="CS35" s="25">
        <v>0</v>
      </c>
      <c r="CT35" s="25">
        <v>0</v>
      </c>
      <c r="CU35" s="25">
        <v>0</v>
      </c>
      <c r="CV35" s="28">
        <v>0</v>
      </c>
      <c r="CW35" s="29">
        <v>0</v>
      </c>
      <c r="CX35" s="24">
        <v>0</v>
      </c>
      <c r="CY35" s="25">
        <v>0</v>
      </c>
      <c r="CZ35" s="26">
        <v>0</v>
      </c>
      <c r="DA35" s="403">
        <v>0</v>
      </c>
      <c r="DB35" s="25">
        <v>0</v>
      </c>
      <c r="DC35" s="25">
        <v>0</v>
      </c>
      <c r="DD35" s="25">
        <v>0</v>
      </c>
      <c r="DE35" s="25">
        <v>0</v>
      </c>
      <c r="DF35" s="25">
        <v>0</v>
      </c>
      <c r="DG35" s="28">
        <v>0</v>
      </c>
      <c r="DH35" s="29">
        <v>0</v>
      </c>
      <c r="DI35" s="24">
        <v>0</v>
      </c>
      <c r="DJ35" s="25">
        <v>0</v>
      </c>
      <c r="DK35" s="26">
        <v>0</v>
      </c>
      <c r="DL35" s="27">
        <v>0</v>
      </c>
      <c r="DM35" s="25">
        <v>26722</v>
      </c>
      <c r="DN35" s="25">
        <v>10222</v>
      </c>
      <c r="DO35" s="25">
        <v>252441</v>
      </c>
      <c r="DP35" s="25">
        <v>477685</v>
      </c>
      <c r="DQ35" s="25">
        <v>236179</v>
      </c>
      <c r="DR35" s="28">
        <v>1003249</v>
      </c>
      <c r="DS35" s="30">
        <v>1003249</v>
      </c>
      <c r="DT35" s="24">
        <v>0</v>
      </c>
      <c r="DU35" s="25">
        <v>0</v>
      </c>
      <c r="DV35" s="26">
        <v>0</v>
      </c>
      <c r="DW35" s="403">
        <v>0</v>
      </c>
      <c r="DX35" s="25">
        <v>26505</v>
      </c>
      <c r="DY35" s="25">
        <v>0</v>
      </c>
      <c r="DZ35" s="25">
        <v>66836</v>
      </c>
      <c r="EA35" s="25">
        <v>344164</v>
      </c>
      <c r="EB35" s="25">
        <v>184883</v>
      </c>
      <c r="EC35" s="28">
        <v>622388</v>
      </c>
      <c r="ED35" s="29">
        <v>622388</v>
      </c>
      <c r="EE35" s="24">
        <v>0</v>
      </c>
      <c r="EF35" s="25">
        <v>0</v>
      </c>
      <c r="EG35" s="26">
        <v>0</v>
      </c>
      <c r="EH35" s="403">
        <v>0</v>
      </c>
      <c r="EI35" s="25">
        <v>217</v>
      </c>
      <c r="EJ35" s="25">
        <v>403</v>
      </c>
      <c r="EK35" s="25">
        <v>11718</v>
      </c>
      <c r="EL35" s="25">
        <v>48205</v>
      </c>
      <c r="EM35" s="25">
        <v>217</v>
      </c>
      <c r="EN35" s="28">
        <v>60760</v>
      </c>
      <c r="EO35" s="29">
        <v>60760</v>
      </c>
      <c r="EP35" s="24">
        <v>0</v>
      </c>
      <c r="EQ35" s="25">
        <v>0</v>
      </c>
      <c r="ER35" s="26">
        <v>0</v>
      </c>
      <c r="ES35" s="403">
        <v>0</v>
      </c>
      <c r="ET35" s="25">
        <v>0</v>
      </c>
      <c r="EU35" s="25">
        <v>0</v>
      </c>
      <c r="EV35" s="25">
        <v>0</v>
      </c>
      <c r="EW35" s="25">
        <v>0</v>
      </c>
      <c r="EX35" s="25">
        <v>0</v>
      </c>
      <c r="EY35" s="28">
        <v>0</v>
      </c>
      <c r="EZ35" s="29">
        <v>0</v>
      </c>
      <c r="FA35" s="24">
        <v>0</v>
      </c>
      <c r="FB35" s="25">
        <v>0</v>
      </c>
      <c r="FC35" s="26">
        <v>0</v>
      </c>
      <c r="FD35" s="403">
        <v>0</v>
      </c>
      <c r="FE35" s="25">
        <v>0</v>
      </c>
      <c r="FF35" s="25">
        <v>0</v>
      </c>
      <c r="FG35" s="25">
        <v>0</v>
      </c>
      <c r="FH35" s="25">
        <v>0</v>
      </c>
      <c r="FI35" s="25">
        <v>217</v>
      </c>
      <c r="FJ35" s="28">
        <v>217</v>
      </c>
      <c r="FK35" s="29">
        <v>217</v>
      </c>
      <c r="FL35" s="24">
        <v>0</v>
      </c>
      <c r="FM35" s="25">
        <v>0</v>
      </c>
      <c r="FN35" s="26">
        <v>0</v>
      </c>
      <c r="FO35" s="403">
        <v>0</v>
      </c>
      <c r="FP35" s="25">
        <v>0</v>
      </c>
      <c r="FQ35" s="25">
        <v>0</v>
      </c>
      <c r="FR35" s="25">
        <v>150505</v>
      </c>
      <c r="FS35" s="25">
        <v>65516</v>
      </c>
      <c r="FT35" s="25">
        <v>21762</v>
      </c>
      <c r="FU35" s="28">
        <v>237783</v>
      </c>
      <c r="FV35" s="29">
        <v>237783</v>
      </c>
      <c r="FW35" s="24">
        <v>0</v>
      </c>
      <c r="FX35" s="25">
        <v>0</v>
      </c>
      <c r="FY35" s="26">
        <v>0</v>
      </c>
      <c r="FZ35" s="27">
        <v>0</v>
      </c>
      <c r="GA35" s="25">
        <v>0</v>
      </c>
      <c r="GB35" s="25">
        <v>9714</v>
      </c>
      <c r="GC35" s="25">
        <v>23382</v>
      </c>
      <c r="GD35" s="25">
        <v>19800</v>
      </c>
      <c r="GE35" s="25">
        <v>29100</v>
      </c>
      <c r="GF35" s="28">
        <v>81996</v>
      </c>
      <c r="GG35" s="29">
        <v>81996</v>
      </c>
      <c r="GH35" s="24">
        <v>0</v>
      </c>
      <c r="GI35" s="25">
        <v>0</v>
      </c>
      <c r="GJ35" s="26">
        <v>0</v>
      </c>
      <c r="GK35" s="27">
        <v>0</v>
      </c>
      <c r="GL35" s="25">
        <v>0</v>
      </c>
      <c r="GM35" s="25">
        <v>105</v>
      </c>
      <c r="GN35" s="25">
        <v>0</v>
      </c>
      <c r="GO35" s="25">
        <v>0</v>
      </c>
      <c r="GP35" s="25">
        <v>0</v>
      </c>
      <c r="GQ35" s="28">
        <v>105</v>
      </c>
      <c r="GR35" s="29">
        <v>105</v>
      </c>
      <c r="GS35" s="24">
        <v>0</v>
      </c>
      <c r="GT35" s="25">
        <v>0</v>
      </c>
      <c r="GU35" s="26">
        <v>0</v>
      </c>
      <c r="GV35" s="27">
        <v>0</v>
      </c>
      <c r="GW35" s="25">
        <v>0</v>
      </c>
      <c r="GX35" s="25">
        <v>0</v>
      </c>
      <c r="GY35" s="25">
        <v>0</v>
      </c>
      <c r="GZ35" s="25">
        <v>0</v>
      </c>
      <c r="HA35" s="25">
        <v>0</v>
      </c>
      <c r="HB35" s="28">
        <v>0</v>
      </c>
      <c r="HC35" s="29">
        <v>0</v>
      </c>
      <c r="HD35" s="24">
        <v>0</v>
      </c>
      <c r="HE35" s="25">
        <v>0</v>
      </c>
      <c r="HF35" s="26">
        <v>0</v>
      </c>
      <c r="HG35" s="403">
        <v>0</v>
      </c>
      <c r="HH35" s="25">
        <v>0</v>
      </c>
      <c r="HI35" s="25">
        <v>0</v>
      </c>
      <c r="HJ35" s="25">
        <v>0</v>
      </c>
      <c r="HK35" s="25">
        <v>0</v>
      </c>
      <c r="HL35" s="25">
        <v>0</v>
      </c>
      <c r="HM35" s="28">
        <v>0</v>
      </c>
      <c r="HN35" s="29">
        <v>0</v>
      </c>
      <c r="HO35" s="24">
        <v>0</v>
      </c>
      <c r="HP35" s="25">
        <v>0</v>
      </c>
      <c r="HQ35" s="26">
        <v>0</v>
      </c>
      <c r="HR35" s="27">
        <v>0</v>
      </c>
      <c r="HS35" s="25">
        <v>64852</v>
      </c>
      <c r="HT35" s="25">
        <v>87852</v>
      </c>
      <c r="HU35" s="25">
        <v>503561</v>
      </c>
      <c r="HV35" s="25">
        <v>926690</v>
      </c>
      <c r="HW35" s="25">
        <v>484565</v>
      </c>
      <c r="HX35" s="28">
        <v>2067520</v>
      </c>
      <c r="HY35" s="29">
        <v>2067520</v>
      </c>
    </row>
    <row r="36" spans="2:233" ht="21" customHeight="1" x14ac:dyDescent="0.2">
      <c r="B36" s="106" t="s">
        <v>33</v>
      </c>
      <c r="C36" s="24">
        <v>0</v>
      </c>
      <c r="D36" s="25">
        <v>0</v>
      </c>
      <c r="E36" s="26">
        <v>0</v>
      </c>
      <c r="F36" s="27">
        <v>0</v>
      </c>
      <c r="G36" s="25">
        <v>41090</v>
      </c>
      <c r="H36" s="25">
        <v>196045</v>
      </c>
      <c r="I36" s="25">
        <v>375110</v>
      </c>
      <c r="J36" s="25">
        <v>686930</v>
      </c>
      <c r="K36" s="25">
        <v>223355</v>
      </c>
      <c r="L36" s="28">
        <v>1522530</v>
      </c>
      <c r="M36" s="29">
        <v>1522530</v>
      </c>
      <c r="N36" s="24">
        <v>0</v>
      </c>
      <c r="O36" s="25">
        <v>0</v>
      </c>
      <c r="P36" s="26">
        <v>0</v>
      </c>
      <c r="Q36" s="403">
        <v>0</v>
      </c>
      <c r="R36" s="25">
        <v>0</v>
      </c>
      <c r="S36" s="25">
        <v>59190</v>
      </c>
      <c r="T36" s="25">
        <v>237105</v>
      </c>
      <c r="U36" s="25">
        <v>391765</v>
      </c>
      <c r="V36" s="25">
        <v>185380</v>
      </c>
      <c r="W36" s="28">
        <v>873440</v>
      </c>
      <c r="X36" s="29">
        <v>873440</v>
      </c>
      <c r="Y36" s="24">
        <v>0</v>
      </c>
      <c r="Z36" s="25">
        <v>0</v>
      </c>
      <c r="AA36" s="26">
        <v>0</v>
      </c>
      <c r="AB36" s="403">
        <v>0</v>
      </c>
      <c r="AC36" s="25">
        <v>39165</v>
      </c>
      <c r="AD36" s="25">
        <v>62775</v>
      </c>
      <c r="AE36" s="25">
        <v>13495</v>
      </c>
      <c r="AF36" s="25">
        <v>255465</v>
      </c>
      <c r="AG36" s="25">
        <v>37975</v>
      </c>
      <c r="AH36" s="28">
        <v>408875</v>
      </c>
      <c r="AI36" s="29">
        <v>408875</v>
      </c>
      <c r="AJ36" s="24">
        <v>0</v>
      </c>
      <c r="AK36" s="25">
        <v>0</v>
      </c>
      <c r="AL36" s="26">
        <v>0</v>
      </c>
      <c r="AM36" s="403">
        <v>0</v>
      </c>
      <c r="AN36" s="25">
        <v>0</v>
      </c>
      <c r="AO36" s="25">
        <v>0</v>
      </c>
      <c r="AP36" s="25">
        <v>0</v>
      </c>
      <c r="AQ36" s="25">
        <v>0</v>
      </c>
      <c r="AR36" s="25">
        <v>0</v>
      </c>
      <c r="AS36" s="28">
        <v>0</v>
      </c>
      <c r="AT36" s="29">
        <v>0</v>
      </c>
      <c r="AU36" s="24">
        <v>0</v>
      </c>
      <c r="AV36" s="25">
        <v>0</v>
      </c>
      <c r="AW36" s="26">
        <v>0</v>
      </c>
      <c r="AX36" s="403">
        <v>0</v>
      </c>
      <c r="AY36" s="25">
        <v>0</v>
      </c>
      <c r="AZ36" s="25">
        <v>65410</v>
      </c>
      <c r="BA36" s="25">
        <v>73085</v>
      </c>
      <c r="BB36" s="25">
        <v>37880</v>
      </c>
      <c r="BC36" s="25">
        <v>0</v>
      </c>
      <c r="BD36" s="28">
        <v>176375</v>
      </c>
      <c r="BE36" s="29">
        <v>176375</v>
      </c>
      <c r="BF36" s="24">
        <v>0</v>
      </c>
      <c r="BG36" s="25">
        <v>0</v>
      </c>
      <c r="BH36" s="26">
        <v>0</v>
      </c>
      <c r="BI36" s="403">
        <v>0</v>
      </c>
      <c r="BJ36" s="25">
        <v>0</v>
      </c>
      <c r="BK36" s="25">
        <v>0</v>
      </c>
      <c r="BL36" s="25">
        <v>0</v>
      </c>
      <c r="BM36" s="25">
        <v>0</v>
      </c>
      <c r="BN36" s="25">
        <v>0</v>
      </c>
      <c r="BO36" s="28">
        <v>0</v>
      </c>
      <c r="BP36" s="29">
        <v>0</v>
      </c>
      <c r="BQ36" s="24">
        <v>0</v>
      </c>
      <c r="BR36" s="25">
        <v>0</v>
      </c>
      <c r="BS36" s="26">
        <v>0</v>
      </c>
      <c r="BT36" s="27">
        <v>0</v>
      </c>
      <c r="BU36" s="25">
        <v>1565</v>
      </c>
      <c r="BV36" s="25">
        <v>8670</v>
      </c>
      <c r="BW36" s="25">
        <v>51425</v>
      </c>
      <c r="BX36" s="25">
        <v>1820</v>
      </c>
      <c r="BY36" s="25">
        <v>0</v>
      </c>
      <c r="BZ36" s="28">
        <v>63480</v>
      </c>
      <c r="CA36" s="29">
        <v>63480</v>
      </c>
      <c r="CB36" s="24">
        <v>0</v>
      </c>
      <c r="CC36" s="25">
        <v>0</v>
      </c>
      <c r="CD36" s="26">
        <v>0</v>
      </c>
      <c r="CE36" s="27">
        <v>0</v>
      </c>
      <c r="CF36" s="25">
        <v>360</v>
      </c>
      <c r="CG36" s="25">
        <v>0</v>
      </c>
      <c r="CH36" s="25">
        <v>0</v>
      </c>
      <c r="CI36" s="25">
        <v>0</v>
      </c>
      <c r="CJ36" s="25">
        <v>0</v>
      </c>
      <c r="CK36" s="28">
        <v>360</v>
      </c>
      <c r="CL36" s="29">
        <v>360</v>
      </c>
      <c r="CM36" s="24">
        <v>0</v>
      </c>
      <c r="CN36" s="25">
        <v>0</v>
      </c>
      <c r="CO36" s="26">
        <v>0</v>
      </c>
      <c r="CP36" s="27">
        <v>0</v>
      </c>
      <c r="CQ36" s="25">
        <v>0</v>
      </c>
      <c r="CR36" s="25">
        <v>0</v>
      </c>
      <c r="CS36" s="25">
        <v>0</v>
      </c>
      <c r="CT36" s="25">
        <v>0</v>
      </c>
      <c r="CU36" s="25">
        <v>0</v>
      </c>
      <c r="CV36" s="28">
        <v>0</v>
      </c>
      <c r="CW36" s="29">
        <v>0</v>
      </c>
      <c r="CX36" s="24">
        <v>0</v>
      </c>
      <c r="CY36" s="25">
        <v>0</v>
      </c>
      <c r="CZ36" s="26">
        <v>0</v>
      </c>
      <c r="DA36" s="403">
        <v>0</v>
      </c>
      <c r="DB36" s="25">
        <v>0</v>
      </c>
      <c r="DC36" s="25">
        <v>0</v>
      </c>
      <c r="DD36" s="25">
        <v>0</v>
      </c>
      <c r="DE36" s="25">
        <v>0</v>
      </c>
      <c r="DF36" s="25">
        <v>0</v>
      </c>
      <c r="DG36" s="28">
        <v>0</v>
      </c>
      <c r="DH36" s="29">
        <v>0</v>
      </c>
      <c r="DI36" s="24">
        <v>0</v>
      </c>
      <c r="DJ36" s="25">
        <v>0</v>
      </c>
      <c r="DK36" s="26">
        <v>0</v>
      </c>
      <c r="DL36" s="27">
        <v>0</v>
      </c>
      <c r="DM36" s="25">
        <v>5712</v>
      </c>
      <c r="DN36" s="25">
        <v>81695</v>
      </c>
      <c r="DO36" s="25">
        <v>409427</v>
      </c>
      <c r="DP36" s="25">
        <v>439404</v>
      </c>
      <c r="DQ36" s="25">
        <v>183799</v>
      </c>
      <c r="DR36" s="28">
        <v>1120037</v>
      </c>
      <c r="DS36" s="30">
        <v>1120037</v>
      </c>
      <c r="DT36" s="24">
        <v>0</v>
      </c>
      <c r="DU36" s="25">
        <v>0</v>
      </c>
      <c r="DV36" s="26">
        <v>0</v>
      </c>
      <c r="DW36" s="403">
        <v>0</v>
      </c>
      <c r="DX36" s="25">
        <v>0</v>
      </c>
      <c r="DY36" s="25">
        <v>51646</v>
      </c>
      <c r="DZ36" s="25">
        <v>336215</v>
      </c>
      <c r="EA36" s="25">
        <v>399494</v>
      </c>
      <c r="EB36" s="25">
        <v>183148</v>
      </c>
      <c r="EC36" s="28">
        <v>970503</v>
      </c>
      <c r="ED36" s="29">
        <v>970503</v>
      </c>
      <c r="EE36" s="24">
        <v>0</v>
      </c>
      <c r="EF36" s="25">
        <v>0</v>
      </c>
      <c r="EG36" s="26">
        <v>0</v>
      </c>
      <c r="EH36" s="403">
        <v>0</v>
      </c>
      <c r="EI36" s="25">
        <v>756</v>
      </c>
      <c r="EJ36" s="25">
        <v>12121</v>
      </c>
      <c r="EK36" s="25">
        <v>938</v>
      </c>
      <c r="EL36" s="25">
        <v>24858</v>
      </c>
      <c r="EM36" s="25">
        <v>651</v>
      </c>
      <c r="EN36" s="28">
        <v>39324</v>
      </c>
      <c r="EO36" s="29">
        <v>39324</v>
      </c>
      <c r="EP36" s="24">
        <v>0</v>
      </c>
      <c r="EQ36" s="25">
        <v>0</v>
      </c>
      <c r="ER36" s="26">
        <v>0</v>
      </c>
      <c r="ES36" s="403">
        <v>0</v>
      </c>
      <c r="ET36" s="25">
        <v>0</v>
      </c>
      <c r="EU36" s="25">
        <v>0</v>
      </c>
      <c r="EV36" s="25">
        <v>0</v>
      </c>
      <c r="EW36" s="25">
        <v>0</v>
      </c>
      <c r="EX36" s="25">
        <v>0</v>
      </c>
      <c r="EY36" s="28">
        <v>0</v>
      </c>
      <c r="EZ36" s="29">
        <v>0</v>
      </c>
      <c r="FA36" s="24">
        <v>0</v>
      </c>
      <c r="FB36" s="25">
        <v>0</v>
      </c>
      <c r="FC36" s="26">
        <v>0</v>
      </c>
      <c r="FD36" s="403">
        <v>0</v>
      </c>
      <c r="FE36" s="25">
        <v>0</v>
      </c>
      <c r="FF36" s="25">
        <v>12338</v>
      </c>
      <c r="FG36" s="25">
        <v>12338</v>
      </c>
      <c r="FH36" s="25">
        <v>11708</v>
      </c>
      <c r="FI36" s="25">
        <v>0</v>
      </c>
      <c r="FJ36" s="28">
        <v>36384</v>
      </c>
      <c r="FK36" s="29">
        <v>36384</v>
      </c>
      <c r="FL36" s="24">
        <v>0</v>
      </c>
      <c r="FM36" s="25">
        <v>0</v>
      </c>
      <c r="FN36" s="26">
        <v>0</v>
      </c>
      <c r="FO36" s="403">
        <v>0</v>
      </c>
      <c r="FP36" s="25">
        <v>0</v>
      </c>
      <c r="FQ36" s="25">
        <v>0</v>
      </c>
      <c r="FR36" s="25">
        <v>0</v>
      </c>
      <c r="FS36" s="25">
        <v>0</v>
      </c>
      <c r="FT36" s="25">
        <v>0</v>
      </c>
      <c r="FU36" s="28">
        <v>0</v>
      </c>
      <c r="FV36" s="29">
        <v>0</v>
      </c>
      <c r="FW36" s="24">
        <v>0</v>
      </c>
      <c r="FX36" s="25">
        <v>0</v>
      </c>
      <c r="FY36" s="26">
        <v>0</v>
      </c>
      <c r="FZ36" s="27">
        <v>0</v>
      </c>
      <c r="GA36" s="25">
        <v>4914</v>
      </c>
      <c r="GB36" s="25">
        <v>5590</v>
      </c>
      <c r="GC36" s="25">
        <v>59936</v>
      </c>
      <c r="GD36" s="25">
        <v>3344</v>
      </c>
      <c r="GE36" s="25">
        <v>0</v>
      </c>
      <c r="GF36" s="28">
        <v>73784</v>
      </c>
      <c r="GG36" s="29">
        <v>73784</v>
      </c>
      <c r="GH36" s="24">
        <v>0</v>
      </c>
      <c r="GI36" s="25">
        <v>0</v>
      </c>
      <c r="GJ36" s="26">
        <v>0</v>
      </c>
      <c r="GK36" s="27">
        <v>0</v>
      </c>
      <c r="GL36" s="25">
        <v>42</v>
      </c>
      <c r="GM36" s="25">
        <v>0</v>
      </c>
      <c r="GN36" s="25">
        <v>0</v>
      </c>
      <c r="GO36" s="25">
        <v>0</v>
      </c>
      <c r="GP36" s="25">
        <v>0</v>
      </c>
      <c r="GQ36" s="28">
        <v>42</v>
      </c>
      <c r="GR36" s="29">
        <v>42</v>
      </c>
      <c r="GS36" s="24">
        <v>0</v>
      </c>
      <c r="GT36" s="25">
        <v>0</v>
      </c>
      <c r="GU36" s="26">
        <v>0</v>
      </c>
      <c r="GV36" s="27">
        <v>0</v>
      </c>
      <c r="GW36" s="25">
        <v>0</v>
      </c>
      <c r="GX36" s="25">
        <v>0</v>
      </c>
      <c r="GY36" s="25">
        <v>0</v>
      </c>
      <c r="GZ36" s="25">
        <v>0</v>
      </c>
      <c r="HA36" s="25">
        <v>0</v>
      </c>
      <c r="HB36" s="28">
        <v>0</v>
      </c>
      <c r="HC36" s="29">
        <v>0</v>
      </c>
      <c r="HD36" s="24">
        <v>0</v>
      </c>
      <c r="HE36" s="25">
        <v>0</v>
      </c>
      <c r="HF36" s="26">
        <v>0</v>
      </c>
      <c r="HG36" s="403">
        <v>0</v>
      </c>
      <c r="HH36" s="25">
        <v>0</v>
      </c>
      <c r="HI36" s="25">
        <v>0</v>
      </c>
      <c r="HJ36" s="25">
        <v>0</v>
      </c>
      <c r="HK36" s="25">
        <v>0</v>
      </c>
      <c r="HL36" s="25">
        <v>0</v>
      </c>
      <c r="HM36" s="28">
        <v>0</v>
      </c>
      <c r="HN36" s="29">
        <v>0</v>
      </c>
      <c r="HO36" s="24">
        <v>0</v>
      </c>
      <c r="HP36" s="25">
        <v>0</v>
      </c>
      <c r="HQ36" s="26">
        <v>0</v>
      </c>
      <c r="HR36" s="27">
        <v>0</v>
      </c>
      <c r="HS36" s="25">
        <v>46802</v>
      </c>
      <c r="HT36" s="25">
        <v>277740</v>
      </c>
      <c r="HU36" s="25">
        <v>784537</v>
      </c>
      <c r="HV36" s="25">
        <v>1126334</v>
      </c>
      <c r="HW36" s="25">
        <v>407154</v>
      </c>
      <c r="HX36" s="28">
        <v>2642567</v>
      </c>
      <c r="HY36" s="29">
        <v>2642567</v>
      </c>
    </row>
    <row r="37" spans="2:233" ht="21" customHeight="1" x14ac:dyDescent="0.2">
      <c r="B37" s="106" t="s">
        <v>34</v>
      </c>
      <c r="C37" s="24">
        <v>0</v>
      </c>
      <c r="D37" s="25">
        <v>0</v>
      </c>
      <c r="E37" s="26">
        <v>0</v>
      </c>
      <c r="F37" s="27">
        <v>0</v>
      </c>
      <c r="G37" s="25">
        <v>102017</v>
      </c>
      <c r="H37" s="25">
        <v>60790</v>
      </c>
      <c r="I37" s="25">
        <v>106509</v>
      </c>
      <c r="J37" s="25">
        <v>275665</v>
      </c>
      <c r="K37" s="25">
        <v>137570</v>
      </c>
      <c r="L37" s="28">
        <v>682551</v>
      </c>
      <c r="M37" s="29">
        <v>682551</v>
      </c>
      <c r="N37" s="24">
        <v>0</v>
      </c>
      <c r="O37" s="25">
        <v>0</v>
      </c>
      <c r="P37" s="26">
        <v>0</v>
      </c>
      <c r="Q37" s="403">
        <v>0</v>
      </c>
      <c r="R37" s="25">
        <v>0</v>
      </c>
      <c r="S37" s="25">
        <v>0</v>
      </c>
      <c r="T37" s="25">
        <v>29915</v>
      </c>
      <c r="U37" s="25">
        <v>269235</v>
      </c>
      <c r="V37" s="25">
        <v>102230</v>
      </c>
      <c r="W37" s="28">
        <v>401380</v>
      </c>
      <c r="X37" s="29">
        <v>401380</v>
      </c>
      <c r="Y37" s="24">
        <v>0</v>
      </c>
      <c r="Z37" s="25">
        <v>0</v>
      </c>
      <c r="AA37" s="26">
        <v>0</v>
      </c>
      <c r="AB37" s="403">
        <v>0</v>
      </c>
      <c r="AC37" s="25">
        <v>99040</v>
      </c>
      <c r="AD37" s="25">
        <v>54560</v>
      </c>
      <c r="AE37" s="25">
        <v>73625</v>
      </c>
      <c r="AF37" s="25">
        <v>5270</v>
      </c>
      <c r="AG37" s="25">
        <v>2635</v>
      </c>
      <c r="AH37" s="28">
        <v>235130</v>
      </c>
      <c r="AI37" s="29">
        <v>235130</v>
      </c>
      <c r="AJ37" s="24">
        <v>0</v>
      </c>
      <c r="AK37" s="25">
        <v>0</v>
      </c>
      <c r="AL37" s="26">
        <v>0</v>
      </c>
      <c r="AM37" s="403">
        <v>0</v>
      </c>
      <c r="AN37" s="25">
        <v>0</v>
      </c>
      <c r="AO37" s="25">
        <v>0</v>
      </c>
      <c r="AP37" s="25">
        <v>0</v>
      </c>
      <c r="AQ37" s="25">
        <v>0</v>
      </c>
      <c r="AR37" s="25">
        <v>0</v>
      </c>
      <c r="AS37" s="28">
        <v>0</v>
      </c>
      <c r="AT37" s="29">
        <v>0</v>
      </c>
      <c r="AU37" s="24">
        <v>0</v>
      </c>
      <c r="AV37" s="25">
        <v>0</v>
      </c>
      <c r="AW37" s="26">
        <v>0</v>
      </c>
      <c r="AX37" s="403">
        <v>0</v>
      </c>
      <c r="AY37" s="25">
        <v>0</v>
      </c>
      <c r="AZ37" s="25">
        <v>0</v>
      </c>
      <c r="BA37" s="25">
        <v>0</v>
      </c>
      <c r="BB37" s="25">
        <v>0</v>
      </c>
      <c r="BC37" s="25">
        <v>32705</v>
      </c>
      <c r="BD37" s="28">
        <v>32705</v>
      </c>
      <c r="BE37" s="29">
        <v>32705</v>
      </c>
      <c r="BF37" s="24">
        <v>0</v>
      </c>
      <c r="BG37" s="25">
        <v>0</v>
      </c>
      <c r="BH37" s="26">
        <v>0</v>
      </c>
      <c r="BI37" s="403">
        <v>0</v>
      </c>
      <c r="BJ37" s="25">
        <v>0</v>
      </c>
      <c r="BK37" s="25">
        <v>0</v>
      </c>
      <c r="BL37" s="25">
        <v>0</v>
      </c>
      <c r="BM37" s="25">
        <v>0</v>
      </c>
      <c r="BN37" s="25">
        <v>0</v>
      </c>
      <c r="BO37" s="28">
        <v>0</v>
      </c>
      <c r="BP37" s="29">
        <v>0</v>
      </c>
      <c r="BQ37" s="24">
        <v>0</v>
      </c>
      <c r="BR37" s="25">
        <v>0</v>
      </c>
      <c r="BS37" s="26">
        <v>0</v>
      </c>
      <c r="BT37" s="27">
        <v>0</v>
      </c>
      <c r="BU37" s="25">
        <v>2977</v>
      </c>
      <c r="BV37" s="25">
        <v>0</v>
      </c>
      <c r="BW37" s="25">
        <v>2969</v>
      </c>
      <c r="BX37" s="25">
        <v>1160</v>
      </c>
      <c r="BY37" s="25">
        <v>0</v>
      </c>
      <c r="BZ37" s="28">
        <v>7106</v>
      </c>
      <c r="CA37" s="29">
        <v>7106</v>
      </c>
      <c r="CB37" s="24">
        <v>0</v>
      </c>
      <c r="CC37" s="25">
        <v>0</v>
      </c>
      <c r="CD37" s="26">
        <v>0</v>
      </c>
      <c r="CE37" s="27">
        <v>0</v>
      </c>
      <c r="CF37" s="25">
        <v>0</v>
      </c>
      <c r="CG37" s="25">
        <v>6230</v>
      </c>
      <c r="CH37" s="25">
        <v>0</v>
      </c>
      <c r="CI37" s="25">
        <v>0</v>
      </c>
      <c r="CJ37" s="25">
        <v>0</v>
      </c>
      <c r="CK37" s="28">
        <v>6230</v>
      </c>
      <c r="CL37" s="29">
        <v>6230</v>
      </c>
      <c r="CM37" s="24">
        <v>0</v>
      </c>
      <c r="CN37" s="25">
        <v>0</v>
      </c>
      <c r="CO37" s="26">
        <v>0</v>
      </c>
      <c r="CP37" s="27">
        <v>0</v>
      </c>
      <c r="CQ37" s="25">
        <v>0</v>
      </c>
      <c r="CR37" s="25">
        <v>0</v>
      </c>
      <c r="CS37" s="25">
        <v>0</v>
      </c>
      <c r="CT37" s="25">
        <v>0</v>
      </c>
      <c r="CU37" s="25">
        <v>0</v>
      </c>
      <c r="CV37" s="28">
        <v>0</v>
      </c>
      <c r="CW37" s="29">
        <v>0</v>
      </c>
      <c r="CX37" s="24">
        <v>0</v>
      </c>
      <c r="CY37" s="25">
        <v>0</v>
      </c>
      <c r="CZ37" s="26">
        <v>0</v>
      </c>
      <c r="DA37" s="403">
        <v>0</v>
      </c>
      <c r="DB37" s="25">
        <v>0</v>
      </c>
      <c r="DC37" s="25">
        <v>0</v>
      </c>
      <c r="DD37" s="25">
        <v>0</v>
      </c>
      <c r="DE37" s="25">
        <v>0</v>
      </c>
      <c r="DF37" s="25">
        <v>0</v>
      </c>
      <c r="DG37" s="28">
        <v>0</v>
      </c>
      <c r="DH37" s="29">
        <v>0</v>
      </c>
      <c r="DI37" s="24">
        <v>0</v>
      </c>
      <c r="DJ37" s="25">
        <v>0</v>
      </c>
      <c r="DK37" s="26">
        <v>0</v>
      </c>
      <c r="DL37" s="27">
        <v>0</v>
      </c>
      <c r="DM37" s="25">
        <v>6816</v>
      </c>
      <c r="DN37" s="25">
        <v>924</v>
      </c>
      <c r="DO37" s="25">
        <v>85806</v>
      </c>
      <c r="DP37" s="25">
        <v>358359</v>
      </c>
      <c r="DQ37" s="25">
        <v>68926</v>
      </c>
      <c r="DR37" s="28">
        <v>520831</v>
      </c>
      <c r="DS37" s="30">
        <v>520831</v>
      </c>
      <c r="DT37" s="24">
        <v>0</v>
      </c>
      <c r="DU37" s="25">
        <v>0</v>
      </c>
      <c r="DV37" s="26">
        <v>0</v>
      </c>
      <c r="DW37" s="403">
        <v>0</v>
      </c>
      <c r="DX37" s="25">
        <v>0</v>
      </c>
      <c r="DY37" s="25">
        <v>0</v>
      </c>
      <c r="DZ37" s="25">
        <v>58187</v>
      </c>
      <c r="EA37" s="25">
        <v>350269</v>
      </c>
      <c r="EB37" s="25">
        <v>68492</v>
      </c>
      <c r="EC37" s="28">
        <v>476948</v>
      </c>
      <c r="ED37" s="29">
        <v>476948</v>
      </c>
      <c r="EE37" s="24">
        <v>0</v>
      </c>
      <c r="EF37" s="25">
        <v>0</v>
      </c>
      <c r="EG37" s="26">
        <v>0</v>
      </c>
      <c r="EH37" s="403">
        <v>0</v>
      </c>
      <c r="EI37" s="25">
        <v>886</v>
      </c>
      <c r="EJ37" s="25">
        <v>868</v>
      </c>
      <c r="EK37" s="25">
        <v>23591</v>
      </c>
      <c r="EL37" s="25">
        <v>434</v>
      </c>
      <c r="EM37" s="25">
        <v>217</v>
      </c>
      <c r="EN37" s="28">
        <v>25996</v>
      </c>
      <c r="EO37" s="29">
        <v>25996</v>
      </c>
      <c r="EP37" s="24">
        <v>0</v>
      </c>
      <c r="EQ37" s="25">
        <v>0</v>
      </c>
      <c r="ER37" s="26">
        <v>0</v>
      </c>
      <c r="ES37" s="403">
        <v>0</v>
      </c>
      <c r="ET37" s="25">
        <v>0</v>
      </c>
      <c r="EU37" s="25">
        <v>0</v>
      </c>
      <c r="EV37" s="25">
        <v>0</v>
      </c>
      <c r="EW37" s="25">
        <v>0</v>
      </c>
      <c r="EX37" s="25">
        <v>0</v>
      </c>
      <c r="EY37" s="28">
        <v>0</v>
      </c>
      <c r="EZ37" s="29">
        <v>0</v>
      </c>
      <c r="FA37" s="24">
        <v>0</v>
      </c>
      <c r="FB37" s="25">
        <v>0</v>
      </c>
      <c r="FC37" s="26">
        <v>0</v>
      </c>
      <c r="FD37" s="403">
        <v>0</v>
      </c>
      <c r="FE37" s="25">
        <v>0</v>
      </c>
      <c r="FF37" s="25">
        <v>0</v>
      </c>
      <c r="FG37" s="25">
        <v>0</v>
      </c>
      <c r="FH37" s="25">
        <v>0</v>
      </c>
      <c r="FI37" s="25">
        <v>217</v>
      </c>
      <c r="FJ37" s="28">
        <v>217</v>
      </c>
      <c r="FK37" s="29">
        <v>217</v>
      </c>
      <c r="FL37" s="24">
        <v>0</v>
      </c>
      <c r="FM37" s="25">
        <v>0</v>
      </c>
      <c r="FN37" s="26">
        <v>0</v>
      </c>
      <c r="FO37" s="403">
        <v>0</v>
      </c>
      <c r="FP37" s="25">
        <v>0</v>
      </c>
      <c r="FQ37" s="25">
        <v>0</v>
      </c>
      <c r="FR37" s="25">
        <v>0</v>
      </c>
      <c r="FS37" s="25">
        <v>0</v>
      </c>
      <c r="FT37" s="25">
        <v>0</v>
      </c>
      <c r="FU37" s="28">
        <v>0</v>
      </c>
      <c r="FV37" s="29">
        <v>0</v>
      </c>
      <c r="FW37" s="24">
        <v>0</v>
      </c>
      <c r="FX37" s="25">
        <v>0</v>
      </c>
      <c r="FY37" s="26">
        <v>0</v>
      </c>
      <c r="FZ37" s="27">
        <v>0</v>
      </c>
      <c r="GA37" s="25">
        <v>5930</v>
      </c>
      <c r="GB37" s="25">
        <v>0</v>
      </c>
      <c r="GC37" s="25">
        <v>4028</v>
      </c>
      <c r="GD37" s="25">
        <v>7656</v>
      </c>
      <c r="GE37" s="25">
        <v>0</v>
      </c>
      <c r="GF37" s="28">
        <v>17614</v>
      </c>
      <c r="GG37" s="29">
        <v>17614</v>
      </c>
      <c r="GH37" s="24">
        <v>0</v>
      </c>
      <c r="GI37" s="25">
        <v>0</v>
      </c>
      <c r="GJ37" s="26">
        <v>0</v>
      </c>
      <c r="GK37" s="27">
        <v>0</v>
      </c>
      <c r="GL37" s="25">
        <v>0</v>
      </c>
      <c r="GM37" s="25">
        <v>56</v>
      </c>
      <c r="GN37" s="25">
        <v>0</v>
      </c>
      <c r="GO37" s="25">
        <v>0</v>
      </c>
      <c r="GP37" s="25">
        <v>0</v>
      </c>
      <c r="GQ37" s="28">
        <v>56</v>
      </c>
      <c r="GR37" s="29">
        <v>56</v>
      </c>
      <c r="GS37" s="24">
        <v>0</v>
      </c>
      <c r="GT37" s="25">
        <v>0</v>
      </c>
      <c r="GU37" s="26">
        <v>0</v>
      </c>
      <c r="GV37" s="27">
        <v>0</v>
      </c>
      <c r="GW37" s="25">
        <v>0</v>
      </c>
      <c r="GX37" s="25">
        <v>0</v>
      </c>
      <c r="GY37" s="25">
        <v>0</v>
      </c>
      <c r="GZ37" s="25">
        <v>0</v>
      </c>
      <c r="HA37" s="25">
        <v>0</v>
      </c>
      <c r="HB37" s="28">
        <v>0</v>
      </c>
      <c r="HC37" s="29">
        <v>0</v>
      </c>
      <c r="HD37" s="24">
        <v>0</v>
      </c>
      <c r="HE37" s="25">
        <v>0</v>
      </c>
      <c r="HF37" s="26">
        <v>0</v>
      </c>
      <c r="HG37" s="403">
        <v>0</v>
      </c>
      <c r="HH37" s="25">
        <v>0</v>
      </c>
      <c r="HI37" s="25">
        <v>0</v>
      </c>
      <c r="HJ37" s="25">
        <v>0</v>
      </c>
      <c r="HK37" s="25">
        <v>0</v>
      </c>
      <c r="HL37" s="25">
        <v>0</v>
      </c>
      <c r="HM37" s="28">
        <v>0</v>
      </c>
      <c r="HN37" s="29">
        <v>0</v>
      </c>
      <c r="HO37" s="24">
        <v>0</v>
      </c>
      <c r="HP37" s="25">
        <v>0</v>
      </c>
      <c r="HQ37" s="26">
        <v>0</v>
      </c>
      <c r="HR37" s="27">
        <v>0</v>
      </c>
      <c r="HS37" s="25">
        <v>108833</v>
      </c>
      <c r="HT37" s="25">
        <v>61714</v>
      </c>
      <c r="HU37" s="25">
        <v>192315</v>
      </c>
      <c r="HV37" s="25">
        <v>634024</v>
      </c>
      <c r="HW37" s="25">
        <v>206496</v>
      </c>
      <c r="HX37" s="28">
        <v>1203382</v>
      </c>
      <c r="HY37" s="29">
        <v>1203382</v>
      </c>
    </row>
    <row r="38" spans="2:233" ht="21" customHeight="1" x14ac:dyDescent="0.2">
      <c r="B38" s="106" t="s">
        <v>35</v>
      </c>
      <c r="C38" s="24">
        <v>0</v>
      </c>
      <c r="D38" s="25">
        <v>0</v>
      </c>
      <c r="E38" s="26">
        <v>0</v>
      </c>
      <c r="F38" s="27">
        <v>0</v>
      </c>
      <c r="G38" s="25">
        <v>84156</v>
      </c>
      <c r="H38" s="25">
        <v>404129</v>
      </c>
      <c r="I38" s="25">
        <v>913853</v>
      </c>
      <c r="J38" s="25">
        <v>609496</v>
      </c>
      <c r="K38" s="25">
        <v>328385</v>
      </c>
      <c r="L38" s="28">
        <v>2340019</v>
      </c>
      <c r="M38" s="29">
        <v>2340019</v>
      </c>
      <c r="N38" s="24">
        <v>0</v>
      </c>
      <c r="O38" s="25">
        <v>0</v>
      </c>
      <c r="P38" s="26">
        <v>0</v>
      </c>
      <c r="Q38" s="403">
        <v>0</v>
      </c>
      <c r="R38" s="25">
        <v>2635</v>
      </c>
      <c r="S38" s="25">
        <v>24645</v>
      </c>
      <c r="T38" s="25">
        <v>350200</v>
      </c>
      <c r="U38" s="25">
        <v>408865</v>
      </c>
      <c r="V38" s="25">
        <v>252125</v>
      </c>
      <c r="W38" s="28">
        <v>1038470</v>
      </c>
      <c r="X38" s="29">
        <v>1038470</v>
      </c>
      <c r="Y38" s="24">
        <v>0</v>
      </c>
      <c r="Z38" s="25">
        <v>0</v>
      </c>
      <c r="AA38" s="26">
        <v>0</v>
      </c>
      <c r="AB38" s="403">
        <v>0</v>
      </c>
      <c r="AC38" s="25">
        <v>72310</v>
      </c>
      <c r="AD38" s="25">
        <v>317405</v>
      </c>
      <c r="AE38" s="25">
        <v>355430</v>
      </c>
      <c r="AF38" s="25">
        <v>138065</v>
      </c>
      <c r="AG38" s="25">
        <v>5270</v>
      </c>
      <c r="AH38" s="28">
        <v>888480</v>
      </c>
      <c r="AI38" s="29">
        <v>888480</v>
      </c>
      <c r="AJ38" s="24">
        <v>0</v>
      </c>
      <c r="AK38" s="25">
        <v>0</v>
      </c>
      <c r="AL38" s="26">
        <v>0</v>
      </c>
      <c r="AM38" s="403">
        <v>0</v>
      </c>
      <c r="AN38" s="25">
        <v>0</v>
      </c>
      <c r="AO38" s="25">
        <v>0</v>
      </c>
      <c r="AP38" s="25">
        <v>0</v>
      </c>
      <c r="AQ38" s="25">
        <v>0</v>
      </c>
      <c r="AR38" s="25">
        <v>0</v>
      </c>
      <c r="AS38" s="28">
        <v>0</v>
      </c>
      <c r="AT38" s="29">
        <v>0</v>
      </c>
      <c r="AU38" s="24">
        <v>0</v>
      </c>
      <c r="AV38" s="25">
        <v>0</v>
      </c>
      <c r="AW38" s="26">
        <v>0</v>
      </c>
      <c r="AX38" s="403">
        <v>0</v>
      </c>
      <c r="AY38" s="25">
        <v>0</v>
      </c>
      <c r="AZ38" s="25">
        <v>32705</v>
      </c>
      <c r="BA38" s="25">
        <v>139690</v>
      </c>
      <c r="BB38" s="25">
        <v>43445</v>
      </c>
      <c r="BC38" s="25">
        <v>70990</v>
      </c>
      <c r="BD38" s="28">
        <v>286830</v>
      </c>
      <c r="BE38" s="29">
        <v>286830</v>
      </c>
      <c r="BF38" s="24">
        <v>0</v>
      </c>
      <c r="BG38" s="25">
        <v>0</v>
      </c>
      <c r="BH38" s="26">
        <v>0</v>
      </c>
      <c r="BI38" s="403">
        <v>0</v>
      </c>
      <c r="BJ38" s="25">
        <v>0</v>
      </c>
      <c r="BK38" s="25">
        <v>0</v>
      </c>
      <c r="BL38" s="25">
        <v>0</v>
      </c>
      <c r="BM38" s="25">
        <v>0</v>
      </c>
      <c r="BN38" s="25">
        <v>0</v>
      </c>
      <c r="BO38" s="28">
        <v>0</v>
      </c>
      <c r="BP38" s="29">
        <v>0</v>
      </c>
      <c r="BQ38" s="24">
        <v>0</v>
      </c>
      <c r="BR38" s="25">
        <v>0</v>
      </c>
      <c r="BS38" s="26">
        <v>0</v>
      </c>
      <c r="BT38" s="27">
        <v>0</v>
      </c>
      <c r="BU38" s="25">
        <v>9211</v>
      </c>
      <c r="BV38" s="25">
        <v>29374</v>
      </c>
      <c r="BW38" s="25">
        <v>67083</v>
      </c>
      <c r="BX38" s="25">
        <v>19121</v>
      </c>
      <c r="BY38" s="25">
        <v>0</v>
      </c>
      <c r="BZ38" s="28">
        <v>124789</v>
      </c>
      <c r="CA38" s="29">
        <v>124789</v>
      </c>
      <c r="CB38" s="24">
        <v>0</v>
      </c>
      <c r="CC38" s="25">
        <v>0</v>
      </c>
      <c r="CD38" s="26">
        <v>0</v>
      </c>
      <c r="CE38" s="27">
        <v>0</v>
      </c>
      <c r="CF38" s="25">
        <v>0</v>
      </c>
      <c r="CG38" s="25">
        <v>0</v>
      </c>
      <c r="CH38" s="25">
        <v>1450</v>
      </c>
      <c r="CI38" s="25">
        <v>0</v>
      </c>
      <c r="CJ38" s="25">
        <v>0</v>
      </c>
      <c r="CK38" s="28">
        <v>1450</v>
      </c>
      <c r="CL38" s="29">
        <v>1450</v>
      </c>
      <c r="CM38" s="24">
        <v>0</v>
      </c>
      <c r="CN38" s="25">
        <v>0</v>
      </c>
      <c r="CO38" s="26">
        <v>0</v>
      </c>
      <c r="CP38" s="27">
        <v>0</v>
      </c>
      <c r="CQ38" s="25">
        <v>0</v>
      </c>
      <c r="CR38" s="25">
        <v>0</v>
      </c>
      <c r="CS38" s="25">
        <v>0</v>
      </c>
      <c r="CT38" s="25">
        <v>0</v>
      </c>
      <c r="CU38" s="25">
        <v>0</v>
      </c>
      <c r="CV38" s="28">
        <v>0</v>
      </c>
      <c r="CW38" s="29">
        <v>0</v>
      </c>
      <c r="CX38" s="24">
        <v>0</v>
      </c>
      <c r="CY38" s="25">
        <v>0</v>
      </c>
      <c r="CZ38" s="26">
        <v>0</v>
      </c>
      <c r="DA38" s="403">
        <v>0</v>
      </c>
      <c r="DB38" s="25">
        <v>0</v>
      </c>
      <c r="DC38" s="25">
        <v>0</v>
      </c>
      <c r="DD38" s="25">
        <v>0</v>
      </c>
      <c r="DE38" s="25">
        <v>0</v>
      </c>
      <c r="DF38" s="25">
        <v>0</v>
      </c>
      <c r="DG38" s="28">
        <v>0</v>
      </c>
      <c r="DH38" s="29">
        <v>0</v>
      </c>
      <c r="DI38" s="24">
        <v>0</v>
      </c>
      <c r="DJ38" s="25">
        <v>0</v>
      </c>
      <c r="DK38" s="26">
        <v>0</v>
      </c>
      <c r="DL38" s="27">
        <v>0</v>
      </c>
      <c r="DM38" s="25">
        <v>57443</v>
      </c>
      <c r="DN38" s="25">
        <v>53808</v>
      </c>
      <c r="DO38" s="25">
        <v>531204</v>
      </c>
      <c r="DP38" s="25">
        <v>497819</v>
      </c>
      <c r="DQ38" s="25">
        <v>319923</v>
      </c>
      <c r="DR38" s="28">
        <v>1460197</v>
      </c>
      <c r="DS38" s="30">
        <v>1460197</v>
      </c>
      <c r="DT38" s="24">
        <v>0</v>
      </c>
      <c r="DU38" s="25">
        <v>0</v>
      </c>
      <c r="DV38" s="26">
        <v>0</v>
      </c>
      <c r="DW38" s="403">
        <v>0</v>
      </c>
      <c r="DX38" s="25">
        <v>15035</v>
      </c>
      <c r="DY38" s="25">
        <v>21576</v>
      </c>
      <c r="DZ38" s="25">
        <v>349092</v>
      </c>
      <c r="EA38" s="25">
        <v>468116</v>
      </c>
      <c r="EB38" s="25">
        <v>296115</v>
      </c>
      <c r="EC38" s="28">
        <v>1149934</v>
      </c>
      <c r="ED38" s="29">
        <v>1149934</v>
      </c>
      <c r="EE38" s="24">
        <v>0</v>
      </c>
      <c r="EF38" s="25">
        <v>0</v>
      </c>
      <c r="EG38" s="26">
        <v>0</v>
      </c>
      <c r="EH38" s="403">
        <v>0</v>
      </c>
      <c r="EI38" s="25">
        <v>23008</v>
      </c>
      <c r="EJ38" s="25">
        <v>14045</v>
      </c>
      <c r="EK38" s="25">
        <v>39990</v>
      </c>
      <c r="EL38" s="25">
        <v>1554</v>
      </c>
      <c r="EM38" s="25">
        <v>434</v>
      </c>
      <c r="EN38" s="28">
        <v>79031</v>
      </c>
      <c r="EO38" s="29">
        <v>79031</v>
      </c>
      <c r="EP38" s="24">
        <v>0</v>
      </c>
      <c r="EQ38" s="25">
        <v>0</v>
      </c>
      <c r="ER38" s="26">
        <v>0</v>
      </c>
      <c r="ES38" s="403">
        <v>0</v>
      </c>
      <c r="ET38" s="25">
        <v>0</v>
      </c>
      <c r="EU38" s="25">
        <v>0</v>
      </c>
      <c r="EV38" s="25">
        <v>0</v>
      </c>
      <c r="EW38" s="25">
        <v>0</v>
      </c>
      <c r="EX38" s="25">
        <v>0</v>
      </c>
      <c r="EY38" s="28">
        <v>0</v>
      </c>
      <c r="EZ38" s="29">
        <v>0</v>
      </c>
      <c r="FA38" s="24">
        <v>0</v>
      </c>
      <c r="FB38" s="25">
        <v>0</v>
      </c>
      <c r="FC38" s="26">
        <v>0</v>
      </c>
      <c r="FD38" s="403">
        <v>0</v>
      </c>
      <c r="FE38" s="25">
        <v>0</v>
      </c>
      <c r="FF38" s="25">
        <v>217</v>
      </c>
      <c r="FG38" s="25">
        <v>46748</v>
      </c>
      <c r="FH38" s="25">
        <v>11904</v>
      </c>
      <c r="FI38" s="25">
        <v>23374</v>
      </c>
      <c r="FJ38" s="28">
        <v>82243</v>
      </c>
      <c r="FK38" s="29">
        <v>82243</v>
      </c>
      <c r="FL38" s="24">
        <v>0</v>
      </c>
      <c r="FM38" s="25">
        <v>0</v>
      </c>
      <c r="FN38" s="26">
        <v>0</v>
      </c>
      <c r="FO38" s="403">
        <v>0</v>
      </c>
      <c r="FP38" s="25">
        <v>0</v>
      </c>
      <c r="FQ38" s="25">
        <v>0</v>
      </c>
      <c r="FR38" s="25">
        <v>0</v>
      </c>
      <c r="FS38" s="25">
        <v>0</v>
      </c>
      <c r="FT38" s="25">
        <v>0</v>
      </c>
      <c r="FU38" s="28">
        <v>0</v>
      </c>
      <c r="FV38" s="29">
        <v>0</v>
      </c>
      <c r="FW38" s="24">
        <v>0</v>
      </c>
      <c r="FX38" s="25">
        <v>0</v>
      </c>
      <c r="FY38" s="26">
        <v>0</v>
      </c>
      <c r="FZ38" s="27">
        <v>0</v>
      </c>
      <c r="GA38" s="25">
        <v>19400</v>
      </c>
      <c r="GB38" s="25">
        <v>17970</v>
      </c>
      <c r="GC38" s="25">
        <v>95297</v>
      </c>
      <c r="GD38" s="25">
        <v>16245</v>
      </c>
      <c r="GE38" s="25">
        <v>0</v>
      </c>
      <c r="GF38" s="28">
        <v>148912</v>
      </c>
      <c r="GG38" s="29">
        <v>148912</v>
      </c>
      <c r="GH38" s="24">
        <v>0</v>
      </c>
      <c r="GI38" s="25">
        <v>0</v>
      </c>
      <c r="GJ38" s="26">
        <v>0</v>
      </c>
      <c r="GK38" s="27">
        <v>0</v>
      </c>
      <c r="GL38" s="25">
        <v>0</v>
      </c>
      <c r="GM38" s="25">
        <v>0</v>
      </c>
      <c r="GN38" s="25">
        <v>77</v>
      </c>
      <c r="GO38" s="25">
        <v>0</v>
      </c>
      <c r="GP38" s="25">
        <v>0</v>
      </c>
      <c r="GQ38" s="28">
        <v>77</v>
      </c>
      <c r="GR38" s="29">
        <v>77</v>
      </c>
      <c r="GS38" s="24">
        <v>0</v>
      </c>
      <c r="GT38" s="25">
        <v>0</v>
      </c>
      <c r="GU38" s="26">
        <v>0</v>
      </c>
      <c r="GV38" s="27">
        <v>0</v>
      </c>
      <c r="GW38" s="25">
        <v>0</v>
      </c>
      <c r="GX38" s="25">
        <v>0</v>
      </c>
      <c r="GY38" s="25">
        <v>0</v>
      </c>
      <c r="GZ38" s="25">
        <v>0</v>
      </c>
      <c r="HA38" s="25">
        <v>0</v>
      </c>
      <c r="HB38" s="28">
        <v>0</v>
      </c>
      <c r="HC38" s="29">
        <v>0</v>
      </c>
      <c r="HD38" s="24">
        <v>0</v>
      </c>
      <c r="HE38" s="25">
        <v>0</v>
      </c>
      <c r="HF38" s="26">
        <v>0</v>
      </c>
      <c r="HG38" s="403">
        <v>0</v>
      </c>
      <c r="HH38" s="25">
        <v>0</v>
      </c>
      <c r="HI38" s="25">
        <v>0</v>
      </c>
      <c r="HJ38" s="25">
        <v>0</v>
      </c>
      <c r="HK38" s="25">
        <v>0</v>
      </c>
      <c r="HL38" s="25">
        <v>0</v>
      </c>
      <c r="HM38" s="28">
        <v>0</v>
      </c>
      <c r="HN38" s="29">
        <v>0</v>
      </c>
      <c r="HO38" s="24">
        <v>0</v>
      </c>
      <c r="HP38" s="25">
        <v>0</v>
      </c>
      <c r="HQ38" s="26">
        <v>0</v>
      </c>
      <c r="HR38" s="27">
        <v>0</v>
      </c>
      <c r="HS38" s="25">
        <v>141599</v>
      </c>
      <c r="HT38" s="25">
        <v>457937</v>
      </c>
      <c r="HU38" s="25">
        <v>1445057</v>
      </c>
      <c r="HV38" s="25">
        <v>1107315</v>
      </c>
      <c r="HW38" s="25">
        <v>648308</v>
      </c>
      <c r="HX38" s="28">
        <v>3800216</v>
      </c>
      <c r="HY38" s="29">
        <v>3800216</v>
      </c>
    </row>
    <row r="39" spans="2:233" ht="21" customHeight="1" x14ac:dyDescent="0.2">
      <c r="B39" s="106" t="s">
        <v>36</v>
      </c>
      <c r="C39" s="24">
        <v>0</v>
      </c>
      <c r="D39" s="25">
        <v>0</v>
      </c>
      <c r="E39" s="26">
        <v>0</v>
      </c>
      <c r="F39" s="27">
        <v>0</v>
      </c>
      <c r="G39" s="25">
        <v>97750</v>
      </c>
      <c r="H39" s="25">
        <v>178720</v>
      </c>
      <c r="I39" s="25">
        <v>954859</v>
      </c>
      <c r="J39" s="25">
        <v>1075058</v>
      </c>
      <c r="K39" s="25">
        <v>611858</v>
      </c>
      <c r="L39" s="28">
        <v>2918245</v>
      </c>
      <c r="M39" s="29">
        <v>2918245</v>
      </c>
      <c r="N39" s="24">
        <v>0</v>
      </c>
      <c r="O39" s="25">
        <v>0</v>
      </c>
      <c r="P39" s="26">
        <v>0</v>
      </c>
      <c r="Q39" s="403">
        <v>0</v>
      </c>
      <c r="R39" s="25">
        <v>0</v>
      </c>
      <c r="S39" s="25">
        <v>32705</v>
      </c>
      <c r="T39" s="25">
        <v>530970</v>
      </c>
      <c r="U39" s="25">
        <v>739445</v>
      </c>
      <c r="V39" s="25">
        <v>348864</v>
      </c>
      <c r="W39" s="28">
        <v>1651984</v>
      </c>
      <c r="X39" s="29">
        <v>1651984</v>
      </c>
      <c r="Y39" s="24">
        <v>0</v>
      </c>
      <c r="Z39" s="25">
        <v>0</v>
      </c>
      <c r="AA39" s="26">
        <v>0</v>
      </c>
      <c r="AB39" s="403">
        <v>0</v>
      </c>
      <c r="AC39" s="25">
        <v>82545</v>
      </c>
      <c r="AD39" s="25">
        <v>108485</v>
      </c>
      <c r="AE39" s="25">
        <v>391615</v>
      </c>
      <c r="AF39" s="25">
        <v>250540</v>
      </c>
      <c r="AG39" s="25">
        <v>195069</v>
      </c>
      <c r="AH39" s="28">
        <v>1028254</v>
      </c>
      <c r="AI39" s="29">
        <v>1028254</v>
      </c>
      <c r="AJ39" s="24">
        <v>0</v>
      </c>
      <c r="AK39" s="25">
        <v>0</v>
      </c>
      <c r="AL39" s="26">
        <v>0</v>
      </c>
      <c r="AM39" s="403">
        <v>0</v>
      </c>
      <c r="AN39" s="25">
        <v>0</v>
      </c>
      <c r="AO39" s="25">
        <v>0</v>
      </c>
      <c r="AP39" s="25">
        <v>0</v>
      </c>
      <c r="AQ39" s="25">
        <v>2635</v>
      </c>
      <c r="AR39" s="25">
        <v>2635</v>
      </c>
      <c r="AS39" s="28">
        <v>5270</v>
      </c>
      <c r="AT39" s="29">
        <v>5270</v>
      </c>
      <c r="AU39" s="24">
        <v>0</v>
      </c>
      <c r="AV39" s="25">
        <v>0</v>
      </c>
      <c r="AW39" s="26">
        <v>0</v>
      </c>
      <c r="AX39" s="403">
        <v>0</v>
      </c>
      <c r="AY39" s="25">
        <v>0</v>
      </c>
      <c r="AZ39" s="25">
        <v>0</v>
      </c>
      <c r="BA39" s="25">
        <v>0</v>
      </c>
      <c r="BB39" s="25">
        <v>75605</v>
      </c>
      <c r="BC39" s="25">
        <v>5270</v>
      </c>
      <c r="BD39" s="28">
        <v>80875</v>
      </c>
      <c r="BE39" s="29">
        <v>80875</v>
      </c>
      <c r="BF39" s="24">
        <v>0</v>
      </c>
      <c r="BG39" s="25">
        <v>0</v>
      </c>
      <c r="BH39" s="26">
        <v>0</v>
      </c>
      <c r="BI39" s="403">
        <v>0</v>
      </c>
      <c r="BJ39" s="25">
        <v>0</v>
      </c>
      <c r="BK39" s="25">
        <v>0</v>
      </c>
      <c r="BL39" s="25">
        <v>0</v>
      </c>
      <c r="BM39" s="25">
        <v>0</v>
      </c>
      <c r="BN39" s="25">
        <v>0</v>
      </c>
      <c r="BO39" s="28">
        <v>0</v>
      </c>
      <c r="BP39" s="29">
        <v>0</v>
      </c>
      <c r="BQ39" s="24">
        <v>0</v>
      </c>
      <c r="BR39" s="25">
        <v>0</v>
      </c>
      <c r="BS39" s="26">
        <v>0</v>
      </c>
      <c r="BT39" s="27">
        <v>0</v>
      </c>
      <c r="BU39" s="25">
        <v>11115</v>
      </c>
      <c r="BV39" s="25">
        <v>37530</v>
      </c>
      <c r="BW39" s="25">
        <v>32274</v>
      </c>
      <c r="BX39" s="25">
        <v>6833</v>
      </c>
      <c r="BY39" s="25">
        <v>60020</v>
      </c>
      <c r="BZ39" s="28">
        <v>147772</v>
      </c>
      <c r="CA39" s="29">
        <v>147772</v>
      </c>
      <c r="CB39" s="24">
        <v>0</v>
      </c>
      <c r="CC39" s="25">
        <v>0</v>
      </c>
      <c r="CD39" s="26">
        <v>0</v>
      </c>
      <c r="CE39" s="27">
        <v>0</v>
      </c>
      <c r="CF39" s="25">
        <v>4090</v>
      </c>
      <c r="CG39" s="25">
        <v>0</v>
      </c>
      <c r="CH39" s="25">
        <v>0</v>
      </c>
      <c r="CI39" s="25">
        <v>0</v>
      </c>
      <c r="CJ39" s="25">
        <v>0</v>
      </c>
      <c r="CK39" s="28">
        <v>4090</v>
      </c>
      <c r="CL39" s="29">
        <v>4090</v>
      </c>
      <c r="CM39" s="24">
        <v>0</v>
      </c>
      <c r="CN39" s="25">
        <v>0</v>
      </c>
      <c r="CO39" s="26">
        <v>0</v>
      </c>
      <c r="CP39" s="27">
        <v>0</v>
      </c>
      <c r="CQ39" s="25">
        <v>0</v>
      </c>
      <c r="CR39" s="25">
        <v>0</v>
      </c>
      <c r="CS39" s="25">
        <v>0</v>
      </c>
      <c r="CT39" s="25">
        <v>0</v>
      </c>
      <c r="CU39" s="25">
        <v>0</v>
      </c>
      <c r="CV39" s="28">
        <v>0</v>
      </c>
      <c r="CW39" s="29">
        <v>0</v>
      </c>
      <c r="CX39" s="24">
        <v>0</v>
      </c>
      <c r="CY39" s="25">
        <v>0</v>
      </c>
      <c r="CZ39" s="26">
        <v>0</v>
      </c>
      <c r="DA39" s="403">
        <v>0</v>
      </c>
      <c r="DB39" s="25">
        <v>0</v>
      </c>
      <c r="DC39" s="25">
        <v>0</v>
      </c>
      <c r="DD39" s="25">
        <v>0</v>
      </c>
      <c r="DE39" s="25">
        <v>0</v>
      </c>
      <c r="DF39" s="25">
        <v>0</v>
      </c>
      <c r="DG39" s="28">
        <v>0</v>
      </c>
      <c r="DH39" s="29">
        <v>0</v>
      </c>
      <c r="DI39" s="24">
        <v>0</v>
      </c>
      <c r="DJ39" s="25">
        <v>0</v>
      </c>
      <c r="DK39" s="26">
        <v>0</v>
      </c>
      <c r="DL39" s="27">
        <v>0</v>
      </c>
      <c r="DM39" s="25">
        <v>11379</v>
      </c>
      <c r="DN39" s="25">
        <v>60649</v>
      </c>
      <c r="DO39" s="25">
        <v>688459</v>
      </c>
      <c r="DP39" s="25">
        <v>930603</v>
      </c>
      <c r="DQ39" s="25">
        <v>682171</v>
      </c>
      <c r="DR39" s="28">
        <v>2373261</v>
      </c>
      <c r="DS39" s="30">
        <v>2373261</v>
      </c>
      <c r="DT39" s="24">
        <v>0</v>
      </c>
      <c r="DU39" s="25">
        <v>0</v>
      </c>
      <c r="DV39" s="26">
        <v>0</v>
      </c>
      <c r="DW39" s="403">
        <v>0</v>
      </c>
      <c r="DX39" s="25">
        <v>0</v>
      </c>
      <c r="DY39" s="25">
        <v>15035</v>
      </c>
      <c r="DZ39" s="25">
        <v>648711</v>
      </c>
      <c r="EA39" s="25">
        <v>872835</v>
      </c>
      <c r="EB39" s="25">
        <v>569092</v>
      </c>
      <c r="EC39" s="28">
        <v>2105673</v>
      </c>
      <c r="ED39" s="29">
        <v>2105673</v>
      </c>
      <c r="EE39" s="24">
        <v>0</v>
      </c>
      <c r="EF39" s="25">
        <v>0</v>
      </c>
      <c r="EG39" s="26">
        <v>0</v>
      </c>
      <c r="EH39" s="403">
        <v>0</v>
      </c>
      <c r="EI39" s="25">
        <v>1939</v>
      </c>
      <c r="EJ39" s="25">
        <v>2289</v>
      </c>
      <c r="EK39" s="25">
        <v>4130</v>
      </c>
      <c r="EL39" s="25">
        <v>26257</v>
      </c>
      <c r="EM39" s="25">
        <v>23914</v>
      </c>
      <c r="EN39" s="28">
        <v>58529</v>
      </c>
      <c r="EO39" s="29">
        <v>58529</v>
      </c>
      <c r="EP39" s="24">
        <v>0</v>
      </c>
      <c r="EQ39" s="25">
        <v>0</v>
      </c>
      <c r="ER39" s="26">
        <v>0</v>
      </c>
      <c r="ES39" s="403">
        <v>0</v>
      </c>
      <c r="ET39" s="25">
        <v>0</v>
      </c>
      <c r="EU39" s="25">
        <v>0</v>
      </c>
      <c r="EV39" s="25">
        <v>0</v>
      </c>
      <c r="EW39" s="25">
        <v>0</v>
      </c>
      <c r="EX39" s="25">
        <v>0</v>
      </c>
      <c r="EY39" s="28">
        <v>0</v>
      </c>
      <c r="EZ39" s="29">
        <v>0</v>
      </c>
      <c r="FA39" s="24">
        <v>0</v>
      </c>
      <c r="FB39" s="25">
        <v>0</v>
      </c>
      <c r="FC39" s="26">
        <v>0</v>
      </c>
      <c r="FD39" s="403">
        <v>0</v>
      </c>
      <c r="FE39" s="25">
        <v>0</v>
      </c>
      <c r="FF39" s="25">
        <v>0</v>
      </c>
      <c r="FG39" s="25">
        <v>0</v>
      </c>
      <c r="FH39" s="25">
        <v>12163</v>
      </c>
      <c r="FI39" s="25">
        <v>434</v>
      </c>
      <c r="FJ39" s="28">
        <v>12597</v>
      </c>
      <c r="FK39" s="29">
        <v>12597</v>
      </c>
      <c r="FL39" s="24">
        <v>0</v>
      </c>
      <c r="FM39" s="25">
        <v>0</v>
      </c>
      <c r="FN39" s="26">
        <v>0</v>
      </c>
      <c r="FO39" s="403">
        <v>0</v>
      </c>
      <c r="FP39" s="25">
        <v>0</v>
      </c>
      <c r="FQ39" s="25">
        <v>0</v>
      </c>
      <c r="FR39" s="25">
        <v>0</v>
      </c>
      <c r="FS39" s="25">
        <v>0</v>
      </c>
      <c r="FT39" s="25">
        <v>0</v>
      </c>
      <c r="FU39" s="28">
        <v>0</v>
      </c>
      <c r="FV39" s="29">
        <v>0</v>
      </c>
      <c r="FW39" s="24">
        <v>0</v>
      </c>
      <c r="FX39" s="25">
        <v>0</v>
      </c>
      <c r="FY39" s="26">
        <v>0</v>
      </c>
      <c r="FZ39" s="27">
        <v>0</v>
      </c>
      <c r="GA39" s="25">
        <v>9405</v>
      </c>
      <c r="GB39" s="25">
        <v>43325</v>
      </c>
      <c r="GC39" s="25">
        <v>35618</v>
      </c>
      <c r="GD39" s="25">
        <v>19348</v>
      </c>
      <c r="GE39" s="25">
        <v>88731</v>
      </c>
      <c r="GF39" s="28">
        <v>196427</v>
      </c>
      <c r="GG39" s="29">
        <v>196427</v>
      </c>
      <c r="GH39" s="24">
        <v>0</v>
      </c>
      <c r="GI39" s="25">
        <v>0</v>
      </c>
      <c r="GJ39" s="26">
        <v>0</v>
      </c>
      <c r="GK39" s="27">
        <v>0</v>
      </c>
      <c r="GL39" s="25">
        <v>35</v>
      </c>
      <c r="GM39" s="25">
        <v>0</v>
      </c>
      <c r="GN39" s="25">
        <v>0</v>
      </c>
      <c r="GO39" s="25">
        <v>0</v>
      </c>
      <c r="GP39" s="25">
        <v>0</v>
      </c>
      <c r="GQ39" s="28">
        <v>35</v>
      </c>
      <c r="GR39" s="29">
        <v>35</v>
      </c>
      <c r="GS39" s="24">
        <v>0</v>
      </c>
      <c r="GT39" s="25">
        <v>0</v>
      </c>
      <c r="GU39" s="26">
        <v>0</v>
      </c>
      <c r="GV39" s="27">
        <v>0</v>
      </c>
      <c r="GW39" s="25">
        <v>0</v>
      </c>
      <c r="GX39" s="25">
        <v>0</v>
      </c>
      <c r="GY39" s="25">
        <v>0</v>
      </c>
      <c r="GZ39" s="25">
        <v>0</v>
      </c>
      <c r="HA39" s="25">
        <v>0</v>
      </c>
      <c r="HB39" s="28">
        <v>0</v>
      </c>
      <c r="HC39" s="29">
        <v>0</v>
      </c>
      <c r="HD39" s="24">
        <v>0</v>
      </c>
      <c r="HE39" s="25">
        <v>0</v>
      </c>
      <c r="HF39" s="26">
        <v>0</v>
      </c>
      <c r="HG39" s="403">
        <v>0</v>
      </c>
      <c r="HH39" s="25">
        <v>0</v>
      </c>
      <c r="HI39" s="25">
        <v>0</v>
      </c>
      <c r="HJ39" s="25">
        <v>0</v>
      </c>
      <c r="HK39" s="25">
        <v>0</v>
      </c>
      <c r="HL39" s="25">
        <v>0</v>
      </c>
      <c r="HM39" s="28">
        <v>0</v>
      </c>
      <c r="HN39" s="29">
        <v>0</v>
      </c>
      <c r="HO39" s="24">
        <v>0</v>
      </c>
      <c r="HP39" s="25">
        <v>0</v>
      </c>
      <c r="HQ39" s="26">
        <v>0</v>
      </c>
      <c r="HR39" s="27">
        <v>0</v>
      </c>
      <c r="HS39" s="25">
        <v>109129</v>
      </c>
      <c r="HT39" s="25">
        <v>239369</v>
      </c>
      <c r="HU39" s="25">
        <v>1643318</v>
      </c>
      <c r="HV39" s="25">
        <v>2005661</v>
      </c>
      <c r="HW39" s="25">
        <v>1294029</v>
      </c>
      <c r="HX39" s="28">
        <v>5291506</v>
      </c>
      <c r="HY39" s="29">
        <v>5291506</v>
      </c>
    </row>
    <row r="40" spans="2:233" ht="21" customHeight="1" thickBot="1" x14ac:dyDescent="0.25">
      <c r="B40" s="108" t="s">
        <v>37</v>
      </c>
      <c r="C40" s="31">
        <v>0</v>
      </c>
      <c r="D40" s="32">
        <v>0</v>
      </c>
      <c r="E40" s="33">
        <v>0</v>
      </c>
      <c r="F40" s="34">
        <v>0</v>
      </c>
      <c r="G40" s="32">
        <v>0</v>
      </c>
      <c r="H40" s="32">
        <v>44085</v>
      </c>
      <c r="I40" s="32">
        <v>106020</v>
      </c>
      <c r="J40" s="32">
        <v>62620</v>
      </c>
      <c r="K40" s="32">
        <v>91630</v>
      </c>
      <c r="L40" s="35">
        <v>304355</v>
      </c>
      <c r="M40" s="36">
        <v>304355</v>
      </c>
      <c r="N40" s="31">
        <v>0</v>
      </c>
      <c r="O40" s="32">
        <v>0</v>
      </c>
      <c r="P40" s="33">
        <v>0</v>
      </c>
      <c r="Q40" s="404">
        <v>0</v>
      </c>
      <c r="R40" s="32">
        <v>0</v>
      </c>
      <c r="S40" s="32">
        <v>0</v>
      </c>
      <c r="T40" s="32">
        <v>37975</v>
      </c>
      <c r="U40" s="32">
        <v>29915</v>
      </c>
      <c r="V40" s="32">
        <v>66985</v>
      </c>
      <c r="W40" s="35">
        <v>134875</v>
      </c>
      <c r="X40" s="36">
        <v>134875</v>
      </c>
      <c r="Y40" s="31">
        <v>0</v>
      </c>
      <c r="Z40" s="32">
        <v>0</v>
      </c>
      <c r="AA40" s="33">
        <v>0</v>
      </c>
      <c r="AB40" s="404">
        <v>0</v>
      </c>
      <c r="AC40" s="32">
        <v>0</v>
      </c>
      <c r="AD40" s="32">
        <v>44085</v>
      </c>
      <c r="AE40" s="32">
        <v>68045</v>
      </c>
      <c r="AF40" s="32">
        <v>32705</v>
      </c>
      <c r="AG40" s="32">
        <v>24645</v>
      </c>
      <c r="AH40" s="35">
        <v>169480</v>
      </c>
      <c r="AI40" s="36">
        <v>169480</v>
      </c>
      <c r="AJ40" s="31">
        <v>0</v>
      </c>
      <c r="AK40" s="32">
        <v>0</v>
      </c>
      <c r="AL40" s="33">
        <v>0</v>
      </c>
      <c r="AM40" s="404">
        <v>0</v>
      </c>
      <c r="AN40" s="32">
        <v>0</v>
      </c>
      <c r="AO40" s="32">
        <v>0</v>
      </c>
      <c r="AP40" s="32">
        <v>0</v>
      </c>
      <c r="AQ40" s="32">
        <v>0</v>
      </c>
      <c r="AR40" s="32">
        <v>0</v>
      </c>
      <c r="AS40" s="35">
        <v>0</v>
      </c>
      <c r="AT40" s="36">
        <v>0</v>
      </c>
      <c r="AU40" s="31">
        <v>0</v>
      </c>
      <c r="AV40" s="32">
        <v>0</v>
      </c>
      <c r="AW40" s="33">
        <v>0</v>
      </c>
      <c r="AX40" s="404">
        <v>0</v>
      </c>
      <c r="AY40" s="32">
        <v>0</v>
      </c>
      <c r="AZ40" s="32">
        <v>0</v>
      </c>
      <c r="BA40" s="32">
        <v>0</v>
      </c>
      <c r="BB40" s="32">
        <v>0</v>
      </c>
      <c r="BC40" s="32">
        <v>0</v>
      </c>
      <c r="BD40" s="35">
        <v>0</v>
      </c>
      <c r="BE40" s="36">
        <v>0</v>
      </c>
      <c r="BF40" s="31">
        <v>0</v>
      </c>
      <c r="BG40" s="32">
        <v>0</v>
      </c>
      <c r="BH40" s="33">
        <v>0</v>
      </c>
      <c r="BI40" s="404">
        <v>0</v>
      </c>
      <c r="BJ40" s="32">
        <v>0</v>
      </c>
      <c r="BK40" s="32">
        <v>0</v>
      </c>
      <c r="BL40" s="32">
        <v>0</v>
      </c>
      <c r="BM40" s="32">
        <v>0</v>
      </c>
      <c r="BN40" s="32">
        <v>0</v>
      </c>
      <c r="BO40" s="35">
        <v>0</v>
      </c>
      <c r="BP40" s="36">
        <v>0</v>
      </c>
      <c r="BQ40" s="31">
        <v>0</v>
      </c>
      <c r="BR40" s="32">
        <v>0</v>
      </c>
      <c r="BS40" s="33">
        <v>0</v>
      </c>
      <c r="BT40" s="34">
        <v>0</v>
      </c>
      <c r="BU40" s="32">
        <v>0</v>
      </c>
      <c r="BV40" s="32">
        <v>0</v>
      </c>
      <c r="BW40" s="32">
        <v>0</v>
      </c>
      <c r="BX40" s="32">
        <v>0</v>
      </c>
      <c r="BY40" s="32">
        <v>0</v>
      </c>
      <c r="BZ40" s="35">
        <v>0</v>
      </c>
      <c r="CA40" s="36">
        <v>0</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4">
        <v>0</v>
      </c>
      <c r="DB40" s="32">
        <v>0</v>
      </c>
      <c r="DC40" s="32">
        <v>0</v>
      </c>
      <c r="DD40" s="32">
        <v>0</v>
      </c>
      <c r="DE40" s="32">
        <v>0</v>
      </c>
      <c r="DF40" s="32">
        <v>0</v>
      </c>
      <c r="DG40" s="35">
        <v>0</v>
      </c>
      <c r="DH40" s="36">
        <v>0</v>
      </c>
      <c r="DI40" s="31">
        <v>0</v>
      </c>
      <c r="DJ40" s="32">
        <v>0</v>
      </c>
      <c r="DK40" s="33">
        <v>0</v>
      </c>
      <c r="DL40" s="34">
        <v>0</v>
      </c>
      <c r="DM40" s="32">
        <v>0</v>
      </c>
      <c r="DN40" s="32">
        <v>511</v>
      </c>
      <c r="DO40" s="32">
        <v>58838</v>
      </c>
      <c r="DP40" s="32">
        <v>51863</v>
      </c>
      <c r="DQ40" s="32">
        <v>96548</v>
      </c>
      <c r="DR40" s="35">
        <v>207760</v>
      </c>
      <c r="DS40" s="37">
        <v>207760</v>
      </c>
      <c r="DT40" s="31">
        <v>0</v>
      </c>
      <c r="DU40" s="32">
        <v>0</v>
      </c>
      <c r="DV40" s="33">
        <v>0</v>
      </c>
      <c r="DW40" s="404">
        <v>0</v>
      </c>
      <c r="DX40" s="32">
        <v>0</v>
      </c>
      <c r="DY40" s="32">
        <v>0</v>
      </c>
      <c r="DZ40" s="32">
        <v>58187</v>
      </c>
      <c r="EA40" s="32">
        <v>51646</v>
      </c>
      <c r="EB40" s="32">
        <v>96331</v>
      </c>
      <c r="EC40" s="35">
        <v>206164</v>
      </c>
      <c r="ED40" s="36">
        <v>206164</v>
      </c>
      <c r="EE40" s="31">
        <v>0</v>
      </c>
      <c r="EF40" s="32">
        <v>0</v>
      </c>
      <c r="EG40" s="33">
        <v>0</v>
      </c>
      <c r="EH40" s="404">
        <v>0</v>
      </c>
      <c r="EI40" s="32">
        <v>0</v>
      </c>
      <c r="EJ40" s="32">
        <v>511</v>
      </c>
      <c r="EK40" s="32">
        <v>651</v>
      </c>
      <c r="EL40" s="32">
        <v>217</v>
      </c>
      <c r="EM40" s="32">
        <v>217</v>
      </c>
      <c r="EN40" s="35">
        <v>1596</v>
      </c>
      <c r="EO40" s="36">
        <v>1596</v>
      </c>
      <c r="EP40" s="31">
        <v>0</v>
      </c>
      <c r="EQ40" s="32">
        <v>0</v>
      </c>
      <c r="ER40" s="33">
        <v>0</v>
      </c>
      <c r="ES40" s="404">
        <v>0</v>
      </c>
      <c r="ET40" s="32">
        <v>0</v>
      </c>
      <c r="EU40" s="32">
        <v>0</v>
      </c>
      <c r="EV40" s="32">
        <v>0</v>
      </c>
      <c r="EW40" s="32">
        <v>0</v>
      </c>
      <c r="EX40" s="32">
        <v>0</v>
      </c>
      <c r="EY40" s="35">
        <v>0</v>
      </c>
      <c r="EZ40" s="36">
        <v>0</v>
      </c>
      <c r="FA40" s="31">
        <v>0</v>
      </c>
      <c r="FB40" s="32">
        <v>0</v>
      </c>
      <c r="FC40" s="33">
        <v>0</v>
      </c>
      <c r="FD40" s="404">
        <v>0</v>
      </c>
      <c r="FE40" s="32">
        <v>0</v>
      </c>
      <c r="FF40" s="32">
        <v>0</v>
      </c>
      <c r="FG40" s="32">
        <v>0</v>
      </c>
      <c r="FH40" s="32">
        <v>0</v>
      </c>
      <c r="FI40" s="32">
        <v>0</v>
      </c>
      <c r="FJ40" s="35">
        <v>0</v>
      </c>
      <c r="FK40" s="36">
        <v>0</v>
      </c>
      <c r="FL40" s="31">
        <v>0</v>
      </c>
      <c r="FM40" s="32">
        <v>0</v>
      </c>
      <c r="FN40" s="33">
        <v>0</v>
      </c>
      <c r="FO40" s="404">
        <v>0</v>
      </c>
      <c r="FP40" s="32">
        <v>0</v>
      </c>
      <c r="FQ40" s="32">
        <v>0</v>
      </c>
      <c r="FR40" s="32">
        <v>0</v>
      </c>
      <c r="FS40" s="32">
        <v>0</v>
      </c>
      <c r="FT40" s="32">
        <v>0</v>
      </c>
      <c r="FU40" s="35">
        <v>0</v>
      </c>
      <c r="FV40" s="36">
        <v>0</v>
      </c>
      <c r="FW40" s="31">
        <v>0</v>
      </c>
      <c r="FX40" s="32">
        <v>0</v>
      </c>
      <c r="FY40" s="33">
        <v>0</v>
      </c>
      <c r="FZ40" s="34">
        <v>0</v>
      </c>
      <c r="GA40" s="32">
        <v>0</v>
      </c>
      <c r="GB40" s="32">
        <v>0</v>
      </c>
      <c r="GC40" s="32">
        <v>0</v>
      </c>
      <c r="GD40" s="32">
        <v>0</v>
      </c>
      <c r="GE40" s="32">
        <v>0</v>
      </c>
      <c r="GF40" s="35">
        <v>0</v>
      </c>
      <c r="GG40" s="36">
        <v>0</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4">
        <v>0</v>
      </c>
      <c r="HH40" s="32">
        <v>0</v>
      </c>
      <c r="HI40" s="32">
        <v>0</v>
      </c>
      <c r="HJ40" s="32">
        <v>0</v>
      </c>
      <c r="HK40" s="32">
        <v>0</v>
      </c>
      <c r="HL40" s="32">
        <v>0</v>
      </c>
      <c r="HM40" s="35">
        <v>0</v>
      </c>
      <c r="HN40" s="36">
        <v>0</v>
      </c>
      <c r="HO40" s="31">
        <v>0</v>
      </c>
      <c r="HP40" s="32">
        <v>0</v>
      </c>
      <c r="HQ40" s="33">
        <v>0</v>
      </c>
      <c r="HR40" s="34">
        <v>0</v>
      </c>
      <c r="HS40" s="32">
        <v>0</v>
      </c>
      <c r="HT40" s="32">
        <v>44596</v>
      </c>
      <c r="HU40" s="32">
        <v>164858</v>
      </c>
      <c r="HV40" s="32">
        <v>114483</v>
      </c>
      <c r="HW40" s="32">
        <v>188178</v>
      </c>
      <c r="HX40" s="35">
        <v>512115</v>
      </c>
      <c r="HY40" s="36">
        <v>512115</v>
      </c>
    </row>
    <row r="41" spans="2:233" x14ac:dyDescent="0.2">
      <c r="B41" s="7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F1" sqref="F1:H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6">
        <f>第１表!F2</f>
        <v>6</v>
      </c>
      <c r="G1" s="446"/>
      <c r="H1" s="18">
        <f>第１表!G2</f>
        <v>5</v>
      </c>
      <c r="I1" s="428">
        <f>H1</f>
        <v>5</v>
      </c>
      <c r="J1" s="428"/>
    </row>
    <row r="2" spans="2:299" ht="24" customHeight="1" thickBot="1" x14ac:dyDescent="0.25">
      <c r="B2" s="10" t="s">
        <v>129</v>
      </c>
    </row>
    <row r="3" spans="2:299" ht="21" customHeight="1" thickBot="1" x14ac:dyDescent="0.25">
      <c r="B3" s="429" t="s">
        <v>38</v>
      </c>
      <c r="C3" s="441" t="s">
        <v>96</v>
      </c>
      <c r="D3" s="441"/>
      <c r="E3" s="441"/>
      <c r="F3" s="441"/>
      <c r="G3" s="441"/>
      <c r="H3" s="441"/>
      <c r="I3" s="441"/>
      <c r="J3" s="441"/>
      <c r="K3" s="441"/>
      <c r="L3" s="441"/>
      <c r="M3" s="441"/>
      <c r="N3" s="441"/>
      <c r="O3" s="441"/>
      <c r="P3" s="441"/>
      <c r="Q3" s="441"/>
      <c r="R3" s="441"/>
      <c r="S3" s="441"/>
      <c r="T3" s="441"/>
      <c r="U3" s="441"/>
      <c r="V3" s="441"/>
      <c r="W3" s="441"/>
      <c r="X3" s="441"/>
      <c r="Y3" s="441"/>
      <c r="Z3" s="441"/>
      <c r="AA3" s="441"/>
      <c r="AB3" s="441"/>
      <c r="AC3" s="441"/>
      <c r="AD3" s="441"/>
      <c r="AE3" s="441"/>
      <c r="AF3" s="441"/>
      <c r="AG3" s="441"/>
      <c r="AH3" s="441"/>
      <c r="AI3" s="441"/>
      <c r="AJ3" s="441"/>
      <c r="AK3" s="441"/>
      <c r="AL3" s="441"/>
      <c r="AM3" s="441"/>
      <c r="AN3" s="441"/>
      <c r="AO3" s="441"/>
      <c r="AP3" s="441"/>
      <c r="AQ3" s="441"/>
      <c r="AR3" s="441"/>
      <c r="AS3" s="441"/>
      <c r="AT3" s="441"/>
      <c r="AU3" s="441"/>
      <c r="AV3" s="441"/>
      <c r="AW3" s="441"/>
      <c r="AX3" s="441"/>
      <c r="AY3" s="441"/>
      <c r="AZ3" s="441"/>
      <c r="BA3" s="441"/>
      <c r="BB3" s="441"/>
      <c r="BC3" s="441"/>
      <c r="BD3" s="441"/>
      <c r="BE3" s="441"/>
      <c r="BF3" s="441"/>
      <c r="BG3" s="441"/>
      <c r="BH3" s="441"/>
      <c r="BI3" s="441"/>
      <c r="BJ3" s="441"/>
      <c r="BK3" s="441"/>
      <c r="BL3" s="441"/>
      <c r="BM3" s="441"/>
      <c r="BN3" s="441"/>
      <c r="BO3" s="441"/>
      <c r="BP3" s="441"/>
      <c r="BQ3" s="441"/>
      <c r="BR3" s="441"/>
      <c r="BS3" s="441"/>
      <c r="BT3" s="441"/>
      <c r="BU3" s="441"/>
      <c r="BV3" s="441"/>
      <c r="BW3" s="441"/>
      <c r="BX3" s="441"/>
      <c r="BY3" s="441"/>
      <c r="BZ3" s="441"/>
      <c r="CA3" s="441"/>
      <c r="CB3" s="441"/>
      <c r="CC3" s="441"/>
      <c r="CD3" s="441"/>
      <c r="CE3" s="441"/>
      <c r="CF3" s="441"/>
      <c r="CG3" s="441"/>
      <c r="CH3" s="441"/>
      <c r="CI3" s="441"/>
      <c r="CJ3" s="441"/>
      <c r="CK3" s="441"/>
      <c r="CL3" s="441"/>
      <c r="CM3" s="441"/>
      <c r="CN3" s="441"/>
      <c r="CO3" s="441"/>
      <c r="CP3" s="441"/>
      <c r="CQ3" s="441"/>
      <c r="CR3" s="441"/>
      <c r="CS3" s="441"/>
      <c r="CT3" s="441"/>
      <c r="CU3" s="441"/>
      <c r="CV3" s="441"/>
      <c r="CW3" s="442"/>
      <c r="CX3" s="441" t="s">
        <v>102</v>
      </c>
      <c r="CY3" s="441"/>
      <c r="CZ3" s="441"/>
      <c r="DA3" s="441"/>
      <c r="DB3" s="441"/>
      <c r="DC3" s="441"/>
      <c r="DD3" s="441"/>
      <c r="DE3" s="441"/>
      <c r="DF3" s="441"/>
      <c r="DG3" s="441"/>
      <c r="DH3" s="441"/>
      <c r="DI3" s="441"/>
      <c r="DJ3" s="441"/>
      <c r="DK3" s="441"/>
      <c r="DL3" s="441"/>
      <c r="DM3" s="441"/>
      <c r="DN3" s="441"/>
      <c r="DO3" s="441"/>
      <c r="DP3" s="441"/>
      <c r="DQ3" s="441"/>
      <c r="DR3" s="441"/>
      <c r="DS3" s="441"/>
      <c r="DT3" s="441"/>
      <c r="DU3" s="441"/>
      <c r="DV3" s="441"/>
      <c r="DW3" s="441"/>
      <c r="DX3" s="441"/>
      <c r="DY3" s="441"/>
      <c r="DZ3" s="441"/>
      <c r="EA3" s="441"/>
      <c r="EB3" s="441"/>
      <c r="EC3" s="441"/>
      <c r="ED3" s="441"/>
      <c r="EE3" s="441"/>
      <c r="EF3" s="441"/>
      <c r="EG3" s="441"/>
      <c r="EH3" s="441"/>
      <c r="EI3" s="441"/>
      <c r="EJ3" s="441"/>
      <c r="EK3" s="441"/>
      <c r="EL3" s="441"/>
      <c r="EM3" s="441"/>
      <c r="EN3" s="441"/>
      <c r="EO3" s="441"/>
      <c r="EP3" s="441"/>
      <c r="EQ3" s="441"/>
      <c r="ER3" s="441"/>
      <c r="ES3" s="441"/>
      <c r="ET3" s="441"/>
      <c r="EU3" s="441"/>
      <c r="EV3" s="441"/>
      <c r="EW3" s="441"/>
      <c r="EX3" s="441"/>
      <c r="EY3" s="441"/>
      <c r="EZ3" s="441"/>
      <c r="FA3" s="441"/>
      <c r="FB3" s="441"/>
      <c r="FC3" s="441"/>
      <c r="FD3" s="441"/>
      <c r="FE3" s="441"/>
      <c r="FF3" s="441"/>
      <c r="FG3" s="441"/>
      <c r="FH3" s="441"/>
      <c r="FI3" s="441"/>
      <c r="FJ3" s="441"/>
      <c r="FK3" s="441"/>
      <c r="FL3" s="441"/>
      <c r="FM3" s="441"/>
      <c r="FN3" s="441"/>
      <c r="FO3" s="441"/>
      <c r="FP3" s="441"/>
      <c r="FQ3" s="441"/>
      <c r="FR3" s="441"/>
      <c r="FS3" s="441"/>
      <c r="FT3" s="441"/>
      <c r="FU3" s="441"/>
      <c r="FV3" s="441"/>
      <c r="FW3" s="441"/>
      <c r="FX3" s="441"/>
      <c r="FY3" s="441"/>
      <c r="FZ3" s="441"/>
      <c r="GA3" s="441"/>
      <c r="GB3" s="441"/>
      <c r="GC3" s="441"/>
      <c r="GD3" s="441"/>
      <c r="GE3" s="441"/>
      <c r="GF3" s="441"/>
      <c r="GG3" s="441"/>
      <c r="GH3" s="441"/>
      <c r="GI3" s="441"/>
      <c r="GJ3" s="441"/>
      <c r="GK3" s="441"/>
      <c r="GL3" s="441"/>
      <c r="GM3" s="441"/>
      <c r="GN3" s="441"/>
      <c r="GO3" s="441"/>
      <c r="GP3" s="441"/>
      <c r="GQ3" s="441"/>
      <c r="GR3" s="442"/>
      <c r="GS3" s="441" t="s">
        <v>103</v>
      </c>
      <c r="GT3" s="441"/>
      <c r="GU3" s="441"/>
      <c r="GV3" s="441"/>
      <c r="GW3" s="441"/>
      <c r="GX3" s="441"/>
      <c r="GY3" s="441"/>
      <c r="GZ3" s="441"/>
      <c r="HA3" s="441"/>
      <c r="HB3" s="441"/>
      <c r="HC3" s="441"/>
      <c r="HD3" s="441"/>
      <c r="HE3" s="441"/>
      <c r="HF3" s="441"/>
      <c r="HG3" s="441"/>
      <c r="HH3" s="441"/>
      <c r="HI3" s="441"/>
      <c r="HJ3" s="441"/>
      <c r="HK3" s="441"/>
      <c r="HL3" s="441"/>
      <c r="HM3" s="441"/>
      <c r="HN3" s="441"/>
      <c r="HO3" s="441"/>
      <c r="HP3" s="441"/>
      <c r="HQ3" s="441"/>
      <c r="HR3" s="441"/>
      <c r="HS3" s="441"/>
      <c r="HT3" s="441"/>
      <c r="HU3" s="441"/>
      <c r="HV3" s="441"/>
      <c r="HW3" s="441"/>
      <c r="HX3" s="441"/>
      <c r="HY3" s="441"/>
      <c r="HZ3" s="441"/>
      <c r="IA3" s="441"/>
      <c r="IB3" s="441"/>
      <c r="IC3" s="441"/>
      <c r="ID3" s="441"/>
      <c r="IE3" s="441"/>
      <c r="IF3" s="441"/>
      <c r="IG3" s="441"/>
      <c r="IH3" s="441"/>
      <c r="II3" s="441"/>
      <c r="IJ3" s="441"/>
      <c r="IK3" s="441"/>
      <c r="IL3" s="441"/>
      <c r="IM3" s="441"/>
      <c r="IN3" s="441"/>
      <c r="IO3" s="441"/>
      <c r="IP3" s="441"/>
      <c r="IQ3" s="441"/>
      <c r="IR3" s="441"/>
      <c r="IS3" s="441"/>
      <c r="IT3" s="441"/>
      <c r="IU3" s="441"/>
      <c r="IV3" s="441"/>
      <c r="IW3" s="441"/>
      <c r="IX3" s="441"/>
      <c r="IY3" s="441"/>
      <c r="IZ3" s="441"/>
      <c r="JA3" s="441"/>
      <c r="JB3" s="441"/>
      <c r="JC3" s="441"/>
      <c r="JD3" s="441"/>
      <c r="JE3" s="441"/>
      <c r="JF3" s="441"/>
      <c r="JG3" s="441"/>
      <c r="JH3" s="441"/>
      <c r="JI3" s="441"/>
      <c r="JJ3" s="441"/>
      <c r="JK3" s="441"/>
      <c r="JL3" s="441"/>
      <c r="JM3" s="441"/>
      <c r="JN3" s="441"/>
      <c r="JO3" s="441"/>
      <c r="JP3" s="441"/>
      <c r="JQ3" s="441"/>
      <c r="JR3" s="441"/>
      <c r="JS3" s="441"/>
      <c r="JT3" s="441"/>
      <c r="JU3" s="441"/>
      <c r="JV3" s="441"/>
      <c r="JW3" s="441"/>
      <c r="JX3" s="441"/>
      <c r="JY3" s="441"/>
      <c r="JZ3" s="441"/>
      <c r="KA3" s="441"/>
      <c r="KB3" s="441"/>
      <c r="KC3" s="441"/>
      <c r="KD3" s="441"/>
      <c r="KE3" s="441"/>
      <c r="KF3" s="441"/>
      <c r="KG3" s="441"/>
      <c r="KH3" s="441"/>
      <c r="KI3" s="441"/>
      <c r="KJ3" s="441"/>
      <c r="KK3" s="441"/>
      <c r="KL3" s="441"/>
      <c r="KM3" s="442"/>
    </row>
    <row r="4" spans="2:299" ht="21" customHeight="1" thickBot="1" x14ac:dyDescent="0.25">
      <c r="B4" s="447"/>
      <c r="C4" s="443" t="s">
        <v>39</v>
      </c>
      <c r="D4" s="444"/>
      <c r="E4" s="444"/>
      <c r="F4" s="444"/>
      <c r="G4" s="444"/>
      <c r="H4" s="444"/>
      <c r="I4" s="444"/>
      <c r="J4" s="444"/>
      <c r="K4" s="444"/>
      <c r="L4" s="444"/>
      <c r="M4" s="444"/>
      <c r="N4" s="444"/>
      <c r="O4" s="444"/>
      <c r="P4" s="444"/>
      <c r="Q4" s="444"/>
      <c r="R4" s="444"/>
      <c r="S4" s="444"/>
      <c r="T4" s="444"/>
      <c r="U4" s="444"/>
      <c r="V4" s="444"/>
      <c r="W4" s="444"/>
      <c r="X4" s="444"/>
      <c r="Y4" s="444"/>
      <c r="Z4" s="444"/>
      <c r="AA4" s="444"/>
      <c r="AB4" s="444"/>
      <c r="AC4" s="444"/>
      <c r="AD4" s="444"/>
      <c r="AE4" s="444"/>
      <c r="AF4" s="444"/>
      <c r="AG4" s="444"/>
      <c r="AH4" s="444"/>
      <c r="AI4" s="444"/>
      <c r="AJ4" s="444"/>
      <c r="AK4" s="444"/>
      <c r="AL4" s="444"/>
      <c r="AM4" s="444"/>
      <c r="AN4" s="444"/>
      <c r="AO4" s="444"/>
      <c r="AP4" s="444"/>
      <c r="AQ4" s="444"/>
      <c r="AR4" s="444"/>
      <c r="AS4" s="444"/>
      <c r="AT4" s="444"/>
      <c r="AU4" s="444"/>
      <c r="AV4" s="444"/>
      <c r="AW4" s="444"/>
      <c r="AX4" s="444"/>
      <c r="AY4" s="444"/>
      <c r="AZ4" s="444"/>
      <c r="BA4" s="444"/>
      <c r="BB4" s="444"/>
      <c r="BC4" s="444"/>
      <c r="BD4" s="444"/>
      <c r="BE4" s="444"/>
      <c r="BF4" s="444"/>
      <c r="BG4" s="444"/>
      <c r="BH4" s="444"/>
      <c r="BI4" s="444"/>
      <c r="BJ4" s="444"/>
      <c r="BK4" s="444"/>
      <c r="BL4" s="444"/>
      <c r="BM4" s="444"/>
      <c r="BN4" s="444"/>
      <c r="BO4" s="444"/>
      <c r="BP4" s="444"/>
      <c r="BQ4" s="444"/>
      <c r="BR4" s="444"/>
      <c r="BS4" s="444"/>
      <c r="BT4" s="444"/>
      <c r="BU4" s="444"/>
      <c r="BV4" s="444"/>
      <c r="BW4" s="444"/>
      <c r="BX4" s="444"/>
      <c r="BY4" s="444"/>
      <c r="BZ4" s="444"/>
      <c r="CA4" s="445"/>
      <c r="CB4" s="429" t="s">
        <v>40</v>
      </c>
      <c r="CC4" s="430"/>
      <c r="CD4" s="430"/>
      <c r="CE4" s="430"/>
      <c r="CF4" s="430"/>
      <c r="CG4" s="430"/>
      <c r="CH4" s="430"/>
      <c r="CI4" s="430"/>
      <c r="CJ4" s="430"/>
      <c r="CK4" s="430"/>
      <c r="CL4" s="431"/>
      <c r="CM4" s="429" t="s">
        <v>41</v>
      </c>
      <c r="CN4" s="430"/>
      <c r="CO4" s="430"/>
      <c r="CP4" s="430"/>
      <c r="CQ4" s="430"/>
      <c r="CR4" s="430"/>
      <c r="CS4" s="430"/>
      <c r="CT4" s="430"/>
      <c r="CU4" s="430"/>
      <c r="CV4" s="430"/>
      <c r="CW4" s="431"/>
      <c r="CX4" s="443" t="s">
        <v>39</v>
      </c>
      <c r="CY4" s="444"/>
      <c r="CZ4" s="444"/>
      <c r="DA4" s="444"/>
      <c r="DB4" s="444"/>
      <c r="DC4" s="444"/>
      <c r="DD4" s="444"/>
      <c r="DE4" s="444"/>
      <c r="DF4" s="444"/>
      <c r="DG4" s="444"/>
      <c r="DH4" s="444"/>
      <c r="DI4" s="444"/>
      <c r="DJ4" s="444"/>
      <c r="DK4" s="444"/>
      <c r="DL4" s="444"/>
      <c r="DM4" s="444"/>
      <c r="DN4" s="444"/>
      <c r="DO4" s="444"/>
      <c r="DP4" s="444"/>
      <c r="DQ4" s="444"/>
      <c r="DR4" s="444"/>
      <c r="DS4" s="444"/>
      <c r="DT4" s="444"/>
      <c r="DU4" s="444"/>
      <c r="DV4" s="444"/>
      <c r="DW4" s="444"/>
      <c r="DX4" s="444"/>
      <c r="DY4" s="444"/>
      <c r="DZ4" s="444"/>
      <c r="EA4" s="444"/>
      <c r="EB4" s="444"/>
      <c r="EC4" s="444"/>
      <c r="ED4" s="444"/>
      <c r="EE4" s="444"/>
      <c r="EF4" s="444"/>
      <c r="EG4" s="444"/>
      <c r="EH4" s="444"/>
      <c r="EI4" s="444"/>
      <c r="EJ4" s="444"/>
      <c r="EK4" s="444"/>
      <c r="EL4" s="444"/>
      <c r="EM4" s="444"/>
      <c r="EN4" s="444"/>
      <c r="EO4" s="444"/>
      <c r="EP4" s="444"/>
      <c r="EQ4" s="444"/>
      <c r="ER4" s="444"/>
      <c r="ES4" s="444"/>
      <c r="ET4" s="444"/>
      <c r="EU4" s="444"/>
      <c r="EV4" s="444"/>
      <c r="EW4" s="444"/>
      <c r="EX4" s="444"/>
      <c r="EY4" s="444"/>
      <c r="EZ4" s="444"/>
      <c r="FA4" s="444"/>
      <c r="FB4" s="444"/>
      <c r="FC4" s="444"/>
      <c r="FD4" s="444"/>
      <c r="FE4" s="444"/>
      <c r="FF4" s="444"/>
      <c r="FG4" s="444"/>
      <c r="FH4" s="444"/>
      <c r="FI4" s="444"/>
      <c r="FJ4" s="444"/>
      <c r="FK4" s="444"/>
      <c r="FL4" s="444"/>
      <c r="FM4" s="444"/>
      <c r="FN4" s="444"/>
      <c r="FO4" s="444"/>
      <c r="FP4" s="444"/>
      <c r="FQ4" s="444"/>
      <c r="FR4" s="444"/>
      <c r="FS4" s="444"/>
      <c r="FT4" s="444"/>
      <c r="FU4" s="444"/>
      <c r="FV4" s="445"/>
      <c r="FW4" s="429" t="s">
        <v>40</v>
      </c>
      <c r="FX4" s="430"/>
      <c r="FY4" s="430"/>
      <c r="FZ4" s="430"/>
      <c r="GA4" s="430"/>
      <c r="GB4" s="430"/>
      <c r="GC4" s="430"/>
      <c r="GD4" s="430"/>
      <c r="GE4" s="430"/>
      <c r="GF4" s="430"/>
      <c r="GG4" s="431"/>
      <c r="GH4" s="429" t="s">
        <v>41</v>
      </c>
      <c r="GI4" s="430"/>
      <c r="GJ4" s="430"/>
      <c r="GK4" s="430"/>
      <c r="GL4" s="430"/>
      <c r="GM4" s="430"/>
      <c r="GN4" s="430"/>
      <c r="GO4" s="430"/>
      <c r="GP4" s="430"/>
      <c r="GQ4" s="430"/>
      <c r="GR4" s="431"/>
      <c r="GS4" s="443" t="s">
        <v>39</v>
      </c>
      <c r="GT4" s="444"/>
      <c r="GU4" s="444"/>
      <c r="GV4" s="444"/>
      <c r="GW4" s="444"/>
      <c r="GX4" s="444"/>
      <c r="GY4" s="444"/>
      <c r="GZ4" s="444"/>
      <c r="HA4" s="444"/>
      <c r="HB4" s="444"/>
      <c r="HC4" s="444"/>
      <c r="HD4" s="444"/>
      <c r="HE4" s="444"/>
      <c r="HF4" s="444"/>
      <c r="HG4" s="444"/>
      <c r="HH4" s="444"/>
      <c r="HI4" s="444"/>
      <c r="HJ4" s="444"/>
      <c r="HK4" s="444"/>
      <c r="HL4" s="444"/>
      <c r="HM4" s="444"/>
      <c r="HN4" s="444"/>
      <c r="HO4" s="444"/>
      <c r="HP4" s="444"/>
      <c r="HQ4" s="444"/>
      <c r="HR4" s="444"/>
      <c r="HS4" s="444"/>
      <c r="HT4" s="444"/>
      <c r="HU4" s="444"/>
      <c r="HV4" s="444"/>
      <c r="HW4" s="444"/>
      <c r="HX4" s="444"/>
      <c r="HY4" s="444"/>
      <c r="HZ4" s="444"/>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5"/>
      <c r="JR4" s="429" t="s">
        <v>40</v>
      </c>
      <c r="JS4" s="430"/>
      <c r="JT4" s="430"/>
      <c r="JU4" s="430"/>
      <c r="JV4" s="430"/>
      <c r="JW4" s="430"/>
      <c r="JX4" s="430"/>
      <c r="JY4" s="430"/>
      <c r="JZ4" s="430"/>
      <c r="KA4" s="430"/>
      <c r="KB4" s="431"/>
      <c r="KC4" s="429" t="s">
        <v>41</v>
      </c>
      <c r="KD4" s="430"/>
      <c r="KE4" s="430"/>
      <c r="KF4" s="430"/>
      <c r="KG4" s="430"/>
      <c r="KH4" s="430"/>
      <c r="KI4" s="430"/>
      <c r="KJ4" s="430"/>
      <c r="KK4" s="430"/>
      <c r="KL4" s="430"/>
      <c r="KM4" s="431"/>
    </row>
    <row r="5" spans="2:299" ht="21" customHeight="1" thickBot="1" x14ac:dyDescent="0.25">
      <c r="B5" s="435"/>
      <c r="C5" s="435"/>
      <c r="D5" s="436"/>
      <c r="E5" s="436"/>
      <c r="F5" s="436"/>
      <c r="G5" s="436"/>
      <c r="H5" s="436"/>
      <c r="I5" s="436"/>
      <c r="J5" s="436"/>
      <c r="K5" s="436"/>
      <c r="L5" s="436"/>
      <c r="M5" s="437"/>
      <c r="N5" s="438" t="s">
        <v>97</v>
      </c>
      <c r="O5" s="439"/>
      <c r="P5" s="439"/>
      <c r="Q5" s="439"/>
      <c r="R5" s="439"/>
      <c r="S5" s="439"/>
      <c r="T5" s="439"/>
      <c r="U5" s="439"/>
      <c r="V5" s="439"/>
      <c r="W5" s="439"/>
      <c r="X5" s="440"/>
      <c r="Y5" s="438" t="s">
        <v>98</v>
      </c>
      <c r="Z5" s="439"/>
      <c r="AA5" s="439"/>
      <c r="AB5" s="439"/>
      <c r="AC5" s="439"/>
      <c r="AD5" s="439"/>
      <c r="AE5" s="439"/>
      <c r="AF5" s="439"/>
      <c r="AG5" s="439"/>
      <c r="AH5" s="439"/>
      <c r="AI5" s="440"/>
      <c r="AJ5" s="438" t="s">
        <v>99</v>
      </c>
      <c r="AK5" s="439"/>
      <c r="AL5" s="439"/>
      <c r="AM5" s="439"/>
      <c r="AN5" s="439"/>
      <c r="AO5" s="439"/>
      <c r="AP5" s="439"/>
      <c r="AQ5" s="439"/>
      <c r="AR5" s="439"/>
      <c r="AS5" s="439"/>
      <c r="AT5" s="440"/>
      <c r="AU5" s="438" t="s">
        <v>100</v>
      </c>
      <c r="AV5" s="439"/>
      <c r="AW5" s="439"/>
      <c r="AX5" s="439"/>
      <c r="AY5" s="439"/>
      <c r="AZ5" s="439"/>
      <c r="BA5" s="439"/>
      <c r="BB5" s="439"/>
      <c r="BC5" s="439"/>
      <c r="BD5" s="439"/>
      <c r="BE5" s="440"/>
      <c r="BF5" s="438" t="s">
        <v>163</v>
      </c>
      <c r="BG5" s="439"/>
      <c r="BH5" s="439"/>
      <c r="BI5" s="439"/>
      <c r="BJ5" s="439"/>
      <c r="BK5" s="439"/>
      <c r="BL5" s="439"/>
      <c r="BM5" s="439"/>
      <c r="BN5" s="439"/>
      <c r="BO5" s="439"/>
      <c r="BP5" s="440"/>
      <c r="BQ5" s="438" t="s">
        <v>101</v>
      </c>
      <c r="BR5" s="439"/>
      <c r="BS5" s="439"/>
      <c r="BT5" s="439"/>
      <c r="BU5" s="439"/>
      <c r="BV5" s="439"/>
      <c r="BW5" s="439"/>
      <c r="BX5" s="439"/>
      <c r="BY5" s="439"/>
      <c r="BZ5" s="439"/>
      <c r="CA5" s="440"/>
      <c r="CB5" s="432"/>
      <c r="CC5" s="433"/>
      <c r="CD5" s="433"/>
      <c r="CE5" s="433"/>
      <c r="CF5" s="433"/>
      <c r="CG5" s="433"/>
      <c r="CH5" s="433"/>
      <c r="CI5" s="433"/>
      <c r="CJ5" s="433"/>
      <c r="CK5" s="433"/>
      <c r="CL5" s="434"/>
      <c r="CM5" s="432"/>
      <c r="CN5" s="433"/>
      <c r="CO5" s="433"/>
      <c r="CP5" s="433"/>
      <c r="CQ5" s="433"/>
      <c r="CR5" s="433"/>
      <c r="CS5" s="433"/>
      <c r="CT5" s="433"/>
      <c r="CU5" s="433"/>
      <c r="CV5" s="433"/>
      <c r="CW5" s="434"/>
      <c r="CX5" s="435"/>
      <c r="CY5" s="436"/>
      <c r="CZ5" s="436"/>
      <c r="DA5" s="436"/>
      <c r="DB5" s="436"/>
      <c r="DC5" s="436"/>
      <c r="DD5" s="436"/>
      <c r="DE5" s="436"/>
      <c r="DF5" s="436"/>
      <c r="DG5" s="436"/>
      <c r="DH5" s="437"/>
      <c r="DI5" s="438" t="s">
        <v>97</v>
      </c>
      <c r="DJ5" s="439"/>
      <c r="DK5" s="439"/>
      <c r="DL5" s="439"/>
      <c r="DM5" s="439"/>
      <c r="DN5" s="439"/>
      <c r="DO5" s="439"/>
      <c r="DP5" s="439"/>
      <c r="DQ5" s="439"/>
      <c r="DR5" s="439"/>
      <c r="DS5" s="440"/>
      <c r="DT5" s="438" t="s">
        <v>98</v>
      </c>
      <c r="DU5" s="439"/>
      <c r="DV5" s="439"/>
      <c r="DW5" s="439"/>
      <c r="DX5" s="439"/>
      <c r="DY5" s="439"/>
      <c r="DZ5" s="439"/>
      <c r="EA5" s="439"/>
      <c r="EB5" s="439"/>
      <c r="EC5" s="439"/>
      <c r="ED5" s="440"/>
      <c r="EE5" s="438" t="s">
        <v>99</v>
      </c>
      <c r="EF5" s="439"/>
      <c r="EG5" s="439"/>
      <c r="EH5" s="439"/>
      <c r="EI5" s="439"/>
      <c r="EJ5" s="439"/>
      <c r="EK5" s="439"/>
      <c r="EL5" s="439"/>
      <c r="EM5" s="439"/>
      <c r="EN5" s="439"/>
      <c r="EO5" s="440"/>
      <c r="EP5" s="438" t="s">
        <v>100</v>
      </c>
      <c r="EQ5" s="439"/>
      <c r="ER5" s="439"/>
      <c r="ES5" s="439"/>
      <c r="ET5" s="439"/>
      <c r="EU5" s="439"/>
      <c r="EV5" s="439"/>
      <c r="EW5" s="439"/>
      <c r="EX5" s="439"/>
      <c r="EY5" s="439"/>
      <c r="EZ5" s="440"/>
      <c r="FA5" s="438" t="s">
        <v>163</v>
      </c>
      <c r="FB5" s="439"/>
      <c r="FC5" s="439"/>
      <c r="FD5" s="439"/>
      <c r="FE5" s="439"/>
      <c r="FF5" s="439"/>
      <c r="FG5" s="439"/>
      <c r="FH5" s="439"/>
      <c r="FI5" s="439"/>
      <c r="FJ5" s="439"/>
      <c r="FK5" s="440"/>
      <c r="FL5" s="438" t="s">
        <v>101</v>
      </c>
      <c r="FM5" s="439"/>
      <c r="FN5" s="439"/>
      <c r="FO5" s="439"/>
      <c r="FP5" s="439"/>
      <c r="FQ5" s="439"/>
      <c r="FR5" s="439"/>
      <c r="FS5" s="439"/>
      <c r="FT5" s="439"/>
      <c r="FU5" s="439"/>
      <c r="FV5" s="440"/>
      <c r="FW5" s="432"/>
      <c r="FX5" s="433"/>
      <c r="FY5" s="433"/>
      <c r="FZ5" s="433"/>
      <c r="GA5" s="433"/>
      <c r="GB5" s="433"/>
      <c r="GC5" s="433"/>
      <c r="GD5" s="433"/>
      <c r="GE5" s="433"/>
      <c r="GF5" s="433"/>
      <c r="GG5" s="434"/>
      <c r="GH5" s="432"/>
      <c r="GI5" s="433"/>
      <c r="GJ5" s="433"/>
      <c r="GK5" s="433"/>
      <c r="GL5" s="433"/>
      <c r="GM5" s="433"/>
      <c r="GN5" s="433"/>
      <c r="GO5" s="433"/>
      <c r="GP5" s="433"/>
      <c r="GQ5" s="433"/>
      <c r="GR5" s="434"/>
      <c r="GS5" s="435"/>
      <c r="GT5" s="436"/>
      <c r="GU5" s="436"/>
      <c r="GV5" s="436"/>
      <c r="GW5" s="436"/>
      <c r="GX5" s="436"/>
      <c r="GY5" s="436"/>
      <c r="GZ5" s="436"/>
      <c r="HA5" s="436"/>
      <c r="HB5" s="436"/>
      <c r="HC5" s="437"/>
      <c r="HD5" s="438" t="s">
        <v>97</v>
      </c>
      <c r="HE5" s="439"/>
      <c r="HF5" s="439"/>
      <c r="HG5" s="439"/>
      <c r="HH5" s="439"/>
      <c r="HI5" s="439"/>
      <c r="HJ5" s="439"/>
      <c r="HK5" s="439"/>
      <c r="HL5" s="439"/>
      <c r="HM5" s="439"/>
      <c r="HN5" s="440"/>
      <c r="HO5" s="438" t="s">
        <v>98</v>
      </c>
      <c r="HP5" s="439"/>
      <c r="HQ5" s="439"/>
      <c r="HR5" s="439"/>
      <c r="HS5" s="439"/>
      <c r="HT5" s="439"/>
      <c r="HU5" s="439"/>
      <c r="HV5" s="439"/>
      <c r="HW5" s="439"/>
      <c r="HX5" s="439"/>
      <c r="HY5" s="440"/>
      <c r="HZ5" s="438" t="s">
        <v>99</v>
      </c>
      <c r="IA5" s="439"/>
      <c r="IB5" s="439"/>
      <c r="IC5" s="439"/>
      <c r="ID5" s="439"/>
      <c r="IE5" s="439"/>
      <c r="IF5" s="439"/>
      <c r="IG5" s="439"/>
      <c r="IH5" s="439"/>
      <c r="II5" s="439"/>
      <c r="IJ5" s="440"/>
      <c r="IK5" s="438" t="s">
        <v>100</v>
      </c>
      <c r="IL5" s="439"/>
      <c r="IM5" s="439"/>
      <c r="IN5" s="439"/>
      <c r="IO5" s="439"/>
      <c r="IP5" s="439"/>
      <c r="IQ5" s="439"/>
      <c r="IR5" s="439"/>
      <c r="IS5" s="439"/>
      <c r="IT5" s="439"/>
      <c r="IU5" s="440"/>
      <c r="IV5" s="438" t="s">
        <v>163</v>
      </c>
      <c r="IW5" s="439"/>
      <c r="IX5" s="439"/>
      <c r="IY5" s="439"/>
      <c r="IZ5" s="439"/>
      <c r="JA5" s="439"/>
      <c r="JB5" s="439"/>
      <c r="JC5" s="439"/>
      <c r="JD5" s="439"/>
      <c r="JE5" s="439"/>
      <c r="JF5" s="440"/>
      <c r="JG5" s="438" t="s">
        <v>101</v>
      </c>
      <c r="JH5" s="439"/>
      <c r="JI5" s="439"/>
      <c r="JJ5" s="439"/>
      <c r="JK5" s="439"/>
      <c r="JL5" s="439"/>
      <c r="JM5" s="439"/>
      <c r="JN5" s="439"/>
      <c r="JO5" s="439"/>
      <c r="JP5" s="439"/>
      <c r="JQ5" s="440"/>
      <c r="JR5" s="432"/>
      <c r="JS5" s="433"/>
      <c r="JT5" s="433"/>
      <c r="JU5" s="433"/>
      <c r="JV5" s="433"/>
      <c r="JW5" s="433"/>
      <c r="JX5" s="433"/>
      <c r="JY5" s="433"/>
      <c r="JZ5" s="433"/>
      <c r="KA5" s="433"/>
      <c r="KB5" s="434"/>
      <c r="KC5" s="432"/>
      <c r="KD5" s="433"/>
      <c r="KE5" s="433"/>
      <c r="KF5" s="433"/>
      <c r="KG5" s="433"/>
      <c r="KH5" s="433"/>
      <c r="KI5" s="433"/>
      <c r="KJ5" s="433"/>
      <c r="KK5" s="433"/>
      <c r="KL5" s="433"/>
      <c r="KM5" s="434"/>
    </row>
    <row r="6" spans="2:299" ht="30" customHeight="1" thickBot="1" x14ac:dyDescent="0.25">
      <c r="B6" s="420" t="s">
        <v>42</v>
      </c>
      <c r="C6" s="421" t="s">
        <v>43</v>
      </c>
      <c r="D6" s="422" t="s">
        <v>44</v>
      </c>
      <c r="E6" s="75" t="s">
        <v>45</v>
      </c>
      <c r="F6" s="76" t="s">
        <v>46</v>
      </c>
      <c r="G6" s="422" t="s">
        <v>47</v>
      </c>
      <c r="H6" s="422" t="s">
        <v>48</v>
      </c>
      <c r="I6" s="422" t="s">
        <v>49</v>
      </c>
      <c r="J6" s="422" t="s">
        <v>50</v>
      </c>
      <c r="K6" s="422" t="s">
        <v>51</v>
      </c>
      <c r="L6" s="75" t="s">
        <v>45</v>
      </c>
      <c r="M6" s="418" t="s">
        <v>52</v>
      </c>
      <c r="N6" s="78" t="s">
        <v>43</v>
      </c>
      <c r="O6" s="79" t="s">
        <v>44</v>
      </c>
      <c r="P6" s="80" t="s">
        <v>45</v>
      </c>
      <c r="Q6" s="81" t="s">
        <v>46</v>
      </c>
      <c r="R6" s="79" t="s">
        <v>47</v>
      </c>
      <c r="S6" s="79" t="s">
        <v>48</v>
      </c>
      <c r="T6" s="79" t="s">
        <v>49</v>
      </c>
      <c r="U6" s="79" t="s">
        <v>50</v>
      </c>
      <c r="V6" s="79" t="s">
        <v>51</v>
      </c>
      <c r="W6" s="80" t="s">
        <v>45</v>
      </c>
      <c r="X6" s="423" t="s">
        <v>52</v>
      </c>
      <c r="Y6" s="78" t="s">
        <v>43</v>
      </c>
      <c r="Z6" s="79" t="s">
        <v>44</v>
      </c>
      <c r="AA6" s="80" t="s">
        <v>45</v>
      </c>
      <c r="AB6" s="81" t="s">
        <v>46</v>
      </c>
      <c r="AC6" s="79" t="s">
        <v>47</v>
      </c>
      <c r="AD6" s="79" t="s">
        <v>48</v>
      </c>
      <c r="AE6" s="79" t="s">
        <v>49</v>
      </c>
      <c r="AF6" s="79" t="s">
        <v>50</v>
      </c>
      <c r="AG6" s="79" t="s">
        <v>51</v>
      </c>
      <c r="AH6" s="80" t="s">
        <v>45</v>
      </c>
      <c r="AI6" s="417" t="s">
        <v>52</v>
      </c>
      <c r="AJ6" s="78" t="s">
        <v>43</v>
      </c>
      <c r="AK6" s="79" t="s">
        <v>44</v>
      </c>
      <c r="AL6" s="80" t="s">
        <v>45</v>
      </c>
      <c r="AM6" s="81" t="s">
        <v>46</v>
      </c>
      <c r="AN6" s="79" t="s">
        <v>47</v>
      </c>
      <c r="AO6" s="79" t="s">
        <v>48</v>
      </c>
      <c r="AP6" s="79" t="s">
        <v>49</v>
      </c>
      <c r="AQ6" s="79" t="s">
        <v>50</v>
      </c>
      <c r="AR6" s="79" t="s">
        <v>51</v>
      </c>
      <c r="AS6" s="80" t="s">
        <v>45</v>
      </c>
      <c r="AT6" s="417" t="s">
        <v>52</v>
      </c>
      <c r="AU6" s="78" t="s">
        <v>43</v>
      </c>
      <c r="AV6" s="79" t="s">
        <v>44</v>
      </c>
      <c r="AW6" s="80" t="s">
        <v>45</v>
      </c>
      <c r="AX6" s="81" t="s">
        <v>46</v>
      </c>
      <c r="AY6" s="79" t="s">
        <v>47</v>
      </c>
      <c r="AZ6" s="79" t="s">
        <v>48</v>
      </c>
      <c r="BA6" s="79" t="s">
        <v>49</v>
      </c>
      <c r="BB6" s="79" t="s">
        <v>50</v>
      </c>
      <c r="BC6" s="79" t="s">
        <v>51</v>
      </c>
      <c r="BD6" s="80" t="s">
        <v>45</v>
      </c>
      <c r="BE6" s="417" t="s">
        <v>52</v>
      </c>
      <c r="BF6" s="78" t="s">
        <v>43</v>
      </c>
      <c r="BG6" s="79" t="s">
        <v>44</v>
      </c>
      <c r="BH6" s="80" t="s">
        <v>45</v>
      </c>
      <c r="BI6" s="81" t="s">
        <v>46</v>
      </c>
      <c r="BJ6" s="79" t="s">
        <v>47</v>
      </c>
      <c r="BK6" s="79" t="s">
        <v>48</v>
      </c>
      <c r="BL6" s="79" t="s">
        <v>49</v>
      </c>
      <c r="BM6" s="79" t="s">
        <v>50</v>
      </c>
      <c r="BN6" s="79" t="s">
        <v>51</v>
      </c>
      <c r="BO6" s="80" t="s">
        <v>45</v>
      </c>
      <c r="BP6" s="417" t="s">
        <v>52</v>
      </c>
      <c r="BQ6" s="78" t="s">
        <v>43</v>
      </c>
      <c r="BR6" s="79" t="s">
        <v>44</v>
      </c>
      <c r="BS6" s="80" t="s">
        <v>45</v>
      </c>
      <c r="BT6" s="81" t="s">
        <v>46</v>
      </c>
      <c r="BU6" s="79" t="s">
        <v>47</v>
      </c>
      <c r="BV6" s="79" t="s">
        <v>48</v>
      </c>
      <c r="BW6" s="79" t="s">
        <v>49</v>
      </c>
      <c r="BX6" s="79" t="s">
        <v>50</v>
      </c>
      <c r="BY6" s="79" t="s">
        <v>51</v>
      </c>
      <c r="BZ6" s="80" t="s">
        <v>45</v>
      </c>
      <c r="CA6" s="417" t="s">
        <v>52</v>
      </c>
      <c r="CB6" s="78" t="s">
        <v>43</v>
      </c>
      <c r="CC6" s="79" t="s">
        <v>44</v>
      </c>
      <c r="CD6" s="80" t="s">
        <v>45</v>
      </c>
      <c r="CE6" s="81" t="s">
        <v>46</v>
      </c>
      <c r="CF6" s="79" t="s">
        <v>47</v>
      </c>
      <c r="CG6" s="79" t="s">
        <v>48</v>
      </c>
      <c r="CH6" s="79" t="s">
        <v>49</v>
      </c>
      <c r="CI6" s="79" t="s">
        <v>50</v>
      </c>
      <c r="CJ6" s="79" t="s">
        <v>51</v>
      </c>
      <c r="CK6" s="80" t="s">
        <v>45</v>
      </c>
      <c r="CL6" s="417" t="s">
        <v>52</v>
      </c>
      <c r="CM6" s="78" t="s">
        <v>43</v>
      </c>
      <c r="CN6" s="79" t="s">
        <v>44</v>
      </c>
      <c r="CO6" s="80" t="s">
        <v>45</v>
      </c>
      <c r="CP6" s="81" t="s">
        <v>46</v>
      </c>
      <c r="CQ6" s="79" t="s">
        <v>47</v>
      </c>
      <c r="CR6" s="79" t="s">
        <v>48</v>
      </c>
      <c r="CS6" s="79" t="s">
        <v>49</v>
      </c>
      <c r="CT6" s="79" t="s">
        <v>50</v>
      </c>
      <c r="CU6" s="79" t="s">
        <v>51</v>
      </c>
      <c r="CV6" s="80" t="s">
        <v>45</v>
      </c>
      <c r="CW6" s="417" t="s">
        <v>52</v>
      </c>
      <c r="CX6" s="421" t="s">
        <v>43</v>
      </c>
      <c r="CY6" s="422" t="s">
        <v>44</v>
      </c>
      <c r="CZ6" s="75" t="s">
        <v>45</v>
      </c>
      <c r="DA6" s="76" t="s">
        <v>46</v>
      </c>
      <c r="DB6" s="422" t="s">
        <v>47</v>
      </c>
      <c r="DC6" s="422" t="s">
        <v>48</v>
      </c>
      <c r="DD6" s="422" t="s">
        <v>49</v>
      </c>
      <c r="DE6" s="422" t="s">
        <v>50</v>
      </c>
      <c r="DF6" s="422" t="s">
        <v>51</v>
      </c>
      <c r="DG6" s="75" t="s">
        <v>45</v>
      </c>
      <c r="DH6" s="418" t="s">
        <v>52</v>
      </c>
      <c r="DI6" s="78" t="s">
        <v>43</v>
      </c>
      <c r="DJ6" s="79" t="s">
        <v>44</v>
      </c>
      <c r="DK6" s="80" t="s">
        <v>45</v>
      </c>
      <c r="DL6" s="81" t="s">
        <v>46</v>
      </c>
      <c r="DM6" s="79" t="s">
        <v>47</v>
      </c>
      <c r="DN6" s="79" t="s">
        <v>48</v>
      </c>
      <c r="DO6" s="79" t="s">
        <v>49</v>
      </c>
      <c r="DP6" s="79" t="s">
        <v>50</v>
      </c>
      <c r="DQ6" s="79" t="s">
        <v>51</v>
      </c>
      <c r="DR6" s="80" t="s">
        <v>45</v>
      </c>
      <c r="DS6" s="417" t="s">
        <v>52</v>
      </c>
      <c r="DT6" s="78" t="s">
        <v>43</v>
      </c>
      <c r="DU6" s="79" t="s">
        <v>44</v>
      </c>
      <c r="DV6" s="80" t="s">
        <v>45</v>
      </c>
      <c r="DW6" s="81" t="s">
        <v>46</v>
      </c>
      <c r="DX6" s="79" t="s">
        <v>47</v>
      </c>
      <c r="DY6" s="79" t="s">
        <v>48</v>
      </c>
      <c r="DZ6" s="79" t="s">
        <v>49</v>
      </c>
      <c r="EA6" s="79" t="s">
        <v>50</v>
      </c>
      <c r="EB6" s="79" t="s">
        <v>51</v>
      </c>
      <c r="EC6" s="80" t="s">
        <v>45</v>
      </c>
      <c r="ED6" s="417" t="s">
        <v>52</v>
      </c>
      <c r="EE6" s="78" t="s">
        <v>43</v>
      </c>
      <c r="EF6" s="79" t="s">
        <v>44</v>
      </c>
      <c r="EG6" s="80" t="s">
        <v>45</v>
      </c>
      <c r="EH6" s="81" t="s">
        <v>46</v>
      </c>
      <c r="EI6" s="79" t="s">
        <v>47</v>
      </c>
      <c r="EJ6" s="79" t="s">
        <v>48</v>
      </c>
      <c r="EK6" s="79" t="s">
        <v>49</v>
      </c>
      <c r="EL6" s="79" t="s">
        <v>50</v>
      </c>
      <c r="EM6" s="79" t="s">
        <v>51</v>
      </c>
      <c r="EN6" s="80" t="s">
        <v>45</v>
      </c>
      <c r="EO6" s="417" t="s">
        <v>52</v>
      </c>
      <c r="EP6" s="78" t="s">
        <v>43</v>
      </c>
      <c r="EQ6" s="79" t="s">
        <v>44</v>
      </c>
      <c r="ER6" s="80" t="s">
        <v>45</v>
      </c>
      <c r="ES6" s="81" t="s">
        <v>46</v>
      </c>
      <c r="ET6" s="79" t="s">
        <v>47</v>
      </c>
      <c r="EU6" s="79" t="s">
        <v>48</v>
      </c>
      <c r="EV6" s="79" t="s">
        <v>49</v>
      </c>
      <c r="EW6" s="79" t="s">
        <v>50</v>
      </c>
      <c r="EX6" s="79" t="s">
        <v>51</v>
      </c>
      <c r="EY6" s="80" t="s">
        <v>45</v>
      </c>
      <c r="EZ6" s="417" t="s">
        <v>52</v>
      </c>
      <c r="FA6" s="78" t="s">
        <v>43</v>
      </c>
      <c r="FB6" s="79" t="s">
        <v>44</v>
      </c>
      <c r="FC6" s="80" t="s">
        <v>45</v>
      </c>
      <c r="FD6" s="81" t="s">
        <v>46</v>
      </c>
      <c r="FE6" s="79" t="s">
        <v>47</v>
      </c>
      <c r="FF6" s="79" t="s">
        <v>48</v>
      </c>
      <c r="FG6" s="79" t="s">
        <v>49</v>
      </c>
      <c r="FH6" s="79" t="s">
        <v>50</v>
      </c>
      <c r="FI6" s="79" t="s">
        <v>51</v>
      </c>
      <c r="FJ6" s="80" t="s">
        <v>45</v>
      </c>
      <c r="FK6" s="417" t="s">
        <v>52</v>
      </c>
      <c r="FL6" s="78" t="s">
        <v>43</v>
      </c>
      <c r="FM6" s="79" t="s">
        <v>44</v>
      </c>
      <c r="FN6" s="80" t="s">
        <v>45</v>
      </c>
      <c r="FO6" s="81" t="s">
        <v>46</v>
      </c>
      <c r="FP6" s="79" t="s">
        <v>47</v>
      </c>
      <c r="FQ6" s="79" t="s">
        <v>48</v>
      </c>
      <c r="FR6" s="79" t="s">
        <v>49</v>
      </c>
      <c r="FS6" s="79" t="s">
        <v>50</v>
      </c>
      <c r="FT6" s="79" t="s">
        <v>51</v>
      </c>
      <c r="FU6" s="80" t="s">
        <v>45</v>
      </c>
      <c r="FV6" s="417" t="s">
        <v>52</v>
      </c>
      <c r="FW6" s="78" t="s">
        <v>43</v>
      </c>
      <c r="FX6" s="79" t="s">
        <v>44</v>
      </c>
      <c r="FY6" s="80" t="s">
        <v>45</v>
      </c>
      <c r="FZ6" s="81" t="s">
        <v>46</v>
      </c>
      <c r="GA6" s="79" t="s">
        <v>47</v>
      </c>
      <c r="GB6" s="79" t="s">
        <v>48</v>
      </c>
      <c r="GC6" s="79" t="s">
        <v>49</v>
      </c>
      <c r="GD6" s="79" t="s">
        <v>50</v>
      </c>
      <c r="GE6" s="79" t="s">
        <v>51</v>
      </c>
      <c r="GF6" s="80" t="s">
        <v>45</v>
      </c>
      <c r="GG6" s="417" t="s">
        <v>52</v>
      </c>
      <c r="GH6" s="78" t="s">
        <v>43</v>
      </c>
      <c r="GI6" s="79" t="s">
        <v>44</v>
      </c>
      <c r="GJ6" s="80" t="s">
        <v>45</v>
      </c>
      <c r="GK6" s="81" t="s">
        <v>46</v>
      </c>
      <c r="GL6" s="79" t="s">
        <v>47</v>
      </c>
      <c r="GM6" s="79" t="s">
        <v>48</v>
      </c>
      <c r="GN6" s="79" t="s">
        <v>49</v>
      </c>
      <c r="GO6" s="79" t="s">
        <v>50</v>
      </c>
      <c r="GP6" s="79" t="s">
        <v>51</v>
      </c>
      <c r="GQ6" s="80" t="s">
        <v>45</v>
      </c>
      <c r="GR6" s="417" t="s">
        <v>52</v>
      </c>
      <c r="GS6" s="421" t="s">
        <v>43</v>
      </c>
      <c r="GT6" s="422" t="s">
        <v>44</v>
      </c>
      <c r="GU6" s="75" t="s">
        <v>45</v>
      </c>
      <c r="GV6" s="76" t="s">
        <v>46</v>
      </c>
      <c r="GW6" s="422" t="s">
        <v>47</v>
      </c>
      <c r="GX6" s="422" t="s">
        <v>48</v>
      </c>
      <c r="GY6" s="422" t="s">
        <v>49</v>
      </c>
      <c r="GZ6" s="422" t="s">
        <v>50</v>
      </c>
      <c r="HA6" s="422" t="s">
        <v>51</v>
      </c>
      <c r="HB6" s="75" t="s">
        <v>45</v>
      </c>
      <c r="HC6" s="418" t="s">
        <v>52</v>
      </c>
      <c r="HD6" s="78" t="s">
        <v>43</v>
      </c>
      <c r="HE6" s="79" t="s">
        <v>44</v>
      </c>
      <c r="HF6" s="80" t="s">
        <v>45</v>
      </c>
      <c r="HG6" s="81" t="s">
        <v>46</v>
      </c>
      <c r="HH6" s="79" t="s">
        <v>47</v>
      </c>
      <c r="HI6" s="79" t="s">
        <v>48</v>
      </c>
      <c r="HJ6" s="79" t="s">
        <v>49</v>
      </c>
      <c r="HK6" s="79" t="s">
        <v>50</v>
      </c>
      <c r="HL6" s="79" t="s">
        <v>51</v>
      </c>
      <c r="HM6" s="80" t="s">
        <v>45</v>
      </c>
      <c r="HN6" s="417" t="s">
        <v>52</v>
      </c>
      <c r="HO6" s="78" t="s">
        <v>43</v>
      </c>
      <c r="HP6" s="79" t="s">
        <v>44</v>
      </c>
      <c r="HQ6" s="80" t="s">
        <v>45</v>
      </c>
      <c r="HR6" s="81" t="s">
        <v>46</v>
      </c>
      <c r="HS6" s="79" t="s">
        <v>47</v>
      </c>
      <c r="HT6" s="79" t="s">
        <v>48</v>
      </c>
      <c r="HU6" s="79" t="s">
        <v>49</v>
      </c>
      <c r="HV6" s="79" t="s">
        <v>50</v>
      </c>
      <c r="HW6" s="79" t="s">
        <v>51</v>
      </c>
      <c r="HX6" s="80" t="s">
        <v>45</v>
      </c>
      <c r="HY6" s="417" t="s">
        <v>52</v>
      </c>
      <c r="HZ6" s="78" t="s">
        <v>43</v>
      </c>
      <c r="IA6" s="79" t="s">
        <v>44</v>
      </c>
      <c r="IB6" s="80" t="s">
        <v>45</v>
      </c>
      <c r="IC6" s="81" t="s">
        <v>46</v>
      </c>
      <c r="ID6" s="79" t="s">
        <v>47</v>
      </c>
      <c r="IE6" s="79" t="s">
        <v>48</v>
      </c>
      <c r="IF6" s="79" t="s">
        <v>49</v>
      </c>
      <c r="IG6" s="79" t="s">
        <v>50</v>
      </c>
      <c r="IH6" s="79" t="s">
        <v>51</v>
      </c>
      <c r="II6" s="80" t="s">
        <v>45</v>
      </c>
      <c r="IJ6" s="417" t="s">
        <v>52</v>
      </c>
      <c r="IK6" s="78" t="s">
        <v>43</v>
      </c>
      <c r="IL6" s="79" t="s">
        <v>44</v>
      </c>
      <c r="IM6" s="80" t="s">
        <v>45</v>
      </c>
      <c r="IN6" s="81" t="s">
        <v>46</v>
      </c>
      <c r="IO6" s="79" t="s">
        <v>47</v>
      </c>
      <c r="IP6" s="79" t="s">
        <v>48</v>
      </c>
      <c r="IQ6" s="79" t="s">
        <v>49</v>
      </c>
      <c r="IR6" s="79" t="s">
        <v>50</v>
      </c>
      <c r="IS6" s="79" t="s">
        <v>51</v>
      </c>
      <c r="IT6" s="80" t="s">
        <v>45</v>
      </c>
      <c r="IU6" s="417" t="s">
        <v>52</v>
      </c>
      <c r="IV6" s="78" t="s">
        <v>43</v>
      </c>
      <c r="IW6" s="79" t="s">
        <v>44</v>
      </c>
      <c r="IX6" s="80" t="s">
        <v>45</v>
      </c>
      <c r="IY6" s="81" t="s">
        <v>46</v>
      </c>
      <c r="IZ6" s="79" t="s">
        <v>47</v>
      </c>
      <c r="JA6" s="79" t="s">
        <v>48</v>
      </c>
      <c r="JB6" s="79" t="s">
        <v>49</v>
      </c>
      <c r="JC6" s="79" t="s">
        <v>50</v>
      </c>
      <c r="JD6" s="79" t="s">
        <v>51</v>
      </c>
      <c r="JE6" s="80" t="s">
        <v>45</v>
      </c>
      <c r="JF6" s="417" t="s">
        <v>52</v>
      </c>
      <c r="JG6" s="78" t="s">
        <v>43</v>
      </c>
      <c r="JH6" s="79" t="s">
        <v>44</v>
      </c>
      <c r="JI6" s="80" t="s">
        <v>45</v>
      </c>
      <c r="JJ6" s="81" t="s">
        <v>46</v>
      </c>
      <c r="JK6" s="79" t="s">
        <v>47</v>
      </c>
      <c r="JL6" s="79" t="s">
        <v>48</v>
      </c>
      <c r="JM6" s="79" t="s">
        <v>49</v>
      </c>
      <c r="JN6" s="79" t="s">
        <v>50</v>
      </c>
      <c r="JO6" s="79" t="s">
        <v>51</v>
      </c>
      <c r="JP6" s="80" t="s">
        <v>45</v>
      </c>
      <c r="JQ6" s="417" t="s">
        <v>52</v>
      </c>
      <c r="JR6" s="78" t="s">
        <v>43</v>
      </c>
      <c r="JS6" s="79" t="s">
        <v>44</v>
      </c>
      <c r="JT6" s="80" t="s">
        <v>45</v>
      </c>
      <c r="JU6" s="81" t="s">
        <v>46</v>
      </c>
      <c r="JV6" s="79" t="s">
        <v>47</v>
      </c>
      <c r="JW6" s="79" t="s">
        <v>48</v>
      </c>
      <c r="JX6" s="79" t="s">
        <v>49</v>
      </c>
      <c r="JY6" s="79" t="s">
        <v>50</v>
      </c>
      <c r="JZ6" s="79" t="s">
        <v>51</v>
      </c>
      <c r="KA6" s="80" t="s">
        <v>45</v>
      </c>
      <c r="KB6" s="417" t="s">
        <v>52</v>
      </c>
      <c r="KC6" s="78" t="s">
        <v>43</v>
      </c>
      <c r="KD6" s="79" t="s">
        <v>44</v>
      </c>
      <c r="KE6" s="80" t="s">
        <v>45</v>
      </c>
      <c r="KF6" s="81" t="s">
        <v>46</v>
      </c>
      <c r="KG6" s="79" t="s">
        <v>47</v>
      </c>
      <c r="KH6" s="79" t="s">
        <v>48</v>
      </c>
      <c r="KI6" s="79" t="s">
        <v>49</v>
      </c>
      <c r="KJ6" s="79" t="s">
        <v>50</v>
      </c>
      <c r="KK6" s="79" t="s">
        <v>51</v>
      </c>
      <c r="KL6" s="80" t="s">
        <v>45</v>
      </c>
      <c r="KM6" s="417" t="s">
        <v>52</v>
      </c>
    </row>
    <row r="7" spans="2:299" s="70" customFormat="1" ht="21" customHeight="1" x14ac:dyDescent="0.2">
      <c r="B7" s="84" t="s">
        <v>4</v>
      </c>
      <c r="C7" s="85">
        <v>4231</v>
      </c>
      <c r="D7" s="86">
        <v>4057</v>
      </c>
      <c r="E7" s="87">
        <v>8288</v>
      </c>
      <c r="F7" s="411">
        <v>0</v>
      </c>
      <c r="G7" s="86">
        <v>5795</v>
      </c>
      <c r="H7" s="86">
        <v>5269</v>
      </c>
      <c r="I7" s="86">
        <v>3372</v>
      </c>
      <c r="J7" s="86">
        <v>2773</v>
      </c>
      <c r="K7" s="86">
        <v>1569</v>
      </c>
      <c r="L7" s="88">
        <v>18778</v>
      </c>
      <c r="M7" s="89">
        <v>27066</v>
      </c>
      <c r="N7" s="90">
        <v>65</v>
      </c>
      <c r="O7" s="91">
        <v>58</v>
      </c>
      <c r="P7" s="92">
        <v>123</v>
      </c>
      <c r="Q7" s="411">
        <v>0</v>
      </c>
      <c r="R7" s="91">
        <v>80</v>
      </c>
      <c r="S7" s="91">
        <v>84</v>
      </c>
      <c r="T7" s="91">
        <v>65</v>
      </c>
      <c r="U7" s="91">
        <v>44</v>
      </c>
      <c r="V7" s="91">
        <v>38</v>
      </c>
      <c r="W7" s="92">
        <v>311</v>
      </c>
      <c r="X7" s="93">
        <v>434</v>
      </c>
      <c r="Y7" s="90">
        <v>161</v>
      </c>
      <c r="Z7" s="91">
        <v>166</v>
      </c>
      <c r="AA7" s="92">
        <v>327</v>
      </c>
      <c r="AB7" s="411">
        <v>0</v>
      </c>
      <c r="AC7" s="91">
        <v>214</v>
      </c>
      <c r="AD7" s="91">
        <v>230</v>
      </c>
      <c r="AE7" s="91">
        <v>144</v>
      </c>
      <c r="AF7" s="91">
        <v>129</v>
      </c>
      <c r="AG7" s="91">
        <v>111</v>
      </c>
      <c r="AH7" s="92">
        <v>828</v>
      </c>
      <c r="AI7" s="93">
        <v>1155</v>
      </c>
      <c r="AJ7" s="90">
        <v>314</v>
      </c>
      <c r="AK7" s="91">
        <v>333</v>
      </c>
      <c r="AL7" s="92">
        <v>647</v>
      </c>
      <c r="AM7" s="411">
        <v>0</v>
      </c>
      <c r="AN7" s="91">
        <v>479</v>
      </c>
      <c r="AO7" s="91">
        <v>409</v>
      </c>
      <c r="AP7" s="91">
        <v>238</v>
      </c>
      <c r="AQ7" s="91">
        <v>223</v>
      </c>
      <c r="AR7" s="91">
        <v>145</v>
      </c>
      <c r="AS7" s="92">
        <v>1494</v>
      </c>
      <c r="AT7" s="93">
        <v>2141</v>
      </c>
      <c r="AU7" s="90">
        <v>864</v>
      </c>
      <c r="AV7" s="91">
        <v>782</v>
      </c>
      <c r="AW7" s="92">
        <v>1646</v>
      </c>
      <c r="AX7" s="411">
        <v>0</v>
      </c>
      <c r="AY7" s="91">
        <v>1085</v>
      </c>
      <c r="AZ7" s="91">
        <v>955</v>
      </c>
      <c r="BA7" s="91">
        <v>590</v>
      </c>
      <c r="BB7" s="91">
        <v>427</v>
      </c>
      <c r="BC7" s="91">
        <v>283</v>
      </c>
      <c r="BD7" s="92">
        <v>3340</v>
      </c>
      <c r="BE7" s="93">
        <v>4986</v>
      </c>
      <c r="BF7" s="90">
        <v>1491</v>
      </c>
      <c r="BG7" s="91">
        <v>1333</v>
      </c>
      <c r="BH7" s="92">
        <v>2824</v>
      </c>
      <c r="BI7" s="411">
        <v>0</v>
      </c>
      <c r="BJ7" s="91">
        <v>1852</v>
      </c>
      <c r="BK7" s="91">
        <v>1529</v>
      </c>
      <c r="BL7" s="91">
        <v>933</v>
      </c>
      <c r="BM7" s="91">
        <v>793</v>
      </c>
      <c r="BN7" s="91">
        <v>424</v>
      </c>
      <c r="BO7" s="92">
        <v>5531</v>
      </c>
      <c r="BP7" s="93">
        <v>8355</v>
      </c>
      <c r="BQ7" s="90">
        <v>1336</v>
      </c>
      <c r="BR7" s="91">
        <v>1385</v>
      </c>
      <c r="BS7" s="92">
        <v>2721</v>
      </c>
      <c r="BT7" s="411">
        <v>0</v>
      </c>
      <c r="BU7" s="91">
        <v>2085</v>
      </c>
      <c r="BV7" s="91">
        <v>2062</v>
      </c>
      <c r="BW7" s="91">
        <v>1402</v>
      </c>
      <c r="BX7" s="91">
        <v>1157</v>
      </c>
      <c r="BY7" s="91">
        <v>568</v>
      </c>
      <c r="BZ7" s="92">
        <v>7274</v>
      </c>
      <c r="CA7" s="93">
        <v>9995</v>
      </c>
      <c r="CB7" s="90">
        <v>0</v>
      </c>
      <c r="CC7" s="91">
        <v>0</v>
      </c>
      <c r="CD7" s="92">
        <v>0</v>
      </c>
      <c r="CE7" s="411">
        <v>0</v>
      </c>
      <c r="CF7" s="91">
        <v>0</v>
      </c>
      <c r="CG7" s="91">
        <v>0</v>
      </c>
      <c r="CH7" s="91">
        <v>0</v>
      </c>
      <c r="CI7" s="91">
        <v>0</v>
      </c>
      <c r="CJ7" s="91">
        <v>0</v>
      </c>
      <c r="CK7" s="92">
        <v>0</v>
      </c>
      <c r="CL7" s="93">
        <v>0</v>
      </c>
      <c r="CM7" s="90">
        <v>4231</v>
      </c>
      <c r="CN7" s="91">
        <v>4057</v>
      </c>
      <c r="CO7" s="92">
        <v>8288</v>
      </c>
      <c r="CP7" s="411">
        <v>0</v>
      </c>
      <c r="CQ7" s="91">
        <v>5795</v>
      </c>
      <c r="CR7" s="91">
        <v>5269</v>
      </c>
      <c r="CS7" s="91">
        <v>3372</v>
      </c>
      <c r="CT7" s="91">
        <v>2773</v>
      </c>
      <c r="CU7" s="91">
        <v>1569</v>
      </c>
      <c r="CV7" s="92">
        <v>18778</v>
      </c>
      <c r="CW7" s="93">
        <v>27066</v>
      </c>
      <c r="CX7" s="94">
        <v>600</v>
      </c>
      <c r="CY7" s="86">
        <v>730</v>
      </c>
      <c r="CZ7" s="87">
        <v>1330</v>
      </c>
      <c r="DA7" s="411">
        <v>0</v>
      </c>
      <c r="DB7" s="86">
        <v>855</v>
      </c>
      <c r="DC7" s="86">
        <v>757</v>
      </c>
      <c r="DD7" s="86">
        <v>525</v>
      </c>
      <c r="DE7" s="86">
        <v>541</v>
      </c>
      <c r="DF7" s="86">
        <v>344</v>
      </c>
      <c r="DG7" s="88">
        <v>3022</v>
      </c>
      <c r="DH7" s="89">
        <v>4352</v>
      </c>
      <c r="DI7" s="90">
        <v>13</v>
      </c>
      <c r="DJ7" s="91">
        <v>20</v>
      </c>
      <c r="DK7" s="92">
        <v>33</v>
      </c>
      <c r="DL7" s="411">
        <v>0</v>
      </c>
      <c r="DM7" s="91">
        <v>15</v>
      </c>
      <c r="DN7" s="91">
        <v>17</v>
      </c>
      <c r="DO7" s="91">
        <v>10</v>
      </c>
      <c r="DP7" s="91">
        <v>6</v>
      </c>
      <c r="DQ7" s="91">
        <v>5</v>
      </c>
      <c r="DR7" s="92">
        <v>53</v>
      </c>
      <c r="DS7" s="93">
        <v>86</v>
      </c>
      <c r="DT7" s="90">
        <v>41</v>
      </c>
      <c r="DU7" s="91">
        <v>52</v>
      </c>
      <c r="DV7" s="92">
        <v>93</v>
      </c>
      <c r="DW7" s="411">
        <v>0</v>
      </c>
      <c r="DX7" s="91">
        <v>32</v>
      </c>
      <c r="DY7" s="91">
        <v>30</v>
      </c>
      <c r="DZ7" s="91">
        <v>25</v>
      </c>
      <c r="EA7" s="91">
        <v>21</v>
      </c>
      <c r="EB7" s="91">
        <v>17</v>
      </c>
      <c r="EC7" s="92">
        <v>125</v>
      </c>
      <c r="ED7" s="93">
        <v>218</v>
      </c>
      <c r="EE7" s="90">
        <v>84</v>
      </c>
      <c r="EF7" s="91">
        <v>85</v>
      </c>
      <c r="EG7" s="92">
        <v>169</v>
      </c>
      <c r="EH7" s="411">
        <v>0</v>
      </c>
      <c r="EI7" s="91">
        <v>84</v>
      </c>
      <c r="EJ7" s="91">
        <v>55</v>
      </c>
      <c r="EK7" s="91">
        <v>27</v>
      </c>
      <c r="EL7" s="91">
        <v>26</v>
      </c>
      <c r="EM7" s="91">
        <v>28</v>
      </c>
      <c r="EN7" s="92">
        <v>220</v>
      </c>
      <c r="EO7" s="93">
        <v>389</v>
      </c>
      <c r="EP7" s="90">
        <v>169</v>
      </c>
      <c r="EQ7" s="91">
        <v>166</v>
      </c>
      <c r="ER7" s="92">
        <v>335</v>
      </c>
      <c r="ES7" s="411">
        <v>0</v>
      </c>
      <c r="ET7" s="91">
        <v>181</v>
      </c>
      <c r="EU7" s="91">
        <v>122</v>
      </c>
      <c r="EV7" s="91">
        <v>70</v>
      </c>
      <c r="EW7" s="91">
        <v>52</v>
      </c>
      <c r="EX7" s="91">
        <v>36</v>
      </c>
      <c r="EY7" s="92">
        <v>461</v>
      </c>
      <c r="EZ7" s="93">
        <v>796</v>
      </c>
      <c r="FA7" s="90">
        <v>175</v>
      </c>
      <c r="FB7" s="91">
        <v>215</v>
      </c>
      <c r="FC7" s="92">
        <v>390</v>
      </c>
      <c r="FD7" s="411">
        <v>0</v>
      </c>
      <c r="FE7" s="91">
        <v>251</v>
      </c>
      <c r="FF7" s="91">
        <v>226</v>
      </c>
      <c r="FG7" s="91">
        <v>118</v>
      </c>
      <c r="FH7" s="91">
        <v>130</v>
      </c>
      <c r="FI7" s="91">
        <v>82</v>
      </c>
      <c r="FJ7" s="92">
        <v>807</v>
      </c>
      <c r="FK7" s="93">
        <v>1197</v>
      </c>
      <c r="FL7" s="90">
        <v>118</v>
      </c>
      <c r="FM7" s="91">
        <v>192</v>
      </c>
      <c r="FN7" s="92">
        <v>310</v>
      </c>
      <c r="FO7" s="411">
        <v>0</v>
      </c>
      <c r="FP7" s="91">
        <v>292</v>
      </c>
      <c r="FQ7" s="91">
        <v>307</v>
      </c>
      <c r="FR7" s="91">
        <v>275</v>
      </c>
      <c r="FS7" s="91">
        <v>306</v>
      </c>
      <c r="FT7" s="91">
        <v>176</v>
      </c>
      <c r="FU7" s="92">
        <v>1356</v>
      </c>
      <c r="FV7" s="93">
        <v>1666</v>
      </c>
      <c r="FW7" s="90">
        <v>0</v>
      </c>
      <c r="FX7" s="91">
        <v>0</v>
      </c>
      <c r="FY7" s="92">
        <v>0</v>
      </c>
      <c r="FZ7" s="411">
        <v>0</v>
      </c>
      <c r="GA7" s="91">
        <v>0</v>
      </c>
      <c r="GB7" s="91">
        <v>0</v>
      </c>
      <c r="GC7" s="91">
        <v>0</v>
      </c>
      <c r="GD7" s="91">
        <v>0</v>
      </c>
      <c r="GE7" s="91">
        <v>0</v>
      </c>
      <c r="GF7" s="92">
        <v>0</v>
      </c>
      <c r="GG7" s="93">
        <v>0</v>
      </c>
      <c r="GH7" s="90">
        <v>600</v>
      </c>
      <c r="GI7" s="91">
        <v>730</v>
      </c>
      <c r="GJ7" s="92">
        <v>1330</v>
      </c>
      <c r="GK7" s="411">
        <v>0</v>
      </c>
      <c r="GL7" s="91">
        <v>855</v>
      </c>
      <c r="GM7" s="91">
        <v>757</v>
      </c>
      <c r="GN7" s="91">
        <v>525</v>
      </c>
      <c r="GO7" s="91">
        <v>541</v>
      </c>
      <c r="GP7" s="91">
        <v>344</v>
      </c>
      <c r="GQ7" s="92">
        <v>3022</v>
      </c>
      <c r="GR7" s="93">
        <v>4352</v>
      </c>
      <c r="GS7" s="94">
        <v>4831</v>
      </c>
      <c r="GT7" s="86">
        <v>4787</v>
      </c>
      <c r="GU7" s="87">
        <v>9618</v>
      </c>
      <c r="GV7" s="411">
        <v>0</v>
      </c>
      <c r="GW7" s="86">
        <v>6650</v>
      </c>
      <c r="GX7" s="86">
        <v>6026</v>
      </c>
      <c r="GY7" s="86">
        <v>3897</v>
      </c>
      <c r="GZ7" s="86">
        <v>3314</v>
      </c>
      <c r="HA7" s="86">
        <v>1913</v>
      </c>
      <c r="HB7" s="88">
        <v>21800</v>
      </c>
      <c r="HC7" s="89">
        <v>31418</v>
      </c>
      <c r="HD7" s="90">
        <v>78</v>
      </c>
      <c r="HE7" s="91">
        <v>78</v>
      </c>
      <c r="HF7" s="92">
        <v>156</v>
      </c>
      <c r="HG7" s="411">
        <v>0</v>
      </c>
      <c r="HH7" s="91">
        <v>95</v>
      </c>
      <c r="HI7" s="91">
        <v>101</v>
      </c>
      <c r="HJ7" s="91">
        <v>75</v>
      </c>
      <c r="HK7" s="91">
        <v>50</v>
      </c>
      <c r="HL7" s="91">
        <v>43</v>
      </c>
      <c r="HM7" s="92">
        <v>364</v>
      </c>
      <c r="HN7" s="93">
        <v>520</v>
      </c>
      <c r="HO7" s="90">
        <v>202</v>
      </c>
      <c r="HP7" s="91">
        <v>218</v>
      </c>
      <c r="HQ7" s="92">
        <v>420</v>
      </c>
      <c r="HR7" s="411">
        <v>0</v>
      </c>
      <c r="HS7" s="91">
        <v>246</v>
      </c>
      <c r="HT7" s="91">
        <v>260</v>
      </c>
      <c r="HU7" s="91">
        <v>169</v>
      </c>
      <c r="HV7" s="91">
        <v>150</v>
      </c>
      <c r="HW7" s="91">
        <v>128</v>
      </c>
      <c r="HX7" s="92">
        <v>953</v>
      </c>
      <c r="HY7" s="93">
        <v>1373</v>
      </c>
      <c r="HZ7" s="90">
        <v>398</v>
      </c>
      <c r="IA7" s="91">
        <v>418</v>
      </c>
      <c r="IB7" s="92">
        <v>816</v>
      </c>
      <c r="IC7" s="411">
        <v>0</v>
      </c>
      <c r="ID7" s="91">
        <v>563</v>
      </c>
      <c r="IE7" s="91">
        <v>464</v>
      </c>
      <c r="IF7" s="91">
        <v>265</v>
      </c>
      <c r="IG7" s="91">
        <v>249</v>
      </c>
      <c r="IH7" s="91">
        <v>173</v>
      </c>
      <c r="II7" s="92">
        <v>1714</v>
      </c>
      <c r="IJ7" s="93">
        <v>2530</v>
      </c>
      <c r="IK7" s="90">
        <v>1033</v>
      </c>
      <c r="IL7" s="91">
        <v>948</v>
      </c>
      <c r="IM7" s="92">
        <v>1981</v>
      </c>
      <c r="IN7" s="411">
        <v>0</v>
      </c>
      <c r="IO7" s="91">
        <v>1266</v>
      </c>
      <c r="IP7" s="91">
        <v>1077</v>
      </c>
      <c r="IQ7" s="91">
        <v>660</v>
      </c>
      <c r="IR7" s="91">
        <v>479</v>
      </c>
      <c r="IS7" s="91">
        <v>319</v>
      </c>
      <c r="IT7" s="92">
        <v>3801</v>
      </c>
      <c r="IU7" s="93">
        <v>5782</v>
      </c>
      <c r="IV7" s="90">
        <v>1666</v>
      </c>
      <c r="IW7" s="91">
        <v>1548</v>
      </c>
      <c r="IX7" s="92">
        <v>3214</v>
      </c>
      <c r="IY7" s="411">
        <v>0</v>
      </c>
      <c r="IZ7" s="91">
        <v>2103</v>
      </c>
      <c r="JA7" s="91">
        <v>1755</v>
      </c>
      <c r="JB7" s="91">
        <v>1051</v>
      </c>
      <c r="JC7" s="91">
        <v>923</v>
      </c>
      <c r="JD7" s="91">
        <v>506</v>
      </c>
      <c r="JE7" s="92">
        <v>6338</v>
      </c>
      <c r="JF7" s="93">
        <v>9552</v>
      </c>
      <c r="JG7" s="90">
        <v>1454</v>
      </c>
      <c r="JH7" s="91">
        <v>1577</v>
      </c>
      <c r="JI7" s="92">
        <v>3031</v>
      </c>
      <c r="JJ7" s="411">
        <v>0</v>
      </c>
      <c r="JK7" s="91">
        <v>2377</v>
      </c>
      <c r="JL7" s="91">
        <v>2369</v>
      </c>
      <c r="JM7" s="91">
        <v>1677</v>
      </c>
      <c r="JN7" s="91">
        <v>1463</v>
      </c>
      <c r="JO7" s="91">
        <v>744</v>
      </c>
      <c r="JP7" s="92">
        <v>8630</v>
      </c>
      <c r="JQ7" s="93">
        <v>11661</v>
      </c>
      <c r="JR7" s="90">
        <v>0</v>
      </c>
      <c r="JS7" s="91">
        <v>0</v>
      </c>
      <c r="JT7" s="92">
        <v>0</v>
      </c>
      <c r="JU7" s="411">
        <v>0</v>
      </c>
      <c r="JV7" s="91">
        <v>0</v>
      </c>
      <c r="JW7" s="91">
        <v>0</v>
      </c>
      <c r="JX7" s="91">
        <v>0</v>
      </c>
      <c r="JY7" s="91">
        <v>0</v>
      </c>
      <c r="JZ7" s="91">
        <v>0</v>
      </c>
      <c r="KA7" s="92">
        <v>0</v>
      </c>
      <c r="KB7" s="93">
        <v>0</v>
      </c>
      <c r="KC7" s="90">
        <v>4831</v>
      </c>
      <c r="KD7" s="91">
        <v>4787</v>
      </c>
      <c r="KE7" s="92">
        <v>9618</v>
      </c>
      <c r="KF7" s="411">
        <v>0</v>
      </c>
      <c r="KG7" s="91">
        <v>6650</v>
      </c>
      <c r="KH7" s="91">
        <v>6026</v>
      </c>
      <c r="KI7" s="91">
        <v>3897</v>
      </c>
      <c r="KJ7" s="91">
        <v>3314</v>
      </c>
      <c r="KK7" s="91">
        <v>1913</v>
      </c>
      <c r="KL7" s="92">
        <v>21800</v>
      </c>
      <c r="KM7" s="93">
        <v>31418</v>
      </c>
    </row>
    <row r="8" spans="2:299" s="70" customFormat="1" ht="21" customHeight="1" x14ac:dyDescent="0.2">
      <c r="B8" s="95" t="s">
        <v>5</v>
      </c>
      <c r="C8" s="96">
        <v>1774</v>
      </c>
      <c r="D8" s="97">
        <v>2051</v>
      </c>
      <c r="E8" s="98">
        <v>3825</v>
      </c>
      <c r="F8" s="412">
        <v>0</v>
      </c>
      <c r="G8" s="97">
        <v>2084</v>
      </c>
      <c r="H8" s="97">
        <v>2498</v>
      </c>
      <c r="I8" s="97">
        <v>1513</v>
      </c>
      <c r="J8" s="97">
        <v>1241</v>
      </c>
      <c r="K8" s="97">
        <v>656</v>
      </c>
      <c r="L8" s="99">
        <v>7992</v>
      </c>
      <c r="M8" s="100">
        <v>11817</v>
      </c>
      <c r="N8" s="101">
        <v>20</v>
      </c>
      <c r="O8" s="102">
        <v>28</v>
      </c>
      <c r="P8" s="103">
        <v>48</v>
      </c>
      <c r="Q8" s="412">
        <v>0</v>
      </c>
      <c r="R8" s="102">
        <v>23</v>
      </c>
      <c r="S8" s="102">
        <v>38</v>
      </c>
      <c r="T8" s="102">
        <v>32</v>
      </c>
      <c r="U8" s="102">
        <v>17</v>
      </c>
      <c r="V8" s="102">
        <v>17</v>
      </c>
      <c r="W8" s="103">
        <v>127</v>
      </c>
      <c r="X8" s="104">
        <v>175</v>
      </c>
      <c r="Y8" s="101">
        <v>56</v>
      </c>
      <c r="Z8" s="102">
        <v>82</v>
      </c>
      <c r="AA8" s="103">
        <v>138</v>
      </c>
      <c r="AB8" s="412">
        <v>0</v>
      </c>
      <c r="AC8" s="102">
        <v>63</v>
      </c>
      <c r="AD8" s="102">
        <v>115</v>
      </c>
      <c r="AE8" s="102">
        <v>66</v>
      </c>
      <c r="AF8" s="102">
        <v>57</v>
      </c>
      <c r="AG8" s="102">
        <v>38</v>
      </c>
      <c r="AH8" s="103">
        <v>339</v>
      </c>
      <c r="AI8" s="104">
        <v>477</v>
      </c>
      <c r="AJ8" s="101">
        <v>135</v>
      </c>
      <c r="AK8" s="102">
        <v>160</v>
      </c>
      <c r="AL8" s="103">
        <v>295</v>
      </c>
      <c r="AM8" s="412">
        <v>0</v>
      </c>
      <c r="AN8" s="102">
        <v>154</v>
      </c>
      <c r="AO8" s="102">
        <v>181</v>
      </c>
      <c r="AP8" s="102">
        <v>107</v>
      </c>
      <c r="AQ8" s="102">
        <v>88</v>
      </c>
      <c r="AR8" s="102">
        <v>67</v>
      </c>
      <c r="AS8" s="103">
        <v>597</v>
      </c>
      <c r="AT8" s="104">
        <v>892</v>
      </c>
      <c r="AU8" s="101">
        <v>337</v>
      </c>
      <c r="AV8" s="102">
        <v>391</v>
      </c>
      <c r="AW8" s="103">
        <v>728</v>
      </c>
      <c r="AX8" s="412">
        <v>0</v>
      </c>
      <c r="AY8" s="102">
        <v>370</v>
      </c>
      <c r="AZ8" s="102">
        <v>412</v>
      </c>
      <c r="BA8" s="102">
        <v>247</v>
      </c>
      <c r="BB8" s="102">
        <v>183</v>
      </c>
      <c r="BC8" s="102">
        <v>119</v>
      </c>
      <c r="BD8" s="103">
        <v>1331</v>
      </c>
      <c r="BE8" s="104">
        <v>2059</v>
      </c>
      <c r="BF8" s="101">
        <v>639</v>
      </c>
      <c r="BG8" s="102">
        <v>646</v>
      </c>
      <c r="BH8" s="103">
        <v>1285</v>
      </c>
      <c r="BI8" s="412">
        <v>0</v>
      </c>
      <c r="BJ8" s="102">
        <v>667</v>
      </c>
      <c r="BK8" s="102">
        <v>728</v>
      </c>
      <c r="BL8" s="102">
        <v>406</v>
      </c>
      <c r="BM8" s="102">
        <v>360</v>
      </c>
      <c r="BN8" s="102">
        <v>181</v>
      </c>
      <c r="BO8" s="103">
        <v>2342</v>
      </c>
      <c r="BP8" s="104">
        <v>3627</v>
      </c>
      <c r="BQ8" s="101">
        <v>587</v>
      </c>
      <c r="BR8" s="102">
        <v>744</v>
      </c>
      <c r="BS8" s="103">
        <v>1331</v>
      </c>
      <c r="BT8" s="412">
        <v>0</v>
      </c>
      <c r="BU8" s="102">
        <v>807</v>
      </c>
      <c r="BV8" s="102">
        <v>1024</v>
      </c>
      <c r="BW8" s="102">
        <v>655</v>
      </c>
      <c r="BX8" s="102">
        <v>536</v>
      </c>
      <c r="BY8" s="102">
        <v>234</v>
      </c>
      <c r="BZ8" s="103">
        <v>3256</v>
      </c>
      <c r="CA8" s="104">
        <v>4587</v>
      </c>
      <c r="CB8" s="101">
        <v>0</v>
      </c>
      <c r="CC8" s="102">
        <v>0</v>
      </c>
      <c r="CD8" s="103">
        <v>0</v>
      </c>
      <c r="CE8" s="412">
        <v>0</v>
      </c>
      <c r="CF8" s="102">
        <v>0</v>
      </c>
      <c r="CG8" s="102">
        <v>0</v>
      </c>
      <c r="CH8" s="102">
        <v>0</v>
      </c>
      <c r="CI8" s="102">
        <v>0</v>
      </c>
      <c r="CJ8" s="102">
        <v>0</v>
      </c>
      <c r="CK8" s="103">
        <v>0</v>
      </c>
      <c r="CL8" s="104">
        <v>0</v>
      </c>
      <c r="CM8" s="101">
        <v>1774</v>
      </c>
      <c r="CN8" s="102">
        <v>2051</v>
      </c>
      <c r="CO8" s="103">
        <v>3825</v>
      </c>
      <c r="CP8" s="412">
        <v>0</v>
      </c>
      <c r="CQ8" s="102">
        <v>2084</v>
      </c>
      <c r="CR8" s="102">
        <v>2498</v>
      </c>
      <c r="CS8" s="102">
        <v>1513</v>
      </c>
      <c r="CT8" s="102">
        <v>1241</v>
      </c>
      <c r="CU8" s="102">
        <v>656</v>
      </c>
      <c r="CV8" s="103">
        <v>7992</v>
      </c>
      <c r="CW8" s="104">
        <v>11817</v>
      </c>
      <c r="CX8" s="105">
        <v>252</v>
      </c>
      <c r="CY8" s="97">
        <v>349</v>
      </c>
      <c r="CZ8" s="98">
        <v>601</v>
      </c>
      <c r="DA8" s="412">
        <v>0</v>
      </c>
      <c r="DB8" s="97">
        <v>314</v>
      </c>
      <c r="DC8" s="97">
        <v>357</v>
      </c>
      <c r="DD8" s="97">
        <v>233</v>
      </c>
      <c r="DE8" s="97">
        <v>238</v>
      </c>
      <c r="DF8" s="97">
        <v>159</v>
      </c>
      <c r="DG8" s="99">
        <v>1301</v>
      </c>
      <c r="DH8" s="100">
        <v>1902</v>
      </c>
      <c r="DI8" s="101">
        <v>5</v>
      </c>
      <c r="DJ8" s="102">
        <v>11</v>
      </c>
      <c r="DK8" s="103">
        <v>16</v>
      </c>
      <c r="DL8" s="412">
        <v>0</v>
      </c>
      <c r="DM8" s="102">
        <v>4</v>
      </c>
      <c r="DN8" s="102">
        <v>7</v>
      </c>
      <c r="DO8" s="102">
        <v>3</v>
      </c>
      <c r="DP8" s="102">
        <v>3</v>
      </c>
      <c r="DQ8" s="102">
        <v>1</v>
      </c>
      <c r="DR8" s="103">
        <v>18</v>
      </c>
      <c r="DS8" s="104">
        <v>34</v>
      </c>
      <c r="DT8" s="101">
        <v>13</v>
      </c>
      <c r="DU8" s="102">
        <v>24</v>
      </c>
      <c r="DV8" s="103">
        <v>37</v>
      </c>
      <c r="DW8" s="412">
        <v>0</v>
      </c>
      <c r="DX8" s="102">
        <v>15</v>
      </c>
      <c r="DY8" s="102">
        <v>13</v>
      </c>
      <c r="DZ8" s="102">
        <v>14</v>
      </c>
      <c r="EA8" s="102">
        <v>8</v>
      </c>
      <c r="EB8" s="102">
        <v>10</v>
      </c>
      <c r="EC8" s="103">
        <v>60</v>
      </c>
      <c r="ED8" s="104">
        <v>97</v>
      </c>
      <c r="EE8" s="101">
        <v>26</v>
      </c>
      <c r="EF8" s="102">
        <v>45</v>
      </c>
      <c r="EG8" s="103">
        <v>71</v>
      </c>
      <c r="EH8" s="412">
        <v>0</v>
      </c>
      <c r="EI8" s="102">
        <v>32</v>
      </c>
      <c r="EJ8" s="102">
        <v>24</v>
      </c>
      <c r="EK8" s="102">
        <v>9</v>
      </c>
      <c r="EL8" s="102">
        <v>13</v>
      </c>
      <c r="EM8" s="102">
        <v>12</v>
      </c>
      <c r="EN8" s="103">
        <v>90</v>
      </c>
      <c r="EO8" s="104">
        <v>161</v>
      </c>
      <c r="EP8" s="101">
        <v>71</v>
      </c>
      <c r="EQ8" s="102">
        <v>87</v>
      </c>
      <c r="ER8" s="103">
        <v>158</v>
      </c>
      <c r="ES8" s="412">
        <v>0</v>
      </c>
      <c r="ET8" s="102">
        <v>73</v>
      </c>
      <c r="EU8" s="102">
        <v>51</v>
      </c>
      <c r="EV8" s="102">
        <v>31</v>
      </c>
      <c r="EW8" s="102">
        <v>29</v>
      </c>
      <c r="EX8" s="102">
        <v>16</v>
      </c>
      <c r="EY8" s="103">
        <v>200</v>
      </c>
      <c r="EZ8" s="104">
        <v>358</v>
      </c>
      <c r="FA8" s="101">
        <v>86</v>
      </c>
      <c r="FB8" s="102">
        <v>98</v>
      </c>
      <c r="FC8" s="103">
        <v>184</v>
      </c>
      <c r="FD8" s="412">
        <v>0</v>
      </c>
      <c r="FE8" s="102">
        <v>95</v>
      </c>
      <c r="FF8" s="102">
        <v>111</v>
      </c>
      <c r="FG8" s="102">
        <v>53</v>
      </c>
      <c r="FH8" s="102">
        <v>60</v>
      </c>
      <c r="FI8" s="102">
        <v>29</v>
      </c>
      <c r="FJ8" s="103">
        <v>348</v>
      </c>
      <c r="FK8" s="104">
        <v>532</v>
      </c>
      <c r="FL8" s="101">
        <v>51</v>
      </c>
      <c r="FM8" s="102">
        <v>84</v>
      </c>
      <c r="FN8" s="103">
        <v>135</v>
      </c>
      <c r="FO8" s="412">
        <v>0</v>
      </c>
      <c r="FP8" s="102">
        <v>95</v>
      </c>
      <c r="FQ8" s="102">
        <v>151</v>
      </c>
      <c r="FR8" s="102">
        <v>123</v>
      </c>
      <c r="FS8" s="102">
        <v>125</v>
      </c>
      <c r="FT8" s="102">
        <v>91</v>
      </c>
      <c r="FU8" s="103">
        <v>585</v>
      </c>
      <c r="FV8" s="104">
        <v>720</v>
      </c>
      <c r="FW8" s="101">
        <v>0</v>
      </c>
      <c r="FX8" s="102">
        <v>0</v>
      </c>
      <c r="FY8" s="103">
        <v>0</v>
      </c>
      <c r="FZ8" s="412">
        <v>0</v>
      </c>
      <c r="GA8" s="102">
        <v>0</v>
      </c>
      <c r="GB8" s="102">
        <v>0</v>
      </c>
      <c r="GC8" s="102">
        <v>0</v>
      </c>
      <c r="GD8" s="102">
        <v>0</v>
      </c>
      <c r="GE8" s="102">
        <v>0</v>
      </c>
      <c r="GF8" s="103">
        <v>0</v>
      </c>
      <c r="GG8" s="104">
        <v>0</v>
      </c>
      <c r="GH8" s="101">
        <v>252</v>
      </c>
      <c r="GI8" s="102">
        <v>349</v>
      </c>
      <c r="GJ8" s="103">
        <v>601</v>
      </c>
      <c r="GK8" s="412">
        <v>0</v>
      </c>
      <c r="GL8" s="102">
        <v>314</v>
      </c>
      <c r="GM8" s="102">
        <v>357</v>
      </c>
      <c r="GN8" s="102">
        <v>233</v>
      </c>
      <c r="GO8" s="102">
        <v>238</v>
      </c>
      <c r="GP8" s="102">
        <v>159</v>
      </c>
      <c r="GQ8" s="103">
        <v>1301</v>
      </c>
      <c r="GR8" s="104">
        <v>1902</v>
      </c>
      <c r="GS8" s="105">
        <v>2026</v>
      </c>
      <c r="GT8" s="97">
        <v>2400</v>
      </c>
      <c r="GU8" s="98">
        <v>4426</v>
      </c>
      <c r="GV8" s="412">
        <v>0</v>
      </c>
      <c r="GW8" s="97">
        <v>2398</v>
      </c>
      <c r="GX8" s="97">
        <v>2855</v>
      </c>
      <c r="GY8" s="97">
        <v>1746</v>
      </c>
      <c r="GZ8" s="97">
        <v>1479</v>
      </c>
      <c r="HA8" s="97">
        <v>815</v>
      </c>
      <c r="HB8" s="99">
        <v>9293</v>
      </c>
      <c r="HC8" s="100">
        <v>13719</v>
      </c>
      <c r="HD8" s="101">
        <v>25</v>
      </c>
      <c r="HE8" s="102">
        <v>39</v>
      </c>
      <c r="HF8" s="103">
        <v>64</v>
      </c>
      <c r="HG8" s="412">
        <v>0</v>
      </c>
      <c r="HH8" s="102">
        <v>27</v>
      </c>
      <c r="HI8" s="102">
        <v>45</v>
      </c>
      <c r="HJ8" s="102">
        <v>35</v>
      </c>
      <c r="HK8" s="102">
        <v>20</v>
      </c>
      <c r="HL8" s="102">
        <v>18</v>
      </c>
      <c r="HM8" s="103">
        <v>145</v>
      </c>
      <c r="HN8" s="104">
        <v>209</v>
      </c>
      <c r="HO8" s="101">
        <v>69</v>
      </c>
      <c r="HP8" s="102">
        <v>106</v>
      </c>
      <c r="HQ8" s="103">
        <v>175</v>
      </c>
      <c r="HR8" s="412">
        <v>0</v>
      </c>
      <c r="HS8" s="102">
        <v>78</v>
      </c>
      <c r="HT8" s="102">
        <v>128</v>
      </c>
      <c r="HU8" s="102">
        <v>80</v>
      </c>
      <c r="HV8" s="102">
        <v>65</v>
      </c>
      <c r="HW8" s="102">
        <v>48</v>
      </c>
      <c r="HX8" s="103">
        <v>399</v>
      </c>
      <c r="HY8" s="104">
        <v>574</v>
      </c>
      <c r="HZ8" s="101">
        <v>161</v>
      </c>
      <c r="IA8" s="102">
        <v>205</v>
      </c>
      <c r="IB8" s="103">
        <v>366</v>
      </c>
      <c r="IC8" s="412">
        <v>0</v>
      </c>
      <c r="ID8" s="102">
        <v>186</v>
      </c>
      <c r="IE8" s="102">
        <v>205</v>
      </c>
      <c r="IF8" s="102">
        <v>116</v>
      </c>
      <c r="IG8" s="102">
        <v>101</v>
      </c>
      <c r="IH8" s="102">
        <v>79</v>
      </c>
      <c r="II8" s="103">
        <v>687</v>
      </c>
      <c r="IJ8" s="104">
        <v>1053</v>
      </c>
      <c r="IK8" s="101">
        <v>408</v>
      </c>
      <c r="IL8" s="102">
        <v>478</v>
      </c>
      <c r="IM8" s="103">
        <v>886</v>
      </c>
      <c r="IN8" s="412">
        <v>0</v>
      </c>
      <c r="IO8" s="102">
        <v>443</v>
      </c>
      <c r="IP8" s="102">
        <v>463</v>
      </c>
      <c r="IQ8" s="102">
        <v>278</v>
      </c>
      <c r="IR8" s="102">
        <v>212</v>
      </c>
      <c r="IS8" s="102">
        <v>135</v>
      </c>
      <c r="IT8" s="103">
        <v>1531</v>
      </c>
      <c r="IU8" s="104">
        <v>2417</v>
      </c>
      <c r="IV8" s="101">
        <v>725</v>
      </c>
      <c r="IW8" s="102">
        <v>744</v>
      </c>
      <c r="IX8" s="103">
        <v>1469</v>
      </c>
      <c r="IY8" s="412">
        <v>0</v>
      </c>
      <c r="IZ8" s="102">
        <v>762</v>
      </c>
      <c r="JA8" s="102">
        <v>839</v>
      </c>
      <c r="JB8" s="102">
        <v>459</v>
      </c>
      <c r="JC8" s="102">
        <v>420</v>
      </c>
      <c r="JD8" s="102">
        <v>210</v>
      </c>
      <c r="JE8" s="103">
        <v>2690</v>
      </c>
      <c r="JF8" s="104">
        <v>4159</v>
      </c>
      <c r="JG8" s="101">
        <v>638</v>
      </c>
      <c r="JH8" s="102">
        <v>828</v>
      </c>
      <c r="JI8" s="103">
        <v>1466</v>
      </c>
      <c r="JJ8" s="412">
        <v>0</v>
      </c>
      <c r="JK8" s="102">
        <v>902</v>
      </c>
      <c r="JL8" s="102">
        <v>1175</v>
      </c>
      <c r="JM8" s="102">
        <v>778</v>
      </c>
      <c r="JN8" s="102">
        <v>661</v>
      </c>
      <c r="JO8" s="102">
        <v>325</v>
      </c>
      <c r="JP8" s="103">
        <v>3841</v>
      </c>
      <c r="JQ8" s="104">
        <v>5307</v>
      </c>
      <c r="JR8" s="101">
        <v>0</v>
      </c>
      <c r="JS8" s="102">
        <v>0</v>
      </c>
      <c r="JT8" s="103">
        <v>0</v>
      </c>
      <c r="JU8" s="412">
        <v>0</v>
      </c>
      <c r="JV8" s="102">
        <v>0</v>
      </c>
      <c r="JW8" s="102">
        <v>0</v>
      </c>
      <c r="JX8" s="102">
        <v>0</v>
      </c>
      <c r="JY8" s="102">
        <v>0</v>
      </c>
      <c r="JZ8" s="102">
        <v>0</v>
      </c>
      <c r="KA8" s="103">
        <v>0</v>
      </c>
      <c r="KB8" s="104">
        <v>0</v>
      </c>
      <c r="KC8" s="101">
        <v>2026</v>
      </c>
      <c r="KD8" s="102">
        <v>2400</v>
      </c>
      <c r="KE8" s="103">
        <v>4426</v>
      </c>
      <c r="KF8" s="412">
        <v>0</v>
      </c>
      <c r="KG8" s="102">
        <v>2398</v>
      </c>
      <c r="KH8" s="102">
        <v>2855</v>
      </c>
      <c r="KI8" s="102">
        <v>1746</v>
      </c>
      <c r="KJ8" s="102">
        <v>1479</v>
      </c>
      <c r="KK8" s="102">
        <v>815</v>
      </c>
      <c r="KL8" s="103">
        <v>9293</v>
      </c>
      <c r="KM8" s="104">
        <v>13719</v>
      </c>
    </row>
    <row r="9" spans="2:299" s="70" customFormat="1" ht="21" customHeight="1" x14ac:dyDescent="0.2">
      <c r="B9" s="106" t="s">
        <v>6</v>
      </c>
      <c r="C9" s="96">
        <v>487</v>
      </c>
      <c r="D9" s="97">
        <v>373</v>
      </c>
      <c r="E9" s="98">
        <v>860</v>
      </c>
      <c r="F9" s="412">
        <v>0</v>
      </c>
      <c r="G9" s="97">
        <v>792</v>
      </c>
      <c r="H9" s="97">
        <v>640</v>
      </c>
      <c r="I9" s="97">
        <v>363</v>
      </c>
      <c r="J9" s="97">
        <v>339</v>
      </c>
      <c r="K9" s="97">
        <v>191</v>
      </c>
      <c r="L9" s="99">
        <v>2325</v>
      </c>
      <c r="M9" s="100">
        <v>3185</v>
      </c>
      <c r="N9" s="101">
        <v>15</v>
      </c>
      <c r="O9" s="102">
        <v>8</v>
      </c>
      <c r="P9" s="103">
        <v>23</v>
      </c>
      <c r="Q9" s="412">
        <v>0</v>
      </c>
      <c r="R9" s="102">
        <v>10</v>
      </c>
      <c r="S9" s="102">
        <v>14</v>
      </c>
      <c r="T9" s="102">
        <v>8</v>
      </c>
      <c r="U9" s="102">
        <v>4</v>
      </c>
      <c r="V9" s="102">
        <v>3</v>
      </c>
      <c r="W9" s="103">
        <v>39</v>
      </c>
      <c r="X9" s="104">
        <v>62</v>
      </c>
      <c r="Y9" s="101">
        <v>33</v>
      </c>
      <c r="Z9" s="102">
        <v>21</v>
      </c>
      <c r="AA9" s="103">
        <v>54</v>
      </c>
      <c r="AB9" s="412">
        <v>0</v>
      </c>
      <c r="AC9" s="102">
        <v>34</v>
      </c>
      <c r="AD9" s="102">
        <v>15</v>
      </c>
      <c r="AE9" s="102">
        <v>13</v>
      </c>
      <c r="AF9" s="102">
        <v>21</v>
      </c>
      <c r="AG9" s="102">
        <v>18</v>
      </c>
      <c r="AH9" s="103">
        <v>101</v>
      </c>
      <c r="AI9" s="104">
        <v>155</v>
      </c>
      <c r="AJ9" s="101">
        <v>35</v>
      </c>
      <c r="AK9" s="102">
        <v>33</v>
      </c>
      <c r="AL9" s="103">
        <v>68</v>
      </c>
      <c r="AM9" s="412">
        <v>0</v>
      </c>
      <c r="AN9" s="102">
        <v>74</v>
      </c>
      <c r="AO9" s="102">
        <v>60</v>
      </c>
      <c r="AP9" s="102">
        <v>24</v>
      </c>
      <c r="AQ9" s="102">
        <v>28</v>
      </c>
      <c r="AR9" s="102">
        <v>15</v>
      </c>
      <c r="AS9" s="103">
        <v>201</v>
      </c>
      <c r="AT9" s="104">
        <v>269</v>
      </c>
      <c r="AU9" s="101">
        <v>91</v>
      </c>
      <c r="AV9" s="102">
        <v>66</v>
      </c>
      <c r="AW9" s="103">
        <v>157</v>
      </c>
      <c r="AX9" s="412">
        <v>0</v>
      </c>
      <c r="AY9" s="102">
        <v>140</v>
      </c>
      <c r="AZ9" s="102">
        <v>118</v>
      </c>
      <c r="BA9" s="102">
        <v>67</v>
      </c>
      <c r="BB9" s="102">
        <v>42</v>
      </c>
      <c r="BC9" s="102">
        <v>30</v>
      </c>
      <c r="BD9" s="103">
        <v>397</v>
      </c>
      <c r="BE9" s="104">
        <v>554</v>
      </c>
      <c r="BF9" s="101">
        <v>159</v>
      </c>
      <c r="BG9" s="102">
        <v>120</v>
      </c>
      <c r="BH9" s="103">
        <v>279</v>
      </c>
      <c r="BI9" s="412">
        <v>0</v>
      </c>
      <c r="BJ9" s="102">
        <v>233</v>
      </c>
      <c r="BK9" s="102">
        <v>198</v>
      </c>
      <c r="BL9" s="102">
        <v>94</v>
      </c>
      <c r="BM9" s="102">
        <v>93</v>
      </c>
      <c r="BN9" s="102">
        <v>59</v>
      </c>
      <c r="BO9" s="103">
        <v>677</v>
      </c>
      <c r="BP9" s="104">
        <v>956</v>
      </c>
      <c r="BQ9" s="101">
        <v>154</v>
      </c>
      <c r="BR9" s="102">
        <v>125</v>
      </c>
      <c r="BS9" s="103">
        <v>279</v>
      </c>
      <c r="BT9" s="412">
        <v>0</v>
      </c>
      <c r="BU9" s="102">
        <v>301</v>
      </c>
      <c r="BV9" s="102">
        <v>235</v>
      </c>
      <c r="BW9" s="102">
        <v>157</v>
      </c>
      <c r="BX9" s="102">
        <v>151</v>
      </c>
      <c r="BY9" s="102">
        <v>66</v>
      </c>
      <c r="BZ9" s="103">
        <v>910</v>
      </c>
      <c r="CA9" s="104">
        <v>1189</v>
      </c>
      <c r="CB9" s="101">
        <v>0</v>
      </c>
      <c r="CC9" s="102">
        <v>0</v>
      </c>
      <c r="CD9" s="103">
        <v>0</v>
      </c>
      <c r="CE9" s="412">
        <v>0</v>
      </c>
      <c r="CF9" s="102">
        <v>0</v>
      </c>
      <c r="CG9" s="102">
        <v>0</v>
      </c>
      <c r="CH9" s="102">
        <v>0</v>
      </c>
      <c r="CI9" s="102">
        <v>0</v>
      </c>
      <c r="CJ9" s="102">
        <v>0</v>
      </c>
      <c r="CK9" s="103">
        <v>0</v>
      </c>
      <c r="CL9" s="104">
        <v>0</v>
      </c>
      <c r="CM9" s="101">
        <v>487</v>
      </c>
      <c r="CN9" s="102">
        <v>373</v>
      </c>
      <c r="CO9" s="103">
        <v>860</v>
      </c>
      <c r="CP9" s="412">
        <v>0</v>
      </c>
      <c r="CQ9" s="102">
        <v>792</v>
      </c>
      <c r="CR9" s="102">
        <v>640</v>
      </c>
      <c r="CS9" s="102">
        <v>363</v>
      </c>
      <c r="CT9" s="102">
        <v>339</v>
      </c>
      <c r="CU9" s="102">
        <v>191</v>
      </c>
      <c r="CV9" s="103">
        <v>2325</v>
      </c>
      <c r="CW9" s="104">
        <v>3185</v>
      </c>
      <c r="CX9" s="105">
        <v>86</v>
      </c>
      <c r="CY9" s="97">
        <v>104</v>
      </c>
      <c r="CZ9" s="98">
        <v>190</v>
      </c>
      <c r="DA9" s="412">
        <v>0</v>
      </c>
      <c r="DB9" s="97">
        <v>140</v>
      </c>
      <c r="DC9" s="97">
        <v>102</v>
      </c>
      <c r="DD9" s="97">
        <v>77</v>
      </c>
      <c r="DE9" s="97">
        <v>81</v>
      </c>
      <c r="DF9" s="97">
        <v>55</v>
      </c>
      <c r="DG9" s="99">
        <v>455</v>
      </c>
      <c r="DH9" s="100">
        <v>645</v>
      </c>
      <c r="DI9" s="101">
        <v>2</v>
      </c>
      <c r="DJ9" s="102">
        <v>1</v>
      </c>
      <c r="DK9" s="103">
        <v>3</v>
      </c>
      <c r="DL9" s="412">
        <v>0</v>
      </c>
      <c r="DM9" s="102">
        <v>2</v>
      </c>
      <c r="DN9" s="102">
        <v>1</v>
      </c>
      <c r="DO9" s="102">
        <v>3</v>
      </c>
      <c r="DP9" s="102">
        <v>2</v>
      </c>
      <c r="DQ9" s="102">
        <v>0</v>
      </c>
      <c r="DR9" s="103">
        <v>8</v>
      </c>
      <c r="DS9" s="104">
        <v>11</v>
      </c>
      <c r="DT9" s="101">
        <v>5</v>
      </c>
      <c r="DU9" s="102">
        <v>7</v>
      </c>
      <c r="DV9" s="103">
        <v>12</v>
      </c>
      <c r="DW9" s="412">
        <v>0</v>
      </c>
      <c r="DX9" s="102">
        <v>7</v>
      </c>
      <c r="DY9" s="102">
        <v>2</v>
      </c>
      <c r="DZ9" s="102">
        <v>3</v>
      </c>
      <c r="EA9" s="102">
        <v>3</v>
      </c>
      <c r="EB9" s="102">
        <v>1</v>
      </c>
      <c r="EC9" s="103">
        <v>16</v>
      </c>
      <c r="ED9" s="104">
        <v>28</v>
      </c>
      <c r="EE9" s="101">
        <v>15</v>
      </c>
      <c r="EF9" s="102">
        <v>7</v>
      </c>
      <c r="EG9" s="103">
        <v>22</v>
      </c>
      <c r="EH9" s="412">
        <v>0</v>
      </c>
      <c r="EI9" s="102">
        <v>15</v>
      </c>
      <c r="EJ9" s="102">
        <v>7</v>
      </c>
      <c r="EK9" s="102">
        <v>6</v>
      </c>
      <c r="EL9" s="102">
        <v>2</v>
      </c>
      <c r="EM9" s="102">
        <v>4</v>
      </c>
      <c r="EN9" s="103">
        <v>34</v>
      </c>
      <c r="EO9" s="104">
        <v>56</v>
      </c>
      <c r="EP9" s="101">
        <v>30</v>
      </c>
      <c r="EQ9" s="102">
        <v>22</v>
      </c>
      <c r="ER9" s="103">
        <v>52</v>
      </c>
      <c r="ES9" s="412">
        <v>0</v>
      </c>
      <c r="ET9" s="102">
        <v>28</v>
      </c>
      <c r="EU9" s="102">
        <v>16</v>
      </c>
      <c r="EV9" s="102">
        <v>7</v>
      </c>
      <c r="EW9" s="102">
        <v>9</v>
      </c>
      <c r="EX9" s="102">
        <v>9</v>
      </c>
      <c r="EY9" s="103">
        <v>69</v>
      </c>
      <c r="EZ9" s="104">
        <v>121</v>
      </c>
      <c r="FA9" s="101">
        <v>22</v>
      </c>
      <c r="FB9" s="102">
        <v>33</v>
      </c>
      <c r="FC9" s="103">
        <v>55</v>
      </c>
      <c r="FD9" s="412">
        <v>0</v>
      </c>
      <c r="FE9" s="102">
        <v>39</v>
      </c>
      <c r="FF9" s="102">
        <v>33</v>
      </c>
      <c r="FG9" s="102">
        <v>19</v>
      </c>
      <c r="FH9" s="102">
        <v>19</v>
      </c>
      <c r="FI9" s="102">
        <v>14</v>
      </c>
      <c r="FJ9" s="103">
        <v>124</v>
      </c>
      <c r="FK9" s="104">
        <v>179</v>
      </c>
      <c r="FL9" s="101">
        <v>12</v>
      </c>
      <c r="FM9" s="102">
        <v>34</v>
      </c>
      <c r="FN9" s="103">
        <v>46</v>
      </c>
      <c r="FO9" s="412">
        <v>0</v>
      </c>
      <c r="FP9" s="102">
        <v>49</v>
      </c>
      <c r="FQ9" s="102">
        <v>43</v>
      </c>
      <c r="FR9" s="102">
        <v>39</v>
      </c>
      <c r="FS9" s="102">
        <v>46</v>
      </c>
      <c r="FT9" s="102">
        <v>27</v>
      </c>
      <c r="FU9" s="103">
        <v>204</v>
      </c>
      <c r="FV9" s="104">
        <v>250</v>
      </c>
      <c r="FW9" s="101">
        <v>0</v>
      </c>
      <c r="FX9" s="102">
        <v>0</v>
      </c>
      <c r="FY9" s="103">
        <v>0</v>
      </c>
      <c r="FZ9" s="412">
        <v>0</v>
      </c>
      <c r="GA9" s="102">
        <v>0</v>
      </c>
      <c r="GB9" s="102">
        <v>0</v>
      </c>
      <c r="GC9" s="102">
        <v>0</v>
      </c>
      <c r="GD9" s="102">
        <v>0</v>
      </c>
      <c r="GE9" s="102">
        <v>0</v>
      </c>
      <c r="GF9" s="103">
        <v>0</v>
      </c>
      <c r="GG9" s="104">
        <v>0</v>
      </c>
      <c r="GH9" s="101">
        <v>86</v>
      </c>
      <c r="GI9" s="102">
        <v>104</v>
      </c>
      <c r="GJ9" s="103">
        <v>190</v>
      </c>
      <c r="GK9" s="412">
        <v>0</v>
      </c>
      <c r="GL9" s="102">
        <v>140</v>
      </c>
      <c r="GM9" s="102">
        <v>102</v>
      </c>
      <c r="GN9" s="102">
        <v>77</v>
      </c>
      <c r="GO9" s="102">
        <v>81</v>
      </c>
      <c r="GP9" s="102">
        <v>55</v>
      </c>
      <c r="GQ9" s="103">
        <v>455</v>
      </c>
      <c r="GR9" s="104">
        <v>645</v>
      </c>
      <c r="GS9" s="105">
        <v>573</v>
      </c>
      <c r="GT9" s="97">
        <v>477</v>
      </c>
      <c r="GU9" s="98">
        <v>1050</v>
      </c>
      <c r="GV9" s="412">
        <v>0</v>
      </c>
      <c r="GW9" s="97">
        <v>932</v>
      </c>
      <c r="GX9" s="97">
        <v>742</v>
      </c>
      <c r="GY9" s="97">
        <v>440</v>
      </c>
      <c r="GZ9" s="97">
        <v>420</v>
      </c>
      <c r="HA9" s="97">
        <v>246</v>
      </c>
      <c r="HB9" s="99">
        <v>2780</v>
      </c>
      <c r="HC9" s="100">
        <v>3830</v>
      </c>
      <c r="HD9" s="101">
        <v>17</v>
      </c>
      <c r="HE9" s="102">
        <v>9</v>
      </c>
      <c r="HF9" s="103">
        <v>26</v>
      </c>
      <c r="HG9" s="412">
        <v>0</v>
      </c>
      <c r="HH9" s="102">
        <v>12</v>
      </c>
      <c r="HI9" s="102">
        <v>15</v>
      </c>
      <c r="HJ9" s="102">
        <v>11</v>
      </c>
      <c r="HK9" s="102">
        <v>6</v>
      </c>
      <c r="HL9" s="102">
        <v>3</v>
      </c>
      <c r="HM9" s="103">
        <v>47</v>
      </c>
      <c r="HN9" s="104">
        <v>73</v>
      </c>
      <c r="HO9" s="101">
        <v>38</v>
      </c>
      <c r="HP9" s="102">
        <v>28</v>
      </c>
      <c r="HQ9" s="103">
        <v>66</v>
      </c>
      <c r="HR9" s="412">
        <v>0</v>
      </c>
      <c r="HS9" s="102">
        <v>41</v>
      </c>
      <c r="HT9" s="102">
        <v>17</v>
      </c>
      <c r="HU9" s="102">
        <v>16</v>
      </c>
      <c r="HV9" s="102">
        <v>24</v>
      </c>
      <c r="HW9" s="102">
        <v>19</v>
      </c>
      <c r="HX9" s="103">
        <v>117</v>
      </c>
      <c r="HY9" s="104">
        <v>183</v>
      </c>
      <c r="HZ9" s="101">
        <v>50</v>
      </c>
      <c r="IA9" s="102">
        <v>40</v>
      </c>
      <c r="IB9" s="103">
        <v>90</v>
      </c>
      <c r="IC9" s="412">
        <v>0</v>
      </c>
      <c r="ID9" s="102">
        <v>89</v>
      </c>
      <c r="IE9" s="102">
        <v>67</v>
      </c>
      <c r="IF9" s="102">
        <v>30</v>
      </c>
      <c r="IG9" s="102">
        <v>30</v>
      </c>
      <c r="IH9" s="102">
        <v>19</v>
      </c>
      <c r="II9" s="103">
        <v>235</v>
      </c>
      <c r="IJ9" s="104">
        <v>325</v>
      </c>
      <c r="IK9" s="101">
        <v>121</v>
      </c>
      <c r="IL9" s="102">
        <v>88</v>
      </c>
      <c r="IM9" s="103">
        <v>209</v>
      </c>
      <c r="IN9" s="412">
        <v>0</v>
      </c>
      <c r="IO9" s="102">
        <v>168</v>
      </c>
      <c r="IP9" s="102">
        <v>134</v>
      </c>
      <c r="IQ9" s="102">
        <v>74</v>
      </c>
      <c r="IR9" s="102">
        <v>51</v>
      </c>
      <c r="IS9" s="102">
        <v>39</v>
      </c>
      <c r="IT9" s="103">
        <v>466</v>
      </c>
      <c r="IU9" s="104">
        <v>675</v>
      </c>
      <c r="IV9" s="101">
        <v>181</v>
      </c>
      <c r="IW9" s="102">
        <v>153</v>
      </c>
      <c r="IX9" s="103">
        <v>334</v>
      </c>
      <c r="IY9" s="412">
        <v>0</v>
      </c>
      <c r="IZ9" s="102">
        <v>272</v>
      </c>
      <c r="JA9" s="102">
        <v>231</v>
      </c>
      <c r="JB9" s="102">
        <v>113</v>
      </c>
      <c r="JC9" s="102">
        <v>112</v>
      </c>
      <c r="JD9" s="102">
        <v>73</v>
      </c>
      <c r="JE9" s="103">
        <v>801</v>
      </c>
      <c r="JF9" s="104">
        <v>1135</v>
      </c>
      <c r="JG9" s="101">
        <v>166</v>
      </c>
      <c r="JH9" s="102">
        <v>159</v>
      </c>
      <c r="JI9" s="103">
        <v>325</v>
      </c>
      <c r="JJ9" s="412">
        <v>0</v>
      </c>
      <c r="JK9" s="102">
        <v>350</v>
      </c>
      <c r="JL9" s="102">
        <v>278</v>
      </c>
      <c r="JM9" s="102">
        <v>196</v>
      </c>
      <c r="JN9" s="102">
        <v>197</v>
      </c>
      <c r="JO9" s="102">
        <v>93</v>
      </c>
      <c r="JP9" s="103">
        <v>1114</v>
      </c>
      <c r="JQ9" s="104">
        <v>1439</v>
      </c>
      <c r="JR9" s="101">
        <v>0</v>
      </c>
      <c r="JS9" s="102">
        <v>0</v>
      </c>
      <c r="JT9" s="103">
        <v>0</v>
      </c>
      <c r="JU9" s="412">
        <v>0</v>
      </c>
      <c r="JV9" s="102">
        <v>0</v>
      </c>
      <c r="JW9" s="102">
        <v>0</v>
      </c>
      <c r="JX9" s="102">
        <v>0</v>
      </c>
      <c r="JY9" s="102">
        <v>0</v>
      </c>
      <c r="JZ9" s="102">
        <v>0</v>
      </c>
      <c r="KA9" s="103">
        <v>0</v>
      </c>
      <c r="KB9" s="104">
        <v>0</v>
      </c>
      <c r="KC9" s="101">
        <v>573</v>
      </c>
      <c r="KD9" s="102">
        <v>477</v>
      </c>
      <c r="KE9" s="103">
        <v>1050</v>
      </c>
      <c r="KF9" s="412">
        <v>0</v>
      </c>
      <c r="KG9" s="102">
        <v>932</v>
      </c>
      <c r="KH9" s="102">
        <v>742</v>
      </c>
      <c r="KI9" s="102">
        <v>440</v>
      </c>
      <c r="KJ9" s="102">
        <v>420</v>
      </c>
      <c r="KK9" s="102">
        <v>246</v>
      </c>
      <c r="KL9" s="103">
        <v>2780</v>
      </c>
      <c r="KM9" s="104">
        <v>3830</v>
      </c>
    </row>
    <row r="10" spans="2:299" s="70" customFormat="1" ht="21" customHeight="1" x14ac:dyDescent="0.2">
      <c r="B10" s="106" t="s">
        <v>14</v>
      </c>
      <c r="C10" s="96">
        <v>273</v>
      </c>
      <c r="D10" s="97">
        <v>339</v>
      </c>
      <c r="E10" s="98">
        <v>612</v>
      </c>
      <c r="F10" s="412">
        <v>0</v>
      </c>
      <c r="G10" s="97">
        <v>386</v>
      </c>
      <c r="H10" s="97">
        <v>404</v>
      </c>
      <c r="I10" s="97">
        <v>279</v>
      </c>
      <c r="J10" s="97">
        <v>219</v>
      </c>
      <c r="K10" s="97">
        <v>130</v>
      </c>
      <c r="L10" s="99">
        <v>1418</v>
      </c>
      <c r="M10" s="100">
        <v>2030</v>
      </c>
      <c r="N10" s="101">
        <v>5</v>
      </c>
      <c r="O10" s="102">
        <v>5</v>
      </c>
      <c r="P10" s="103">
        <v>10</v>
      </c>
      <c r="Q10" s="412">
        <v>0</v>
      </c>
      <c r="R10" s="102">
        <v>8</v>
      </c>
      <c r="S10" s="102">
        <v>7</v>
      </c>
      <c r="T10" s="102">
        <v>3</v>
      </c>
      <c r="U10" s="102">
        <v>9</v>
      </c>
      <c r="V10" s="102">
        <v>5</v>
      </c>
      <c r="W10" s="103">
        <v>32</v>
      </c>
      <c r="X10" s="104">
        <v>42</v>
      </c>
      <c r="Y10" s="101">
        <v>11</v>
      </c>
      <c r="Z10" s="102">
        <v>20</v>
      </c>
      <c r="AA10" s="103">
        <v>31</v>
      </c>
      <c r="AB10" s="412">
        <v>0</v>
      </c>
      <c r="AC10" s="102">
        <v>16</v>
      </c>
      <c r="AD10" s="102">
        <v>22</v>
      </c>
      <c r="AE10" s="102">
        <v>13</v>
      </c>
      <c r="AF10" s="102">
        <v>6</v>
      </c>
      <c r="AG10" s="102">
        <v>13</v>
      </c>
      <c r="AH10" s="103">
        <v>70</v>
      </c>
      <c r="AI10" s="104">
        <v>101</v>
      </c>
      <c r="AJ10" s="101">
        <v>23</v>
      </c>
      <c r="AK10" s="102">
        <v>42</v>
      </c>
      <c r="AL10" s="103">
        <v>65</v>
      </c>
      <c r="AM10" s="412">
        <v>0</v>
      </c>
      <c r="AN10" s="102">
        <v>33</v>
      </c>
      <c r="AO10" s="102">
        <v>27</v>
      </c>
      <c r="AP10" s="102">
        <v>22</v>
      </c>
      <c r="AQ10" s="102">
        <v>20</v>
      </c>
      <c r="AR10" s="102">
        <v>10</v>
      </c>
      <c r="AS10" s="103">
        <v>112</v>
      </c>
      <c r="AT10" s="104">
        <v>177</v>
      </c>
      <c r="AU10" s="101">
        <v>72</v>
      </c>
      <c r="AV10" s="102">
        <v>77</v>
      </c>
      <c r="AW10" s="103">
        <v>149</v>
      </c>
      <c r="AX10" s="412">
        <v>0</v>
      </c>
      <c r="AY10" s="102">
        <v>81</v>
      </c>
      <c r="AZ10" s="102">
        <v>92</v>
      </c>
      <c r="BA10" s="102">
        <v>62</v>
      </c>
      <c r="BB10" s="102">
        <v>48</v>
      </c>
      <c r="BC10" s="102">
        <v>18</v>
      </c>
      <c r="BD10" s="103">
        <v>301</v>
      </c>
      <c r="BE10" s="104">
        <v>450</v>
      </c>
      <c r="BF10" s="101">
        <v>81</v>
      </c>
      <c r="BG10" s="102">
        <v>104</v>
      </c>
      <c r="BH10" s="103">
        <v>185</v>
      </c>
      <c r="BI10" s="412">
        <v>0</v>
      </c>
      <c r="BJ10" s="102">
        <v>118</v>
      </c>
      <c r="BK10" s="102">
        <v>130</v>
      </c>
      <c r="BL10" s="102">
        <v>72</v>
      </c>
      <c r="BM10" s="102">
        <v>65</v>
      </c>
      <c r="BN10" s="102">
        <v>25</v>
      </c>
      <c r="BO10" s="103">
        <v>410</v>
      </c>
      <c r="BP10" s="104">
        <v>595</v>
      </c>
      <c r="BQ10" s="101">
        <v>81</v>
      </c>
      <c r="BR10" s="102">
        <v>91</v>
      </c>
      <c r="BS10" s="103">
        <v>172</v>
      </c>
      <c r="BT10" s="412">
        <v>0</v>
      </c>
      <c r="BU10" s="102">
        <v>130</v>
      </c>
      <c r="BV10" s="102">
        <v>126</v>
      </c>
      <c r="BW10" s="102">
        <v>107</v>
      </c>
      <c r="BX10" s="102">
        <v>71</v>
      </c>
      <c r="BY10" s="102">
        <v>59</v>
      </c>
      <c r="BZ10" s="103">
        <v>493</v>
      </c>
      <c r="CA10" s="104">
        <v>665</v>
      </c>
      <c r="CB10" s="101">
        <v>0</v>
      </c>
      <c r="CC10" s="102">
        <v>0</v>
      </c>
      <c r="CD10" s="103">
        <v>0</v>
      </c>
      <c r="CE10" s="412">
        <v>0</v>
      </c>
      <c r="CF10" s="102">
        <v>0</v>
      </c>
      <c r="CG10" s="102">
        <v>0</v>
      </c>
      <c r="CH10" s="102">
        <v>0</v>
      </c>
      <c r="CI10" s="102">
        <v>0</v>
      </c>
      <c r="CJ10" s="102">
        <v>0</v>
      </c>
      <c r="CK10" s="103">
        <v>0</v>
      </c>
      <c r="CL10" s="104">
        <v>0</v>
      </c>
      <c r="CM10" s="101">
        <v>273</v>
      </c>
      <c r="CN10" s="102">
        <v>339</v>
      </c>
      <c r="CO10" s="103">
        <v>612</v>
      </c>
      <c r="CP10" s="412">
        <v>0</v>
      </c>
      <c r="CQ10" s="102">
        <v>386</v>
      </c>
      <c r="CR10" s="102">
        <v>404</v>
      </c>
      <c r="CS10" s="102">
        <v>279</v>
      </c>
      <c r="CT10" s="102">
        <v>219</v>
      </c>
      <c r="CU10" s="102">
        <v>130</v>
      </c>
      <c r="CV10" s="103">
        <v>1418</v>
      </c>
      <c r="CW10" s="104">
        <v>2030</v>
      </c>
      <c r="CX10" s="105">
        <v>38</v>
      </c>
      <c r="CY10" s="97">
        <v>51</v>
      </c>
      <c r="CZ10" s="98">
        <v>89</v>
      </c>
      <c r="DA10" s="412">
        <v>0</v>
      </c>
      <c r="DB10" s="97">
        <v>49</v>
      </c>
      <c r="DC10" s="97">
        <v>49</v>
      </c>
      <c r="DD10" s="97">
        <v>43</v>
      </c>
      <c r="DE10" s="97">
        <v>29</v>
      </c>
      <c r="DF10" s="97">
        <v>17</v>
      </c>
      <c r="DG10" s="99">
        <v>187</v>
      </c>
      <c r="DH10" s="100">
        <v>276</v>
      </c>
      <c r="DI10" s="101">
        <v>0</v>
      </c>
      <c r="DJ10" s="102">
        <v>1</v>
      </c>
      <c r="DK10" s="103">
        <v>1</v>
      </c>
      <c r="DL10" s="412">
        <v>0</v>
      </c>
      <c r="DM10" s="102">
        <v>0</v>
      </c>
      <c r="DN10" s="102">
        <v>0</v>
      </c>
      <c r="DO10" s="102">
        <v>2</v>
      </c>
      <c r="DP10" s="102">
        <v>0</v>
      </c>
      <c r="DQ10" s="102">
        <v>0</v>
      </c>
      <c r="DR10" s="103">
        <v>2</v>
      </c>
      <c r="DS10" s="104">
        <v>3</v>
      </c>
      <c r="DT10" s="101">
        <v>3</v>
      </c>
      <c r="DU10" s="102">
        <v>2</v>
      </c>
      <c r="DV10" s="103">
        <v>5</v>
      </c>
      <c r="DW10" s="412">
        <v>0</v>
      </c>
      <c r="DX10" s="102">
        <v>2</v>
      </c>
      <c r="DY10" s="102">
        <v>5</v>
      </c>
      <c r="DZ10" s="102">
        <v>2</v>
      </c>
      <c r="EA10" s="102">
        <v>1</v>
      </c>
      <c r="EB10" s="102">
        <v>1</v>
      </c>
      <c r="EC10" s="103">
        <v>11</v>
      </c>
      <c r="ED10" s="104">
        <v>16</v>
      </c>
      <c r="EE10" s="101">
        <v>7</v>
      </c>
      <c r="EF10" s="102">
        <v>6</v>
      </c>
      <c r="EG10" s="103">
        <v>13</v>
      </c>
      <c r="EH10" s="412">
        <v>0</v>
      </c>
      <c r="EI10" s="102">
        <v>7</v>
      </c>
      <c r="EJ10" s="102">
        <v>4</v>
      </c>
      <c r="EK10" s="102">
        <v>5</v>
      </c>
      <c r="EL10" s="102">
        <v>2</v>
      </c>
      <c r="EM10" s="102">
        <v>3</v>
      </c>
      <c r="EN10" s="103">
        <v>21</v>
      </c>
      <c r="EO10" s="104">
        <v>34</v>
      </c>
      <c r="EP10" s="101">
        <v>12</v>
      </c>
      <c r="EQ10" s="102">
        <v>12</v>
      </c>
      <c r="ER10" s="103">
        <v>24</v>
      </c>
      <c r="ES10" s="412">
        <v>0</v>
      </c>
      <c r="ET10" s="102">
        <v>14</v>
      </c>
      <c r="EU10" s="102">
        <v>13</v>
      </c>
      <c r="EV10" s="102">
        <v>9</v>
      </c>
      <c r="EW10" s="102">
        <v>2</v>
      </c>
      <c r="EX10" s="102">
        <v>1</v>
      </c>
      <c r="EY10" s="103">
        <v>39</v>
      </c>
      <c r="EZ10" s="104">
        <v>63</v>
      </c>
      <c r="FA10" s="101">
        <v>11</v>
      </c>
      <c r="FB10" s="102">
        <v>15</v>
      </c>
      <c r="FC10" s="103">
        <v>26</v>
      </c>
      <c r="FD10" s="412">
        <v>0</v>
      </c>
      <c r="FE10" s="102">
        <v>15</v>
      </c>
      <c r="FF10" s="102">
        <v>11</v>
      </c>
      <c r="FG10" s="102">
        <v>9</v>
      </c>
      <c r="FH10" s="102">
        <v>8</v>
      </c>
      <c r="FI10" s="102">
        <v>6</v>
      </c>
      <c r="FJ10" s="103">
        <v>49</v>
      </c>
      <c r="FK10" s="104">
        <v>75</v>
      </c>
      <c r="FL10" s="101">
        <v>5</v>
      </c>
      <c r="FM10" s="102">
        <v>15</v>
      </c>
      <c r="FN10" s="103">
        <v>20</v>
      </c>
      <c r="FO10" s="412">
        <v>0</v>
      </c>
      <c r="FP10" s="102">
        <v>11</v>
      </c>
      <c r="FQ10" s="102">
        <v>16</v>
      </c>
      <c r="FR10" s="102">
        <v>16</v>
      </c>
      <c r="FS10" s="102">
        <v>16</v>
      </c>
      <c r="FT10" s="102">
        <v>6</v>
      </c>
      <c r="FU10" s="103">
        <v>65</v>
      </c>
      <c r="FV10" s="104">
        <v>85</v>
      </c>
      <c r="FW10" s="101">
        <v>0</v>
      </c>
      <c r="FX10" s="102">
        <v>0</v>
      </c>
      <c r="FY10" s="103">
        <v>0</v>
      </c>
      <c r="FZ10" s="412">
        <v>0</v>
      </c>
      <c r="GA10" s="102">
        <v>0</v>
      </c>
      <c r="GB10" s="102">
        <v>0</v>
      </c>
      <c r="GC10" s="102">
        <v>0</v>
      </c>
      <c r="GD10" s="102">
        <v>0</v>
      </c>
      <c r="GE10" s="102">
        <v>0</v>
      </c>
      <c r="GF10" s="103">
        <v>0</v>
      </c>
      <c r="GG10" s="104">
        <v>0</v>
      </c>
      <c r="GH10" s="101">
        <v>38</v>
      </c>
      <c r="GI10" s="102">
        <v>51</v>
      </c>
      <c r="GJ10" s="103">
        <v>89</v>
      </c>
      <c r="GK10" s="412">
        <v>0</v>
      </c>
      <c r="GL10" s="102">
        <v>49</v>
      </c>
      <c r="GM10" s="102">
        <v>49</v>
      </c>
      <c r="GN10" s="102">
        <v>43</v>
      </c>
      <c r="GO10" s="102">
        <v>29</v>
      </c>
      <c r="GP10" s="102">
        <v>17</v>
      </c>
      <c r="GQ10" s="103">
        <v>187</v>
      </c>
      <c r="GR10" s="104">
        <v>276</v>
      </c>
      <c r="GS10" s="105">
        <v>311</v>
      </c>
      <c r="GT10" s="97">
        <v>390</v>
      </c>
      <c r="GU10" s="98">
        <v>701</v>
      </c>
      <c r="GV10" s="412">
        <v>0</v>
      </c>
      <c r="GW10" s="97">
        <v>435</v>
      </c>
      <c r="GX10" s="97">
        <v>453</v>
      </c>
      <c r="GY10" s="97">
        <v>322</v>
      </c>
      <c r="GZ10" s="97">
        <v>248</v>
      </c>
      <c r="HA10" s="97">
        <v>147</v>
      </c>
      <c r="HB10" s="99">
        <v>1605</v>
      </c>
      <c r="HC10" s="100">
        <v>2306</v>
      </c>
      <c r="HD10" s="101">
        <v>5</v>
      </c>
      <c r="HE10" s="102">
        <v>6</v>
      </c>
      <c r="HF10" s="103">
        <v>11</v>
      </c>
      <c r="HG10" s="412">
        <v>0</v>
      </c>
      <c r="HH10" s="102">
        <v>8</v>
      </c>
      <c r="HI10" s="102">
        <v>7</v>
      </c>
      <c r="HJ10" s="102">
        <v>5</v>
      </c>
      <c r="HK10" s="102">
        <v>9</v>
      </c>
      <c r="HL10" s="102">
        <v>5</v>
      </c>
      <c r="HM10" s="103">
        <v>34</v>
      </c>
      <c r="HN10" s="104">
        <v>45</v>
      </c>
      <c r="HO10" s="101">
        <v>14</v>
      </c>
      <c r="HP10" s="102">
        <v>22</v>
      </c>
      <c r="HQ10" s="103">
        <v>36</v>
      </c>
      <c r="HR10" s="412">
        <v>0</v>
      </c>
      <c r="HS10" s="102">
        <v>18</v>
      </c>
      <c r="HT10" s="102">
        <v>27</v>
      </c>
      <c r="HU10" s="102">
        <v>15</v>
      </c>
      <c r="HV10" s="102">
        <v>7</v>
      </c>
      <c r="HW10" s="102">
        <v>14</v>
      </c>
      <c r="HX10" s="103">
        <v>81</v>
      </c>
      <c r="HY10" s="104">
        <v>117</v>
      </c>
      <c r="HZ10" s="101">
        <v>30</v>
      </c>
      <c r="IA10" s="102">
        <v>48</v>
      </c>
      <c r="IB10" s="103">
        <v>78</v>
      </c>
      <c r="IC10" s="412">
        <v>0</v>
      </c>
      <c r="ID10" s="102">
        <v>40</v>
      </c>
      <c r="IE10" s="102">
        <v>31</v>
      </c>
      <c r="IF10" s="102">
        <v>27</v>
      </c>
      <c r="IG10" s="102">
        <v>22</v>
      </c>
      <c r="IH10" s="102">
        <v>13</v>
      </c>
      <c r="II10" s="103">
        <v>133</v>
      </c>
      <c r="IJ10" s="104">
        <v>211</v>
      </c>
      <c r="IK10" s="101">
        <v>84</v>
      </c>
      <c r="IL10" s="102">
        <v>89</v>
      </c>
      <c r="IM10" s="103">
        <v>173</v>
      </c>
      <c r="IN10" s="412">
        <v>0</v>
      </c>
      <c r="IO10" s="102">
        <v>95</v>
      </c>
      <c r="IP10" s="102">
        <v>105</v>
      </c>
      <c r="IQ10" s="102">
        <v>71</v>
      </c>
      <c r="IR10" s="102">
        <v>50</v>
      </c>
      <c r="IS10" s="102">
        <v>19</v>
      </c>
      <c r="IT10" s="103">
        <v>340</v>
      </c>
      <c r="IU10" s="104">
        <v>513</v>
      </c>
      <c r="IV10" s="101">
        <v>92</v>
      </c>
      <c r="IW10" s="102">
        <v>119</v>
      </c>
      <c r="IX10" s="103">
        <v>211</v>
      </c>
      <c r="IY10" s="412">
        <v>0</v>
      </c>
      <c r="IZ10" s="102">
        <v>133</v>
      </c>
      <c r="JA10" s="102">
        <v>141</v>
      </c>
      <c r="JB10" s="102">
        <v>81</v>
      </c>
      <c r="JC10" s="102">
        <v>73</v>
      </c>
      <c r="JD10" s="102">
        <v>31</v>
      </c>
      <c r="JE10" s="103">
        <v>459</v>
      </c>
      <c r="JF10" s="104">
        <v>670</v>
      </c>
      <c r="JG10" s="101">
        <v>86</v>
      </c>
      <c r="JH10" s="102">
        <v>106</v>
      </c>
      <c r="JI10" s="103">
        <v>192</v>
      </c>
      <c r="JJ10" s="412">
        <v>0</v>
      </c>
      <c r="JK10" s="102">
        <v>141</v>
      </c>
      <c r="JL10" s="102">
        <v>142</v>
      </c>
      <c r="JM10" s="102">
        <v>123</v>
      </c>
      <c r="JN10" s="102">
        <v>87</v>
      </c>
      <c r="JO10" s="102">
        <v>65</v>
      </c>
      <c r="JP10" s="103">
        <v>558</v>
      </c>
      <c r="JQ10" s="104">
        <v>750</v>
      </c>
      <c r="JR10" s="101">
        <v>0</v>
      </c>
      <c r="JS10" s="102">
        <v>0</v>
      </c>
      <c r="JT10" s="103">
        <v>0</v>
      </c>
      <c r="JU10" s="412">
        <v>0</v>
      </c>
      <c r="JV10" s="102">
        <v>0</v>
      </c>
      <c r="JW10" s="102">
        <v>0</v>
      </c>
      <c r="JX10" s="102">
        <v>0</v>
      </c>
      <c r="JY10" s="102">
        <v>0</v>
      </c>
      <c r="JZ10" s="102">
        <v>0</v>
      </c>
      <c r="KA10" s="103">
        <v>0</v>
      </c>
      <c r="KB10" s="104">
        <v>0</v>
      </c>
      <c r="KC10" s="101">
        <v>311</v>
      </c>
      <c r="KD10" s="102">
        <v>390</v>
      </c>
      <c r="KE10" s="103">
        <v>701</v>
      </c>
      <c r="KF10" s="412">
        <v>0</v>
      </c>
      <c r="KG10" s="102">
        <v>435</v>
      </c>
      <c r="KH10" s="102">
        <v>453</v>
      </c>
      <c r="KI10" s="102">
        <v>322</v>
      </c>
      <c r="KJ10" s="102">
        <v>248</v>
      </c>
      <c r="KK10" s="102">
        <v>147</v>
      </c>
      <c r="KL10" s="103">
        <v>1605</v>
      </c>
      <c r="KM10" s="104">
        <v>2306</v>
      </c>
    </row>
    <row r="11" spans="2:299" s="70" customFormat="1" ht="21" customHeight="1" x14ac:dyDescent="0.2">
      <c r="B11" s="106" t="s">
        <v>7</v>
      </c>
      <c r="C11" s="96">
        <v>243</v>
      </c>
      <c r="D11" s="97">
        <v>176</v>
      </c>
      <c r="E11" s="98">
        <v>419</v>
      </c>
      <c r="F11" s="412">
        <v>0</v>
      </c>
      <c r="G11" s="97">
        <v>515</v>
      </c>
      <c r="H11" s="97">
        <v>310</v>
      </c>
      <c r="I11" s="97">
        <v>189</v>
      </c>
      <c r="J11" s="97">
        <v>156</v>
      </c>
      <c r="K11" s="97">
        <v>86</v>
      </c>
      <c r="L11" s="99">
        <v>1256</v>
      </c>
      <c r="M11" s="100">
        <v>1675</v>
      </c>
      <c r="N11" s="101">
        <v>5</v>
      </c>
      <c r="O11" s="102">
        <v>1</v>
      </c>
      <c r="P11" s="103">
        <v>6</v>
      </c>
      <c r="Q11" s="412">
        <v>0</v>
      </c>
      <c r="R11" s="102">
        <v>6</v>
      </c>
      <c r="S11" s="102">
        <v>3</v>
      </c>
      <c r="T11" s="102">
        <v>2</v>
      </c>
      <c r="U11" s="102">
        <v>1</v>
      </c>
      <c r="V11" s="102">
        <v>2</v>
      </c>
      <c r="W11" s="103">
        <v>14</v>
      </c>
      <c r="X11" s="104">
        <v>20</v>
      </c>
      <c r="Y11" s="101">
        <v>7</v>
      </c>
      <c r="Z11" s="102">
        <v>6</v>
      </c>
      <c r="AA11" s="103">
        <v>13</v>
      </c>
      <c r="AB11" s="412">
        <v>0</v>
      </c>
      <c r="AC11" s="102">
        <v>18</v>
      </c>
      <c r="AD11" s="102">
        <v>9</v>
      </c>
      <c r="AE11" s="102">
        <v>8</v>
      </c>
      <c r="AF11" s="102">
        <v>4</v>
      </c>
      <c r="AG11" s="102">
        <v>4</v>
      </c>
      <c r="AH11" s="103">
        <v>43</v>
      </c>
      <c r="AI11" s="104">
        <v>56</v>
      </c>
      <c r="AJ11" s="101">
        <v>16</v>
      </c>
      <c r="AK11" s="102">
        <v>10</v>
      </c>
      <c r="AL11" s="103">
        <v>26</v>
      </c>
      <c r="AM11" s="412">
        <v>0</v>
      </c>
      <c r="AN11" s="102">
        <v>43</v>
      </c>
      <c r="AO11" s="102">
        <v>28</v>
      </c>
      <c r="AP11" s="102">
        <v>10</v>
      </c>
      <c r="AQ11" s="102">
        <v>16</v>
      </c>
      <c r="AR11" s="102">
        <v>5</v>
      </c>
      <c r="AS11" s="103">
        <v>102</v>
      </c>
      <c r="AT11" s="104">
        <v>128</v>
      </c>
      <c r="AU11" s="101">
        <v>50</v>
      </c>
      <c r="AV11" s="102">
        <v>38</v>
      </c>
      <c r="AW11" s="103">
        <v>88</v>
      </c>
      <c r="AX11" s="412">
        <v>0</v>
      </c>
      <c r="AY11" s="102">
        <v>97</v>
      </c>
      <c r="AZ11" s="102">
        <v>57</v>
      </c>
      <c r="BA11" s="102">
        <v>34</v>
      </c>
      <c r="BB11" s="102">
        <v>26</v>
      </c>
      <c r="BC11" s="102">
        <v>21</v>
      </c>
      <c r="BD11" s="103">
        <v>235</v>
      </c>
      <c r="BE11" s="104">
        <v>323</v>
      </c>
      <c r="BF11" s="101">
        <v>88</v>
      </c>
      <c r="BG11" s="102">
        <v>60</v>
      </c>
      <c r="BH11" s="103">
        <v>148</v>
      </c>
      <c r="BI11" s="412">
        <v>0</v>
      </c>
      <c r="BJ11" s="102">
        <v>181</v>
      </c>
      <c r="BK11" s="102">
        <v>91</v>
      </c>
      <c r="BL11" s="102">
        <v>59</v>
      </c>
      <c r="BM11" s="102">
        <v>46</v>
      </c>
      <c r="BN11" s="102">
        <v>24</v>
      </c>
      <c r="BO11" s="103">
        <v>401</v>
      </c>
      <c r="BP11" s="104">
        <v>549</v>
      </c>
      <c r="BQ11" s="101">
        <v>77</v>
      </c>
      <c r="BR11" s="102">
        <v>61</v>
      </c>
      <c r="BS11" s="103">
        <v>138</v>
      </c>
      <c r="BT11" s="412">
        <v>0</v>
      </c>
      <c r="BU11" s="102">
        <v>170</v>
      </c>
      <c r="BV11" s="102">
        <v>122</v>
      </c>
      <c r="BW11" s="102">
        <v>76</v>
      </c>
      <c r="BX11" s="102">
        <v>63</v>
      </c>
      <c r="BY11" s="102">
        <v>30</v>
      </c>
      <c r="BZ11" s="103">
        <v>461</v>
      </c>
      <c r="CA11" s="104">
        <v>599</v>
      </c>
      <c r="CB11" s="101">
        <v>0</v>
      </c>
      <c r="CC11" s="102">
        <v>0</v>
      </c>
      <c r="CD11" s="103">
        <v>0</v>
      </c>
      <c r="CE11" s="412">
        <v>0</v>
      </c>
      <c r="CF11" s="102">
        <v>0</v>
      </c>
      <c r="CG11" s="102">
        <v>0</v>
      </c>
      <c r="CH11" s="102">
        <v>0</v>
      </c>
      <c r="CI11" s="102">
        <v>0</v>
      </c>
      <c r="CJ11" s="102">
        <v>0</v>
      </c>
      <c r="CK11" s="103">
        <v>0</v>
      </c>
      <c r="CL11" s="104">
        <v>0</v>
      </c>
      <c r="CM11" s="101">
        <v>243</v>
      </c>
      <c r="CN11" s="102">
        <v>176</v>
      </c>
      <c r="CO11" s="103">
        <v>419</v>
      </c>
      <c r="CP11" s="412">
        <v>0</v>
      </c>
      <c r="CQ11" s="102">
        <v>515</v>
      </c>
      <c r="CR11" s="102">
        <v>310</v>
      </c>
      <c r="CS11" s="102">
        <v>189</v>
      </c>
      <c r="CT11" s="102">
        <v>156</v>
      </c>
      <c r="CU11" s="102">
        <v>86</v>
      </c>
      <c r="CV11" s="103">
        <v>1256</v>
      </c>
      <c r="CW11" s="104">
        <v>1675</v>
      </c>
      <c r="CX11" s="105">
        <v>30</v>
      </c>
      <c r="CY11" s="97">
        <v>37</v>
      </c>
      <c r="CZ11" s="98">
        <v>67</v>
      </c>
      <c r="DA11" s="412">
        <v>0</v>
      </c>
      <c r="DB11" s="97">
        <v>73</v>
      </c>
      <c r="DC11" s="97">
        <v>39</v>
      </c>
      <c r="DD11" s="97">
        <v>26</v>
      </c>
      <c r="DE11" s="97">
        <v>19</v>
      </c>
      <c r="DF11" s="97">
        <v>16</v>
      </c>
      <c r="DG11" s="99">
        <v>173</v>
      </c>
      <c r="DH11" s="100">
        <v>240</v>
      </c>
      <c r="DI11" s="101">
        <v>1</v>
      </c>
      <c r="DJ11" s="102">
        <v>0</v>
      </c>
      <c r="DK11" s="103">
        <v>1</v>
      </c>
      <c r="DL11" s="412">
        <v>0</v>
      </c>
      <c r="DM11" s="102">
        <v>2</v>
      </c>
      <c r="DN11" s="102">
        <v>1</v>
      </c>
      <c r="DO11" s="102">
        <v>0</v>
      </c>
      <c r="DP11" s="102">
        <v>0</v>
      </c>
      <c r="DQ11" s="102">
        <v>0</v>
      </c>
      <c r="DR11" s="103">
        <v>3</v>
      </c>
      <c r="DS11" s="104">
        <v>4</v>
      </c>
      <c r="DT11" s="101">
        <v>5</v>
      </c>
      <c r="DU11" s="102">
        <v>2</v>
      </c>
      <c r="DV11" s="103">
        <v>7</v>
      </c>
      <c r="DW11" s="412">
        <v>0</v>
      </c>
      <c r="DX11" s="102">
        <v>1</v>
      </c>
      <c r="DY11" s="102">
        <v>0</v>
      </c>
      <c r="DZ11" s="102">
        <v>0</v>
      </c>
      <c r="EA11" s="102">
        <v>1</v>
      </c>
      <c r="EB11" s="102">
        <v>1</v>
      </c>
      <c r="EC11" s="103">
        <v>3</v>
      </c>
      <c r="ED11" s="104">
        <v>10</v>
      </c>
      <c r="EE11" s="101">
        <v>7</v>
      </c>
      <c r="EF11" s="102">
        <v>5</v>
      </c>
      <c r="EG11" s="103">
        <v>12</v>
      </c>
      <c r="EH11" s="412">
        <v>0</v>
      </c>
      <c r="EI11" s="102">
        <v>8</v>
      </c>
      <c r="EJ11" s="102">
        <v>3</v>
      </c>
      <c r="EK11" s="102">
        <v>1</v>
      </c>
      <c r="EL11" s="102">
        <v>2</v>
      </c>
      <c r="EM11" s="102">
        <v>1</v>
      </c>
      <c r="EN11" s="103">
        <v>15</v>
      </c>
      <c r="EO11" s="104">
        <v>27</v>
      </c>
      <c r="EP11" s="101">
        <v>4</v>
      </c>
      <c r="EQ11" s="102">
        <v>8</v>
      </c>
      <c r="ER11" s="103">
        <v>12</v>
      </c>
      <c r="ES11" s="412">
        <v>0</v>
      </c>
      <c r="ET11" s="102">
        <v>14</v>
      </c>
      <c r="EU11" s="102">
        <v>7</v>
      </c>
      <c r="EV11" s="102">
        <v>1</v>
      </c>
      <c r="EW11" s="102">
        <v>0</v>
      </c>
      <c r="EX11" s="102">
        <v>2</v>
      </c>
      <c r="EY11" s="103">
        <v>24</v>
      </c>
      <c r="EZ11" s="104">
        <v>36</v>
      </c>
      <c r="FA11" s="101">
        <v>5</v>
      </c>
      <c r="FB11" s="102">
        <v>14</v>
      </c>
      <c r="FC11" s="103">
        <v>19</v>
      </c>
      <c r="FD11" s="412">
        <v>0</v>
      </c>
      <c r="FE11" s="102">
        <v>18</v>
      </c>
      <c r="FF11" s="102">
        <v>6</v>
      </c>
      <c r="FG11" s="102">
        <v>9</v>
      </c>
      <c r="FH11" s="102">
        <v>4</v>
      </c>
      <c r="FI11" s="102">
        <v>7</v>
      </c>
      <c r="FJ11" s="103">
        <v>44</v>
      </c>
      <c r="FK11" s="104">
        <v>63</v>
      </c>
      <c r="FL11" s="101">
        <v>8</v>
      </c>
      <c r="FM11" s="102">
        <v>8</v>
      </c>
      <c r="FN11" s="103">
        <v>16</v>
      </c>
      <c r="FO11" s="412">
        <v>0</v>
      </c>
      <c r="FP11" s="102">
        <v>30</v>
      </c>
      <c r="FQ11" s="102">
        <v>22</v>
      </c>
      <c r="FR11" s="102">
        <v>15</v>
      </c>
      <c r="FS11" s="102">
        <v>12</v>
      </c>
      <c r="FT11" s="102">
        <v>5</v>
      </c>
      <c r="FU11" s="103">
        <v>84</v>
      </c>
      <c r="FV11" s="104">
        <v>100</v>
      </c>
      <c r="FW11" s="101">
        <v>0</v>
      </c>
      <c r="FX11" s="102">
        <v>0</v>
      </c>
      <c r="FY11" s="103">
        <v>0</v>
      </c>
      <c r="FZ11" s="412">
        <v>0</v>
      </c>
      <c r="GA11" s="102">
        <v>0</v>
      </c>
      <c r="GB11" s="102">
        <v>0</v>
      </c>
      <c r="GC11" s="102">
        <v>0</v>
      </c>
      <c r="GD11" s="102">
        <v>0</v>
      </c>
      <c r="GE11" s="102">
        <v>0</v>
      </c>
      <c r="GF11" s="103">
        <v>0</v>
      </c>
      <c r="GG11" s="104">
        <v>0</v>
      </c>
      <c r="GH11" s="101">
        <v>30</v>
      </c>
      <c r="GI11" s="102">
        <v>37</v>
      </c>
      <c r="GJ11" s="103">
        <v>67</v>
      </c>
      <c r="GK11" s="412">
        <v>0</v>
      </c>
      <c r="GL11" s="102">
        <v>73</v>
      </c>
      <c r="GM11" s="102">
        <v>39</v>
      </c>
      <c r="GN11" s="102">
        <v>26</v>
      </c>
      <c r="GO11" s="102">
        <v>19</v>
      </c>
      <c r="GP11" s="102">
        <v>16</v>
      </c>
      <c r="GQ11" s="103">
        <v>173</v>
      </c>
      <c r="GR11" s="104">
        <v>240</v>
      </c>
      <c r="GS11" s="105">
        <v>273</v>
      </c>
      <c r="GT11" s="97">
        <v>213</v>
      </c>
      <c r="GU11" s="98">
        <v>486</v>
      </c>
      <c r="GV11" s="412">
        <v>0</v>
      </c>
      <c r="GW11" s="97">
        <v>588</v>
      </c>
      <c r="GX11" s="97">
        <v>349</v>
      </c>
      <c r="GY11" s="97">
        <v>215</v>
      </c>
      <c r="GZ11" s="97">
        <v>175</v>
      </c>
      <c r="HA11" s="97">
        <v>102</v>
      </c>
      <c r="HB11" s="99">
        <v>1429</v>
      </c>
      <c r="HC11" s="100">
        <v>1915</v>
      </c>
      <c r="HD11" s="101">
        <v>6</v>
      </c>
      <c r="HE11" s="102">
        <v>1</v>
      </c>
      <c r="HF11" s="103">
        <v>7</v>
      </c>
      <c r="HG11" s="412">
        <v>0</v>
      </c>
      <c r="HH11" s="102">
        <v>8</v>
      </c>
      <c r="HI11" s="102">
        <v>4</v>
      </c>
      <c r="HJ11" s="102">
        <v>2</v>
      </c>
      <c r="HK11" s="102">
        <v>1</v>
      </c>
      <c r="HL11" s="102">
        <v>2</v>
      </c>
      <c r="HM11" s="103">
        <v>17</v>
      </c>
      <c r="HN11" s="104">
        <v>24</v>
      </c>
      <c r="HO11" s="101">
        <v>12</v>
      </c>
      <c r="HP11" s="102">
        <v>8</v>
      </c>
      <c r="HQ11" s="103">
        <v>20</v>
      </c>
      <c r="HR11" s="412">
        <v>0</v>
      </c>
      <c r="HS11" s="102">
        <v>19</v>
      </c>
      <c r="HT11" s="102">
        <v>9</v>
      </c>
      <c r="HU11" s="102">
        <v>8</v>
      </c>
      <c r="HV11" s="102">
        <v>5</v>
      </c>
      <c r="HW11" s="102">
        <v>5</v>
      </c>
      <c r="HX11" s="103">
        <v>46</v>
      </c>
      <c r="HY11" s="104">
        <v>66</v>
      </c>
      <c r="HZ11" s="101">
        <v>23</v>
      </c>
      <c r="IA11" s="102">
        <v>15</v>
      </c>
      <c r="IB11" s="103">
        <v>38</v>
      </c>
      <c r="IC11" s="412">
        <v>0</v>
      </c>
      <c r="ID11" s="102">
        <v>51</v>
      </c>
      <c r="IE11" s="102">
        <v>31</v>
      </c>
      <c r="IF11" s="102">
        <v>11</v>
      </c>
      <c r="IG11" s="102">
        <v>18</v>
      </c>
      <c r="IH11" s="102">
        <v>6</v>
      </c>
      <c r="II11" s="103">
        <v>117</v>
      </c>
      <c r="IJ11" s="104">
        <v>155</v>
      </c>
      <c r="IK11" s="101">
        <v>54</v>
      </c>
      <c r="IL11" s="102">
        <v>46</v>
      </c>
      <c r="IM11" s="103">
        <v>100</v>
      </c>
      <c r="IN11" s="412">
        <v>0</v>
      </c>
      <c r="IO11" s="102">
        <v>111</v>
      </c>
      <c r="IP11" s="102">
        <v>64</v>
      </c>
      <c r="IQ11" s="102">
        <v>35</v>
      </c>
      <c r="IR11" s="102">
        <v>26</v>
      </c>
      <c r="IS11" s="102">
        <v>23</v>
      </c>
      <c r="IT11" s="103">
        <v>259</v>
      </c>
      <c r="IU11" s="104">
        <v>359</v>
      </c>
      <c r="IV11" s="101">
        <v>93</v>
      </c>
      <c r="IW11" s="102">
        <v>74</v>
      </c>
      <c r="IX11" s="103">
        <v>167</v>
      </c>
      <c r="IY11" s="412">
        <v>0</v>
      </c>
      <c r="IZ11" s="102">
        <v>199</v>
      </c>
      <c r="JA11" s="102">
        <v>97</v>
      </c>
      <c r="JB11" s="102">
        <v>68</v>
      </c>
      <c r="JC11" s="102">
        <v>50</v>
      </c>
      <c r="JD11" s="102">
        <v>31</v>
      </c>
      <c r="JE11" s="103">
        <v>445</v>
      </c>
      <c r="JF11" s="104">
        <v>612</v>
      </c>
      <c r="JG11" s="101">
        <v>85</v>
      </c>
      <c r="JH11" s="102">
        <v>69</v>
      </c>
      <c r="JI11" s="103">
        <v>154</v>
      </c>
      <c r="JJ11" s="412">
        <v>0</v>
      </c>
      <c r="JK11" s="102">
        <v>200</v>
      </c>
      <c r="JL11" s="102">
        <v>144</v>
      </c>
      <c r="JM11" s="102">
        <v>91</v>
      </c>
      <c r="JN11" s="102">
        <v>75</v>
      </c>
      <c r="JO11" s="102">
        <v>35</v>
      </c>
      <c r="JP11" s="103">
        <v>545</v>
      </c>
      <c r="JQ11" s="104">
        <v>699</v>
      </c>
      <c r="JR11" s="101">
        <v>0</v>
      </c>
      <c r="JS11" s="102">
        <v>0</v>
      </c>
      <c r="JT11" s="103">
        <v>0</v>
      </c>
      <c r="JU11" s="412">
        <v>0</v>
      </c>
      <c r="JV11" s="102">
        <v>0</v>
      </c>
      <c r="JW11" s="102">
        <v>0</v>
      </c>
      <c r="JX11" s="102">
        <v>0</v>
      </c>
      <c r="JY11" s="102">
        <v>0</v>
      </c>
      <c r="JZ11" s="102">
        <v>0</v>
      </c>
      <c r="KA11" s="103">
        <v>0</v>
      </c>
      <c r="KB11" s="104">
        <v>0</v>
      </c>
      <c r="KC11" s="101">
        <v>273</v>
      </c>
      <c r="KD11" s="102">
        <v>213</v>
      </c>
      <c r="KE11" s="103">
        <v>486</v>
      </c>
      <c r="KF11" s="412">
        <v>0</v>
      </c>
      <c r="KG11" s="102">
        <v>588</v>
      </c>
      <c r="KH11" s="102">
        <v>349</v>
      </c>
      <c r="KI11" s="102">
        <v>215</v>
      </c>
      <c r="KJ11" s="102">
        <v>175</v>
      </c>
      <c r="KK11" s="102">
        <v>102</v>
      </c>
      <c r="KL11" s="103">
        <v>1429</v>
      </c>
      <c r="KM11" s="104">
        <v>1915</v>
      </c>
    </row>
    <row r="12" spans="2:299" s="70" customFormat="1" ht="21" customHeight="1" x14ac:dyDescent="0.2">
      <c r="B12" s="106" t="s">
        <v>8</v>
      </c>
      <c r="C12" s="96">
        <v>103</v>
      </c>
      <c r="D12" s="97">
        <v>68</v>
      </c>
      <c r="E12" s="98">
        <v>171</v>
      </c>
      <c r="F12" s="412">
        <v>0</v>
      </c>
      <c r="G12" s="97">
        <v>156</v>
      </c>
      <c r="H12" s="97">
        <v>108</v>
      </c>
      <c r="I12" s="97">
        <v>91</v>
      </c>
      <c r="J12" s="97">
        <v>57</v>
      </c>
      <c r="K12" s="97">
        <v>44</v>
      </c>
      <c r="L12" s="99">
        <v>456</v>
      </c>
      <c r="M12" s="100">
        <v>627</v>
      </c>
      <c r="N12" s="101">
        <v>2</v>
      </c>
      <c r="O12" s="102">
        <v>2</v>
      </c>
      <c r="P12" s="103">
        <v>4</v>
      </c>
      <c r="Q12" s="412">
        <v>0</v>
      </c>
      <c r="R12" s="102">
        <v>2</v>
      </c>
      <c r="S12" s="102">
        <v>2</v>
      </c>
      <c r="T12" s="102">
        <v>3</v>
      </c>
      <c r="U12" s="102">
        <v>0</v>
      </c>
      <c r="V12" s="102">
        <v>0</v>
      </c>
      <c r="W12" s="103">
        <v>7</v>
      </c>
      <c r="X12" s="104">
        <v>11</v>
      </c>
      <c r="Y12" s="101">
        <v>3</v>
      </c>
      <c r="Z12" s="102">
        <v>2</v>
      </c>
      <c r="AA12" s="103">
        <v>5</v>
      </c>
      <c r="AB12" s="412">
        <v>0</v>
      </c>
      <c r="AC12" s="102">
        <v>11</v>
      </c>
      <c r="AD12" s="102">
        <v>6</v>
      </c>
      <c r="AE12" s="102">
        <v>3</v>
      </c>
      <c r="AF12" s="102">
        <v>4</v>
      </c>
      <c r="AG12" s="102">
        <v>5</v>
      </c>
      <c r="AH12" s="103">
        <v>29</v>
      </c>
      <c r="AI12" s="104">
        <v>34</v>
      </c>
      <c r="AJ12" s="101">
        <v>4</v>
      </c>
      <c r="AK12" s="102">
        <v>6</v>
      </c>
      <c r="AL12" s="103">
        <v>10</v>
      </c>
      <c r="AM12" s="412">
        <v>0</v>
      </c>
      <c r="AN12" s="102">
        <v>13</v>
      </c>
      <c r="AO12" s="102">
        <v>15</v>
      </c>
      <c r="AP12" s="102">
        <v>1</v>
      </c>
      <c r="AQ12" s="102">
        <v>9</v>
      </c>
      <c r="AR12" s="102">
        <v>3</v>
      </c>
      <c r="AS12" s="103">
        <v>41</v>
      </c>
      <c r="AT12" s="104">
        <v>51</v>
      </c>
      <c r="AU12" s="101">
        <v>21</v>
      </c>
      <c r="AV12" s="102">
        <v>6</v>
      </c>
      <c r="AW12" s="103">
        <v>27</v>
      </c>
      <c r="AX12" s="412">
        <v>0</v>
      </c>
      <c r="AY12" s="102">
        <v>38</v>
      </c>
      <c r="AZ12" s="102">
        <v>21</v>
      </c>
      <c r="BA12" s="102">
        <v>13</v>
      </c>
      <c r="BB12" s="102">
        <v>9</v>
      </c>
      <c r="BC12" s="102">
        <v>9</v>
      </c>
      <c r="BD12" s="103">
        <v>90</v>
      </c>
      <c r="BE12" s="104">
        <v>117</v>
      </c>
      <c r="BF12" s="101">
        <v>39</v>
      </c>
      <c r="BG12" s="102">
        <v>22</v>
      </c>
      <c r="BH12" s="103">
        <v>61</v>
      </c>
      <c r="BI12" s="412">
        <v>0</v>
      </c>
      <c r="BJ12" s="102">
        <v>40</v>
      </c>
      <c r="BK12" s="102">
        <v>22</v>
      </c>
      <c r="BL12" s="102">
        <v>26</v>
      </c>
      <c r="BM12" s="102">
        <v>11</v>
      </c>
      <c r="BN12" s="102">
        <v>12</v>
      </c>
      <c r="BO12" s="103">
        <v>111</v>
      </c>
      <c r="BP12" s="104">
        <v>172</v>
      </c>
      <c r="BQ12" s="101">
        <v>34</v>
      </c>
      <c r="BR12" s="102">
        <v>30</v>
      </c>
      <c r="BS12" s="103">
        <v>64</v>
      </c>
      <c r="BT12" s="412">
        <v>0</v>
      </c>
      <c r="BU12" s="102">
        <v>52</v>
      </c>
      <c r="BV12" s="102">
        <v>42</v>
      </c>
      <c r="BW12" s="102">
        <v>45</v>
      </c>
      <c r="BX12" s="102">
        <v>24</v>
      </c>
      <c r="BY12" s="102">
        <v>15</v>
      </c>
      <c r="BZ12" s="103">
        <v>178</v>
      </c>
      <c r="CA12" s="104">
        <v>242</v>
      </c>
      <c r="CB12" s="101">
        <v>0</v>
      </c>
      <c r="CC12" s="102">
        <v>0</v>
      </c>
      <c r="CD12" s="103">
        <v>0</v>
      </c>
      <c r="CE12" s="412">
        <v>0</v>
      </c>
      <c r="CF12" s="102">
        <v>0</v>
      </c>
      <c r="CG12" s="102">
        <v>0</v>
      </c>
      <c r="CH12" s="102">
        <v>0</v>
      </c>
      <c r="CI12" s="102">
        <v>0</v>
      </c>
      <c r="CJ12" s="102">
        <v>0</v>
      </c>
      <c r="CK12" s="103">
        <v>0</v>
      </c>
      <c r="CL12" s="104">
        <v>0</v>
      </c>
      <c r="CM12" s="101">
        <v>103</v>
      </c>
      <c r="CN12" s="102">
        <v>68</v>
      </c>
      <c r="CO12" s="103">
        <v>171</v>
      </c>
      <c r="CP12" s="412">
        <v>0</v>
      </c>
      <c r="CQ12" s="102">
        <v>156</v>
      </c>
      <c r="CR12" s="102">
        <v>108</v>
      </c>
      <c r="CS12" s="102">
        <v>91</v>
      </c>
      <c r="CT12" s="102">
        <v>57</v>
      </c>
      <c r="CU12" s="102">
        <v>44</v>
      </c>
      <c r="CV12" s="103">
        <v>456</v>
      </c>
      <c r="CW12" s="104">
        <v>627</v>
      </c>
      <c r="CX12" s="105">
        <v>14</v>
      </c>
      <c r="CY12" s="97">
        <v>6</v>
      </c>
      <c r="CZ12" s="98">
        <v>20</v>
      </c>
      <c r="DA12" s="412">
        <v>0</v>
      </c>
      <c r="DB12" s="97">
        <v>24</v>
      </c>
      <c r="DC12" s="97">
        <v>28</v>
      </c>
      <c r="DD12" s="97">
        <v>22</v>
      </c>
      <c r="DE12" s="97">
        <v>11</v>
      </c>
      <c r="DF12" s="97">
        <v>5</v>
      </c>
      <c r="DG12" s="99">
        <v>90</v>
      </c>
      <c r="DH12" s="100">
        <v>110</v>
      </c>
      <c r="DI12" s="101">
        <v>2</v>
      </c>
      <c r="DJ12" s="102">
        <v>0</v>
      </c>
      <c r="DK12" s="103">
        <v>2</v>
      </c>
      <c r="DL12" s="412">
        <v>0</v>
      </c>
      <c r="DM12" s="102">
        <v>0</v>
      </c>
      <c r="DN12" s="102">
        <v>1</v>
      </c>
      <c r="DO12" s="102">
        <v>0</v>
      </c>
      <c r="DP12" s="102">
        <v>0</v>
      </c>
      <c r="DQ12" s="102">
        <v>0</v>
      </c>
      <c r="DR12" s="103">
        <v>1</v>
      </c>
      <c r="DS12" s="104">
        <v>3</v>
      </c>
      <c r="DT12" s="101">
        <v>1</v>
      </c>
      <c r="DU12" s="102">
        <v>1</v>
      </c>
      <c r="DV12" s="103">
        <v>2</v>
      </c>
      <c r="DW12" s="412">
        <v>0</v>
      </c>
      <c r="DX12" s="102">
        <v>1</v>
      </c>
      <c r="DY12" s="102">
        <v>3</v>
      </c>
      <c r="DZ12" s="102">
        <v>1</v>
      </c>
      <c r="EA12" s="102">
        <v>0</v>
      </c>
      <c r="EB12" s="102">
        <v>0</v>
      </c>
      <c r="EC12" s="103">
        <v>5</v>
      </c>
      <c r="ED12" s="104">
        <v>7</v>
      </c>
      <c r="EE12" s="101">
        <v>0</v>
      </c>
      <c r="EF12" s="102">
        <v>0</v>
      </c>
      <c r="EG12" s="103">
        <v>0</v>
      </c>
      <c r="EH12" s="412">
        <v>0</v>
      </c>
      <c r="EI12" s="102">
        <v>2</v>
      </c>
      <c r="EJ12" s="102">
        <v>4</v>
      </c>
      <c r="EK12" s="102">
        <v>1</v>
      </c>
      <c r="EL12" s="102">
        <v>1</v>
      </c>
      <c r="EM12" s="102">
        <v>1</v>
      </c>
      <c r="EN12" s="103">
        <v>9</v>
      </c>
      <c r="EO12" s="104">
        <v>9</v>
      </c>
      <c r="EP12" s="101">
        <v>2</v>
      </c>
      <c r="EQ12" s="102">
        <v>0</v>
      </c>
      <c r="ER12" s="103">
        <v>2</v>
      </c>
      <c r="ES12" s="412">
        <v>0</v>
      </c>
      <c r="ET12" s="102">
        <v>4</v>
      </c>
      <c r="EU12" s="102">
        <v>4</v>
      </c>
      <c r="EV12" s="102">
        <v>4</v>
      </c>
      <c r="EW12" s="102">
        <v>1</v>
      </c>
      <c r="EX12" s="102">
        <v>0</v>
      </c>
      <c r="EY12" s="103">
        <v>13</v>
      </c>
      <c r="EZ12" s="104">
        <v>15</v>
      </c>
      <c r="FA12" s="101">
        <v>5</v>
      </c>
      <c r="FB12" s="102">
        <v>3</v>
      </c>
      <c r="FC12" s="103">
        <v>8</v>
      </c>
      <c r="FD12" s="412">
        <v>0</v>
      </c>
      <c r="FE12" s="102">
        <v>8</v>
      </c>
      <c r="FF12" s="102">
        <v>8</v>
      </c>
      <c r="FG12" s="102">
        <v>2</v>
      </c>
      <c r="FH12" s="102">
        <v>2</v>
      </c>
      <c r="FI12" s="102">
        <v>1</v>
      </c>
      <c r="FJ12" s="103">
        <v>21</v>
      </c>
      <c r="FK12" s="104">
        <v>29</v>
      </c>
      <c r="FL12" s="101">
        <v>4</v>
      </c>
      <c r="FM12" s="102">
        <v>2</v>
      </c>
      <c r="FN12" s="103">
        <v>6</v>
      </c>
      <c r="FO12" s="412">
        <v>0</v>
      </c>
      <c r="FP12" s="102">
        <v>9</v>
      </c>
      <c r="FQ12" s="102">
        <v>8</v>
      </c>
      <c r="FR12" s="102">
        <v>14</v>
      </c>
      <c r="FS12" s="102">
        <v>7</v>
      </c>
      <c r="FT12" s="102">
        <v>3</v>
      </c>
      <c r="FU12" s="103">
        <v>41</v>
      </c>
      <c r="FV12" s="104">
        <v>47</v>
      </c>
      <c r="FW12" s="101">
        <v>0</v>
      </c>
      <c r="FX12" s="102">
        <v>0</v>
      </c>
      <c r="FY12" s="103">
        <v>0</v>
      </c>
      <c r="FZ12" s="412">
        <v>0</v>
      </c>
      <c r="GA12" s="102">
        <v>0</v>
      </c>
      <c r="GB12" s="102">
        <v>0</v>
      </c>
      <c r="GC12" s="102">
        <v>0</v>
      </c>
      <c r="GD12" s="102">
        <v>0</v>
      </c>
      <c r="GE12" s="102">
        <v>0</v>
      </c>
      <c r="GF12" s="103">
        <v>0</v>
      </c>
      <c r="GG12" s="104">
        <v>0</v>
      </c>
      <c r="GH12" s="101">
        <v>14</v>
      </c>
      <c r="GI12" s="102">
        <v>6</v>
      </c>
      <c r="GJ12" s="103">
        <v>20</v>
      </c>
      <c r="GK12" s="412">
        <v>0</v>
      </c>
      <c r="GL12" s="102">
        <v>24</v>
      </c>
      <c r="GM12" s="102">
        <v>28</v>
      </c>
      <c r="GN12" s="102">
        <v>22</v>
      </c>
      <c r="GO12" s="102">
        <v>11</v>
      </c>
      <c r="GP12" s="102">
        <v>5</v>
      </c>
      <c r="GQ12" s="103">
        <v>90</v>
      </c>
      <c r="GR12" s="104">
        <v>110</v>
      </c>
      <c r="GS12" s="105">
        <v>117</v>
      </c>
      <c r="GT12" s="97">
        <v>74</v>
      </c>
      <c r="GU12" s="98">
        <v>191</v>
      </c>
      <c r="GV12" s="412">
        <v>0</v>
      </c>
      <c r="GW12" s="97">
        <v>180</v>
      </c>
      <c r="GX12" s="97">
        <v>136</v>
      </c>
      <c r="GY12" s="97">
        <v>113</v>
      </c>
      <c r="GZ12" s="97">
        <v>68</v>
      </c>
      <c r="HA12" s="97">
        <v>49</v>
      </c>
      <c r="HB12" s="99">
        <v>546</v>
      </c>
      <c r="HC12" s="100">
        <v>737</v>
      </c>
      <c r="HD12" s="101">
        <v>4</v>
      </c>
      <c r="HE12" s="102">
        <v>2</v>
      </c>
      <c r="HF12" s="103">
        <v>6</v>
      </c>
      <c r="HG12" s="412">
        <v>0</v>
      </c>
      <c r="HH12" s="102">
        <v>2</v>
      </c>
      <c r="HI12" s="102">
        <v>3</v>
      </c>
      <c r="HJ12" s="102">
        <v>3</v>
      </c>
      <c r="HK12" s="102">
        <v>0</v>
      </c>
      <c r="HL12" s="102">
        <v>0</v>
      </c>
      <c r="HM12" s="103">
        <v>8</v>
      </c>
      <c r="HN12" s="104">
        <v>14</v>
      </c>
      <c r="HO12" s="101">
        <v>4</v>
      </c>
      <c r="HP12" s="102">
        <v>3</v>
      </c>
      <c r="HQ12" s="103">
        <v>7</v>
      </c>
      <c r="HR12" s="412">
        <v>0</v>
      </c>
      <c r="HS12" s="102">
        <v>12</v>
      </c>
      <c r="HT12" s="102">
        <v>9</v>
      </c>
      <c r="HU12" s="102">
        <v>4</v>
      </c>
      <c r="HV12" s="102">
        <v>4</v>
      </c>
      <c r="HW12" s="102">
        <v>5</v>
      </c>
      <c r="HX12" s="103">
        <v>34</v>
      </c>
      <c r="HY12" s="104">
        <v>41</v>
      </c>
      <c r="HZ12" s="101">
        <v>4</v>
      </c>
      <c r="IA12" s="102">
        <v>6</v>
      </c>
      <c r="IB12" s="103">
        <v>10</v>
      </c>
      <c r="IC12" s="412">
        <v>0</v>
      </c>
      <c r="ID12" s="102">
        <v>15</v>
      </c>
      <c r="IE12" s="102">
        <v>19</v>
      </c>
      <c r="IF12" s="102">
        <v>2</v>
      </c>
      <c r="IG12" s="102">
        <v>10</v>
      </c>
      <c r="IH12" s="102">
        <v>4</v>
      </c>
      <c r="II12" s="103">
        <v>50</v>
      </c>
      <c r="IJ12" s="104">
        <v>60</v>
      </c>
      <c r="IK12" s="101">
        <v>23</v>
      </c>
      <c r="IL12" s="102">
        <v>6</v>
      </c>
      <c r="IM12" s="103">
        <v>29</v>
      </c>
      <c r="IN12" s="412">
        <v>0</v>
      </c>
      <c r="IO12" s="102">
        <v>42</v>
      </c>
      <c r="IP12" s="102">
        <v>25</v>
      </c>
      <c r="IQ12" s="102">
        <v>17</v>
      </c>
      <c r="IR12" s="102">
        <v>10</v>
      </c>
      <c r="IS12" s="102">
        <v>9</v>
      </c>
      <c r="IT12" s="103">
        <v>103</v>
      </c>
      <c r="IU12" s="104">
        <v>132</v>
      </c>
      <c r="IV12" s="101">
        <v>44</v>
      </c>
      <c r="IW12" s="102">
        <v>25</v>
      </c>
      <c r="IX12" s="103">
        <v>69</v>
      </c>
      <c r="IY12" s="412">
        <v>0</v>
      </c>
      <c r="IZ12" s="102">
        <v>48</v>
      </c>
      <c r="JA12" s="102">
        <v>30</v>
      </c>
      <c r="JB12" s="102">
        <v>28</v>
      </c>
      <c r="JC12" s="102">
        <v>13</v>
      </c>
      <c r="JD12" s="102">
        <v>13</v>
      </c>
      <c r="JE12" s="103">
        <v>132</v>
      </c>
      <c r="JF12" s="104">
        <v>201</v>
      </c>
      <c r="JG12" s="101">
        <v>38</v>
      </c>
      <c r="JH12" s="102">
        <v>32</v>
      </c>
      <c r="JI12" s="103">
        <v>70</v>
      </c>
      <c r="JJ12" s="412">
        <v>0</v>
      </c>
      <c r="JK12" s="102">
        <v>61</v>
      </c>
      <c r="JL12" s="102">
        <v>50</v>
      </c>
      <c r="JM12" s="102">
        <v>59</v>
      </c>
      <c r="JN12" s="102">
        <v>31</v>
      </c>
      <c r="JO12" s="102">
        <v>18</v>
      </c>
      <c r="JP12" s="103">
        <v>219</v>
      </c>
      <c r="JQ12" s="104">
        <v>289</v>
      </c>
      <c r="JR12" s="101">
        <v>0</v>
      </c>
      <c r="JS12" s="102">
        <v>0</v>
      </c>
      <c r="JT12" s="103">
        <v>0</v>
      </c>
      <c r="JU12" s="412">
        <v>0</v>
      </c>
      <c r="JV12" s="102">
        <v>0</v>
      </c>
      <c r="JW12" s="102">
        <v>0</v>
      </c>
      <c r="JX12" s="102">
        <v>0</v>
      </c>
      <c r="JY12" s="102">
        <v>0</v>
      </c>
      <c r="JZ12" s="102">
        <v>0</v>
      </c>
      <c r="KA12" s="103">
        <v>0</v>
      </c>
      <c r="KB12" s="104">
        <v>0</v>
      </c>
      <c r="KC12" s="101">
        <v>117</v>
      </c>
      <c r="KD12" s="102">
        <v>74</v>
      </c>
      <c r="KE12" s="103">
        <v>191</v>
      </c>
      <c r="KF12" s="412">
        <v>0</v>
      </c>
      <c r="KG12" s="102">
        <v>180</v>
      </c>
      <c r="KH12" s="102">
        <v>136</v>
      </c>
      <c r="KI12" s="102">
        <v>113</v>
      </c>
      <c r="KJ12" s="102">
        <v>68</v>
      </c>
      <c r="KK12" s="102">
        <v>49</v>
      </c>
      <c r="KL12" s="103">
        <v>546</v>
      </c>
      <c r="KM12" s="104">
        <v>737</v>
      </c>
    </row>
    <row r="13" spans="2:299" s="70" customFormat="1" ht="21" customHeight="1" x14ac:dyDescent="0.2">
      <c r="B13" s="106" t="s">
        <v>9</v>
      </c>
      <c r="C13" s="96">
        <v>183</v>
      </c>
      <c r="D13" s="97">
        <v>94</v>
      </c>
      <c r="E13" s="98">
        <v>277</v>
      </c>
      <c r="F13" s="412">
        <v>0</v>
      </c>
      <c r="G13" s="97">
        <v>218</v>
      </c>
      <c r="H13" s="97">
        <v>119</v>
      </c>
      <c r="I13" s="97">
        <v>115</v>
      </c>
      <c r="J13" s="97">
        <v>92</v>
      </c>
      <c r="K13" s="97">
        <v>51</v>
      </c>
      <c r="L13" s="99">
        <v>595</v>
      </c>
      <c r="M13" s="100">
        <v>872</v>
      </c>
      <c r="N13" s="101">
        <v>1</v>
      </c>
      <c r="O13" s="102">
        <v>0</v>
      </c>
      <c r="P13" s="103">
        <v>1</v>
      </c>
      <c r="Q13" s="412">
        <v>0</v>
      </c>
      <c r="R13" s="102">
        <v>1</v>
      </c>
      <c r="S13" s="102">
        <v>0</v>
      </c>
      <c r="T13" s="102">
        <v>1</v>
      </c>
      <c r="U13" s="102">
        <v>0</v>
      </c>
      <c r="V13" s="102">
        <v>0</v>
      </c>
      <c r="W13" s="103">
        <v>2</v>
      </c>
      <c r="X13" s="104">
        <v>3</v>
      </c>
      <c r="Y13" s="101">
        <v>6</v>
      </c>
      <c r="Z13" s="102">
        <v>0</v>
      </c>
      <c r="AA13" s="103">
        <v>6</v>
      </c>
      <c r="AB13" s="412">
        <v>0</v>
      </c>
      <c r="AC13" s="102">
        <v>3</v>
      </c>
      <c r="AD13" s="102">
        <v>3</v>
      </c>
      <c r="AE13" s="102">
        <v>1</v>
      </c>
      <c r="AF13" s="102">
        <v>1</v>
      </c>
      <c r="AG13" s="102">
        <v>2</v>
      </c>
      <c r="AH13" s="103">
        <v>10</v>
      </c>
      <c r="AI13" s="104">
        <v>16</v>
      </c>
      <c r="AJ13" s="101">
        <v>11</v>
      </c>
      <c r="AK13" s="102">
        <v>2</v>
      </c>
      <c r="AL13" s="103">
        <v>13</v>
      </c>
      <c r="AM13" s="412">
        <v>0</v>
      </c>
      <c r="AN13" s="102">
        <v>10</v>
      </c>
      <c r="AO13" s="102">
        <v>12</v>
      </c>
      <c r="AP13" s="102">
        <v>10</v>
      </c>
      <c r="AQ13" s="102">
        <v>6</v>
      </c>
      <c r="AR13" s="102">
        <v>3</v>
      </c>
      <c r="AS13" s="103">
        <v>41</v>
      </c>
      <c r="AT13" s="104">
        <v>54</v>
      </c>
      <c r="AU13" s="101">
        <v>30</v>
      </c>
      <c r="AV13" s="102">
        <v>18</v>
      </c>
      <c r="AW13" s="103">
        <v>48</v>
      </c>
      <c r="AX13" s="412">
        <v>0</v>
      </c>
      <c r="AY13" s="102">
        <v>33</v>
      </c>
      <c r="AZ13" s="102">
        <v>10</v>
      </c>
      <c r="BA13" s="102">
        <v>14</v>
      </c>
      <c r="BB13" s="102">
        <v>9</v>
      </c>
      <c r="BC13" s="102">
        <v>9</v>
      </c>
      <c r="BD13" s="103">
        <v>75</v>
      </c>
      <c r="BE13" s="104">
        <v>123</v>
      </c>
      <c r="BF13" s="101">
        <v>68</v>
      </c>
      <c r="BG13" s="102">
        <v>42</v>
      </c>
      <c r="BH13" s="103">
        <v>110</v>
      </c>
      <c r="BI13" s="412">
        <v>0</v>
      </c>
      <c r="BJ13" s="102">
        <v>72</v>
      </c>
      <c r="BK13" s="102">
        <v>30</v>
      </c>
      <c r="BL13" s="102">
        <v>34</v>
      </c>
      <c r="BM13" s="102">
        <v>26</v>
      </c>
      <c r="BN13" s="102">
        <v>15</v>
      </c>
      <c r="BO13" s="103">
        <v>177</v>
      </c>
      <c r="BP13" s="104">
        <v>287</v>
      </c>
      <c r="BQ13" s="101">
        <v>67</v>
      </c>
      <c r="BR13" s="102">
        <v>32</v>
      </c>
      <c r="BS13" s="103">
        <v>99</v>
      </c>
      <c r="BT13" s="412">
        <v>0</v>
      </c>
      <c r="BU13" s="102">
        <v>99</v>
      </c>
      <c r="BV13" s="102">
        <v>64</v>
      </c>
      <c r="BW13" s="102">
        <v>55</v>
      </c>
      <c r="BX13" s="102">
        <v>50</v>
      </c>
      <c r="BY13" s="102">
        <v>22</v>
      </c>
      <c r="BZ13" s="103">
        <v>290</v>
      </c>
      <c r="CA13" s="104">
        <v>389</v>
      </c>
      <c r="CB13" s="101">
        <v>0</v>
      </c>
      <c r="CC13" s="102">
        <v>0</v>
      </c>
      <c r="CD13" s="103">
        <v>0</v>
      </c>
      <c r="CE13" s="412">
        <v>0</v>
      </c>
      <c r="CF13" s="102">
        <v>0</v>
      </c>
      <c r="CG13" s="102">
        <v>0</v>
      </c>
      <c r="CH13" s="102">
        <v>0</v>
      </c>
      <c r="CI13" s="102">
        <v>0</v>
      </c>
      <c r="CJ13" s="102">
        <v>0</v>
      </c>
      <c r="CK13" s="103">
        <v>0</v>
      </c>
      <c r="CL13" s="104">
        <v>0</v>
      </c>
      <c r="CM13" s="101">
        <v>183</v>
      </c>
      <c r="CN13" s="102">
        <v>94</v>
      </c>
      <c r="CO13" s="103">
        <v>277</v>
      </c>
      <c r="CP13" s="412">
        <v>0</v>
      </c>
      <c r="CQ13" s="102">
        <v>218</v>
      </c>
      <c r="CR13" s="102">
        <v>119</v>
      </c>
      <c r="CS13" s="102">
        <v>115</v>
      </c>
      <c r="CT13" s="102">
        <v>92</v>
      </c>
      <c r="CU13" s="102">
        <v>51</v>
      </c>
      <c r="CV13" s="103">
        <v>595</v>
      </c>
      <c r="CW13" s="104">
        <v>872</v>
      </c>
      <c r="CX13" s="105">
        <v>29</v>
      </c>
      <c r="CY13" s="97">
        <v>25</v>
      </c>
      <c r="CZ13" s="98">
        <v>54</v>
      </c>
      <c r="DA13" s="412">
        <v>0</v>
      </c>
      <c r="DB13" s="97">
        <v>26</v>
      </c>
      <c r="DC13" s="97">
        <v>23</v>
      </c>
      <c r="DD13" s="97">
        <v>18</v>
      </c>
      <c r="DE13" s="97">
        <v>18</v>
      </c>
      <c r="DF13" s="97">
        <v>10</v>
      </c>
      <c r="DG13" s="99">
        <v>95</v>
      </c>
      <c r="DH13" s="100">
        <v>149</v>
      </c>
      <c r="DI13" s="101">
        <v>0</v>
      </c>
      <c r="DJ13" s="102">
        <v>1</v>
      </c>
      <c r="DK13" s="103">
        <v>1</v>
      </c>
      <c r="DL13" s="412">
        <v>0</v>
      </c>
      <c r="DM13" s="102">
        <v>0</v>
      </c>
      <c r="DN13" s="102">
        <v>1</v>
      </c>
      <c r="DO13" s="102">
        <v>1</v>
      </c>
      <c r="DP13" s="102">
        <v>0</v>
      </c>
      <c r="DQ13" s="102">
        <v>1</v>
      </c>
      <c r="DR13" s="103">
        <v>3</v>
      </c>
      <c r="DS13" s="104">
        <v>4</v>
      </c>
      <c r="DT13" s="101">
        <v>4</v>
      </c>
      <c r="DU13" s="102">
        <v>2</v>
      </c>
      <c r="DV13" s="103">
        <v>6</v>
      </c>
      <c r="DW13" s="412">
        <v>0</v>
      </c>
      <c r="DX13" s="102">
        <v>1</v>
      </c>
      <c r="DY13" s="102">
        <v>0</v>
      </c>
      <c r="DZ13" s="102">
        <v>0</v>
      </c>
      <c r="EA13" s="102">
        <v>0</v>
      </c>
      <c r="EB13" s="102">
        <v>0</v>
      </c>
      <c r="EC13" s="103">
        <v>1</v>
      </c>
      <c r="ED13" s="104">
        <v>7</v>
      </c>
      <c r="EE13" s="101">
        <v>7</v>
      </c>
      <c r="EF13" s="102">
        <v>0</v>
      </c>
      <c r="EG13" s="103">
        <v>7</v>
      </c>
      <c r="EH13" s="412">
        <v>0</v>
      </c>
      <c r="EI13" s="102">
        <v>1</v>
      </c>
      <c r="EJ13" s="102">
        <v>4</v>
      </c>
      <c r="EK13" s="102">
        <v>2</v>
      </c>
      <c r="EL13" s="102">
        <v>0</v>
      </c>
      <c r="EM13" s="102">
        <v>1</v>
      </c>
      <c r="EN13" s="103">
        <v>8</v>
      </c>
      <c r="EO13" s="104">
        <v>15</v>
      </c>
      <c r="EP13" s="101">
        <v>7</v>
      </c>
      <c r="EQ13" s="102">
        <v>6</v>
      </c>
      <c r="ER13" s="103">
        <v>13</v>
      </c>
      <c r="ES13" s="412">
        <v>0</v>
      </c>
      <c r="ET13" s="102">
        <v>7</v>
      </c>
      <c r="EU13" s="102">
        <v>1</v>
      </c>
      <c r="EV13" s="102">
        <v>2</v>
      </c>
      <c r="EW13" s="102">
        <v>2</v>
      </c>
      <c r="EX13" s="102">
        <v>0</v>
      </c>
      <c r="EY13" s="103">
        <v>12</v>
      </c>
      <c r="EZ13" s="104">
        <v>25</v>
      </c>
      <c r="FA13" s="101">
        <v>6</v>
      </c>
      <c r="FB13" s="102">
        <v>9</v>
      </c>
      <c r="FC13" s="103">
        <v>15</v>
      </c>
      <c r="FD13" s="412">
        <v>0</v>
      </c>
      <c r="FE13" s="102">
        <v>7</v>
      </c>
      <c r="FF13" s="102">
        <v>8</v>
      </c>
      <c r="FG13" s="102">
        <v>2</v>
      </c>
      <c r="FH13" s="102">
        <v>4</v>
      </c>
      <c r="FI13" s="102">
        <v>3</v>
      </c>
      <c r="FJ13" s="103">
        <v>24</v>
      </c>
      <c r="FK13" s="104">
        <v>39</v>
      </c>
      <c r="FL13" s="101">
        <v>5</v>
      </c>
      <c r="FM13" s="102">
        <v>7</v>
      </c>
      <c r="FN13" s="103">
        <v>12</v>
      </c>
      <c r="FO13" s="412">
        <v>0</v>
      </c>
      <c r="FP13" s="102">
        <v>10</v>
      </c>
      <c r="FQ13" s="102">
        <v>9</v>
      </c>
      <c r="FR13" s="102">
        <v>11</v>
      </c>
      <c r="FS13" s="102">
        <v>12</v>
      </c>
      <c r="FT13" s="102">
        <v>5</v>
      </c>
      <c r="FU13" s="103">
        <v>47</v>
      </c>
      <c r="FV13" s="104">
        <v>59</v>
      </c>
      <c r="FW13" s="101">
        <v>0</v>
      </c>
      <c r="FX13" s="102">
        <v>0</v>
      </c>
      <c r="FY13" s="103">
        <v>0</v>
      </c>
      <c r="FZ13" s="412">
        <v>0</v>
      </c>
      <c r="GA13" s="102">
        <v>0</v>
      </c>
      <c r="GB13" s="102">
        <v>0</v>
      </c>
      <c r="GC13" s="102">
        <v>0</v>
      </c>
      <c r="GD13" s="102">
        <v>0</v>
      </c>
      <c r="GE13" s="102">
        <v>0</v>
      </c>
      <c r="GF13" s="103">
        <v>0</v>
      </c>
      <c r="GG13" s="104">
        <v>0</v>
      </c>
      <c r="GH13" s="101">
        <v>29</v>
      </c>
      <c r="GI13" s="102">
        <v>25</v>
      </c>
      <c r="GJ13" s="103">
        <v>54</v>
      </c>
      <c r="GK13" s="412">
        <v>0</v>
      </c>
      <c r="GL13" s="102">
        <v>26</v>
      </c>
      <c r="GM13" s="102">
        <v>23</v>
      </c>
      <c r="GN13" s="102">
        <v>18</v>
      </c>
      <c r="GO13" s="102">
        <v>18</v>
      </c>
      <c r="GP13" s="102">
        <v>10</v>
      </c>
      <c r="GQ13" s="103">
        <v>95</v>
      </c>
      <c r="GR13" s="104">
        <v>149</v>
      </c>
      <c r="GS13" s="105">
        <v>212</v>
      </c>
      <c r="GT13" s="97">
        <v>119</v>
      </c>
      <c r="GU13" s="98">
        <v>331</v>
      </c>
      <c r="GV13" s="412">
        <v>0</v>
      </c>
      <c r="GW13" s="97">
        <v>244</v>
      </c>
      <c r="GX13" s="97">
        <v>142</v>
      </c>
      <c r="GY13" s="97">
        <v>133</v>
      </c>
      <c r="GZ13" s="97">
        <v>110</v>
      </c>
      <c r="HA13" s="97">
        <v>61</v>
      </c>
      <c r="HB13" s="99">
        <v>690</v>
      </c>
      <c r="HC13" s="100">
        <v>1021</v>
      </c>
      <c r="HD13" s="101">
        <v>1</v>
      </c>
      <c r="HE13" s="102">
        <v>1</v>
      </c>
      <c r="HF13" s="103">
        <v>2</v>
      </c>
      <c r="HG13" s="412">
        <v>0</v>
      </c>
      <c r="HH13" s="102">
        <v>1</v>
      </c>
      <c r="HI13" s="102">
        <v>1</v>
      </c>
      <c r="HJ13" s="102">
        <v>2</v>
      </c>
      <c r="HK13" s="102">
        <v>0</v>
      </c>
      <c r="HL13" s="102">
        <v>1</v>
      </c>
      <c r="HM13" s="103">
        <v>5</v>
      </c>
      <c r="HN13" s="104">
        <v>7</v>
      </c>
      <c r="HO13" s="101">
        <v>10</v>
      </c>
      <c r="HP13" s="102">
        <v>2</v>
      </c>
      <c r="HQ13" s="103">
        <v>12</v>
      </c>
      <c r="HR13" s="412">
        <v>0</v>
      </c>
      <c r="HS13" s="102">
        <v>4</v>
      </c>
      <c r="HT13" s="102">
        <v>3</v>
      </c>
      <c r="HU13" s="102">
        <v>1</v>
      </c>
      <c r="HV13" s="102">
        <v>1</v>
      </c>
      <c r="HW13" s="102">
        <v>2</v>
      </c>
      <c r="HX13" s="103">
        <v>11</v>
      </c>
      <c r="HY13" s="104">
        <v>23</v>
      </c>
      <c r="HZ13" s="101">
        <v>18</v>
      </c>
      <c r="IA13" s="102">
        <v>2</v>
      </c>
      <c r="IB13" s="103">
        <v>20</v>
      </c>
      <c r="IC13" s="412">
        <v>0</v>
      </c>
      <c r="ID13" s="102">
        <v>11</v>
      </c>
      <c r="IE13" s="102">
        <v>16</v>
      </c>
      <c r="IF13" s="102">
        <v>12</v>
      </c>
      <c r="IG13" s="102">
        <v>6</v>
      </c>
      <c r="IH13" s="102">
        <v>4</v>
      </c>
      <c r="II13" s="103">
        <v>49</v>
      </c>
      <c r="IJ13" s="104">
        <v>69</v>
      </c>
      <c r="IK13" s="101">
        <v>37</v>
      </c>
      <c r="IL13" s="102">
        <v>24</v>
      </c>
      <c r="IM13" s="103">
        <v>61</v>
      </c>
      <c r="IN13" s="412">
        <v>0</v>
      </c>
      <c r="IO13" s="102">
        <v>40</v>
      </c>
      <c r="IP13" s="102">
        <v>11</v>
      </c>
      <c r="IQ13" s="102">
        <v>16</v>
      </c>
      <c r="IR13" s="102">
        <v>11</v>
      </c>
      <c r="IS13" s="102">
        <v>9</v>
      </c>
      <c r="IT13" s="103">
        <v>87</v>
      </c>
      <c r="IU13" s="104">
        <v>148</v>
      </c>
      <c r="IV13" s="101">
        <v>74</v>
      </c>
      <c r="IW13" s="102">
        <v>51</v>
      </c>
      <c r="IX13" s="103">
        <v>125</v>
      </c>
      <c r="IY13" s="412">
        <v>0</v>
      </c>
      <c r="IZ13" s="102">
        <v>79</v>
      </c>
      <c r="JA13" s="102">
        <v>38</v>
      </c>
      <c r="JB13" s="102">
        <v>36</v>
      </c>
      <c r="JC13" s="102">
        <v>30</v>
      </c>
      <c r="JD13" s="102">
        <v>18</v>
      </c>
      <c r="JE13" s="103">
        <v>201</v>
      </c>
      <c r="JF13" s="104">
        <v>326</v>
      </c>
      <c r="JG13" s="101">
        <v>72</v>
      </c>
      <c r="JH13" s="102">
        <v>39</v>
      </c>
      <c r="JI13" s="103">
        <v>111</v>
      </c>
      <c r="JJ13" s="412">
        <v>0</v>
      </c>
      <c r="JK13" s="102">
        <v>109</v>
      </c>
      <c r="JL13" s="102">
        <v>73</v>
      </c>
      <c r="JM13" s="102">
        <v>66</v>
      </c>
      <c r="JN13" s="102">
        <v>62</v>
      </c>
      <c r="JO13" s="102">
        <v>27</v>
      </c>
      <c r="JP13" s="103">
        <v>337</v>
      </c>
      <c r="JQ13" s="104">
        <v>448</v>
      </c>
      <c r="JR13" s="101">
        <v>0</v>
      </c>
      <c r="JS13" s="102">
        <v>0</v>
      </c>
      <c r="JT13" s="103">
        <v>0</v>
      </c>
      <c r="JU13" s="412">
        <v>0</v>
      </c>
      <c r="JV13" s="102">
        <v>0</v>
      </c>
      <c r="JW13" s="102">
        <v>0</v>
      </c>
      <c r="JX13" s="102">
        <v>0</v>
      </c>
      <c r="JY13" s="102">
        <v>0</v>
      </c>
      <c r="JZ13" s="102">
        <v>0</v>
      </c>
      <c r="KA13" s="103">
        <v>0</v>
      </c>
      <c r="KB13" s="104">
        <v>0</v>
      </c>
      <c r="KC13" s="101">
        <v>212</v>
      </c>
      <c r="KD13" s="102">
        <v>119</v>
      </c>
      <c r="KE13" s="103">
        <v>331</v>
      </c>
      <c r="KF13" s="412">
        <v>0</v>
      </c>
      <c r="KG13" s="102">
        <v>244</v>
      </c>
      <c r="KH13" s="102">
        <v>142</v>
      </c>
      <c r="KI13" s="102">
        <v>133</v>
      </c>
      <c r="KJ13" s="102">
        <v>110</v>
      </c>
      <c r="KK13" s="102">
        <v>61</v>
      </c>
      <c r="KL13" s="103">
        <v>690</v>
      </c>
      <c r="KM13" s="104">
        <v>1021</v>
      </c>
    </row>
    <row r="14" spans="2:299" s="70" customFormat="1" ht="21" customHeight="1" x14ac:dyDescent="0.2">
      <c r="B14" s="106" t="s">
        <v>10</v>
      </c>
      <c r="C14" s="96">
        <v>362</v>
      </c>
      <c r="D14" s="97">
        <v>206</v>
      </c>
      <c r="E14" s="98">
        <v>568</v>
      </c>
      <c r="F14" s="412">
        <v>0</v>
      </c>
      <c r="G14" s="97">
        <v>342</v>
      </c>
      <c r="H14" s="97">
        <v>168</v>
      </c>
      <c r="I14" s="97">
        <v>129</v>
      </c>
      <c r="J14" s="97">
        <v>131</v>
      </c>
      <c r="K14" s="97">
        <v>88</v>
      </c>
      <c r="L14" s="99">
        <v>858</v>
      </c>
      <c r="M14" s="100">
        <v>1426</v>
      </c>
      <c r="N14" s="101">
        <v>7</v>
      </c>
      <c r="O14" s="102">
        <v>3</v>
      </c>
      <c r="P14" s="103">
        <v>10</v>
      </c>
      <c r="Q14" s="412">
        <v>0</v>
      </c>
      <c r="R14" s="102">
        <v>4</v>
      </c>
      <c r="S14" s="102">
        <v>3</v>
      </c>
      <c r="T14" s="102">
        <v>0</v>
      </c>
      <c r="U14" s="102">
        <v>3</v>
      </c>
      <c r="V14" s="102">
        <v>0</v>
      </c>
      <c r="W14" s="103">
        <v>10</v>
      </c>
      <c r="X14" s="104">
        <v>20</v>
      </c>
      <c r="Y14" s="101">
        <v>12</v>
      </c>
      <c r="Z14" s="102">
        <v>5</v>
      </c>
      <c r="AA14" s="103">
        <v>17</v>
      </c>
      <c r="AB14" s="412">
        <v>0</v>
      </c>
      <c r="AC14" s="102">
        <v>16</v>
      </c>
      <c r="AD14" s="102">
        <v>9</v>
      </c>
      <c r="AE14" s="102">
        <v>3</v>
      </c>
      <c r="AF14" s="102">
        <v>6</v>
      </c>
      <c r="AG14" s="102">
        <v>8</v>
      </c>
      <c r="AH14" s="103">
        <v>42</v>
      </c>
      <c r="AI14" s="104">
        <v>59</v>
      </c>
      <c r="AJ14" s="101">
        <v>24</v>
      </c>
      <c r="AK14" s="102">
        <v>10</v>
      </c>
      <c r="AL14" s="103">
        <v>34</v>
      </c>
      <c r="AM14" s="412">
        <v>0</v>
      </c>
      <c r="AN14" s="102">
        <v>25</v>
      </c>
      <c r="AO14" s="102">
        <v>11</v>
      </c>
      <c r="AP14" s="102">
        <v>6</v>
      </c>
      <c r="AQ14" s="102">
        <v>14</v>
      </c>
      <c r="AR14" s="102">
        <v>11</v>
      </c>
      <c r="AS14" s="103">
        <v>67</v>
      </c>
      <c r="AT14" s="104">
        <v>101</v>
      </c>
      <c r="AU14" s="101">
        <v>73</v>
      </c>
      <c r="AV14" s="102">
        <v>39</v>
      </c>
      <c r="AW14" s="103">
        <v>112</v>
      </c>
      <c r="AX14" s="412">
        <v>0</v>
      </c>
      <c r="AY14" s="102">
        <v>69</v>
      </c>
      <c r="AZ14" s="102">
        <v>32</v>
      </c>
      <c r="BA14" s="102">
        <v>23</v>
      </c>
      <c r="BB14" s="102">
        <v>19</v>
      </c>
      <c r="BC14" s="102">
        <v>13</v>
      </c>
      <c r="BD14" s="103">
        <v>156</v>
      </c>
      <c r="BE14" s="104">
        <v>268</v>
      </c>
      <c r="BF14" s="101">
        <v>146</v>
      </c>
      <c r="BG14" s="102">
        <v>83</v>
      </c>
      <c r="BH14" s="103">
        <v>229</v>
      </c>
      <c r="BI14" s="412">
        <v>0</v>
      </c>
      <c r="BJ14" s="102">
        <v>112</v>
      </c>
      <c r="BK14" s="102">
        <v>49</v>
      </c>
      <c r="BL14" s="102">
        <v>28</v>
      </c>
      <c r="BM14" s="102">
        <v>36</v>
      </c>
      <c r="BN14" s="102">
        <v>20</v>
      </c>
      <c r="BO14" s="103">
        <v>245</v>
      </c>
      <c r="BP14" s="104">
        <v>474</v>
      </c>
      <c r="BQ14" s="101">
        <v>100</v>
      </c>
      <c r="BR14" s="102">
        <v>66</v>
      </c>
      <c r="BS14" s="103">
        <v>166</v>
      </c>
      <c r="BT14" s="412">
        <v>0</v>
      </c>
      <c r="BU14" s="102">
        <v>116</v>
      </c>
      <c r="BV14" s="102">
        <v>64</v>
      </c>
      <c r="BW14" s="102">
        <v>69</v>
      </c>
      <c r="BX14" s="102">
        <v>53</v>
      </c>
      <c r="BY14" s="102">
        <v>36</v>
      </c>
      <c r="BZ14" s="103">
        <v>338</v>
      </c>
      <c r="CA14" s="104">
        <v>504</v>
      </c>
      <c r="CB14" s="101">
        <v>0</v>
      </c>
      <c r="CC14" s="102">
        <v>0</v>
      </c>
      <c r="CD14" s="103">
        <v>0</v>
      </c>
      <c r="CE14" s="412">
        <v>0</v>
      </c>
      <c r="CF14" s="102">
        <v>0</v>
      </c>
      <c r="CG14" s="102">
        <v>0</v>
      </c>
      <c r="CH14" s="102">
        <v>0</v>
      </c>
      <c r="CI14" s="102">
        <v>0</v>
      </c>
      <c r="CJ14" s="102">
        <v>0</v>
      </c>
      <c r="CK14" s="103">
        <v>0</v>
      </c>
      <c r="CL14" s="104">
        <v>0</v>
      </c>
      <c r="CM14" s="101">
        <v>362</v>
      </c>
      <c r="CN14" s="102">
        <v>206</v>
      </c>
      <c r="CO14" s="103">
        <v>568</v>
      </c>
      <c r="CP14" s="412">
        <v>0</v>
      </c>
      <c r="CQ14" s="102">
        <v>342</v>
      </c>
      <c r="CR14" s="102">
        <v>168</v>
      </c>
      <c r="CS14" s="102">
        <v>129</v>
      </c>
      <c r="CT14" s="102">
        <v>131</v>
      </c>
      <c r="CU14" s="102">
        <v>88</v>
      </c>
      <c r="CV14" s="103">
        <v>858</v>
      </c>
      <c r="CW14" s="104">
        <v>1426</v>
      </c>
      <c r="CX14" s="105">
        <v>43</v>
      </c>
      <c r="CY14" s="97">
        <v>30</v>
      </c>
      <c r="CZ14" s="98">
        <v>73</v>
      </c>
      <c r="DA14" s="412">
        <v>0</v>
      </c>
      <c r="DB14" s="97">
        <v>59</v>
      </c>
      <c r="DC14" s="97">
        <v>22</v>
      </c>
      <c r="DD14" s="97">
        <v>21</v>
      </c>
      <c r="DE14" s="97">
        <v>27</v>
      </c>
      <c r="DF14" s="97">
        <v>19</v>
      </c>
      <c r="DG14" s="99">
        <v>148</v>
      </c>
      <c r="DH14" s="100">
        <v>221</v>
      </c>
      <c r="DI14" s="101">
        <v>0</v>
      </c>
      <c r="DJ14" s="102">
        <v>2</v>
      </c>
      <c r="DK14" s="103">
        <v>2</v>
      </c>
      <c r="DL14" s="412">
        <v>0</v>
      </c>
      <c r="DM14" s="102">
        <v>1</v>
      </c>
      <c r="DN14" s="102">
        <v>2</v>
      </c>
      <c r="DO14" s="102">
        <v>1</v>
      </c>
      <c r="DP14" s="102">
        <v>0</v>
      </c>
      <c r="DQ14" s="102">
        <v>0</v>
      </c>
      <c r="DR14" s="103">
        <v>4</v>
      </c>
      <c r="DS14" s="104">
        <v>6</v>
      </c>
      <c r="DT14" s="101">
        <v>4</v>
      </c>
      <c r="DU14" s="102">
        <v>3</v>
      </c>
      <c r="DV14" s="103">
        <v>7</v>
      </c>
      <c r="DW14" s="412">
        <v>0</v>
      </c>
      <c r="DX14" s="102">
        <v>2</v>
      </c>
      <c r="DY14" s="102">
        <v>0</v>
      </c>
      <c r="DZ14" s="102">
        <v>0</v>
      </c>
      <c r="EA14" s="102">
        <v>2</v>
      </c>
      <c r="EB14" s="102">
        <v>2</v>
      </c>
      <c r="EC14" s="103">
        <v>6</v>
      </c>
      <c r="ED14" s="104">
        <v>13</v>
      </c>
      <c r="EE14" s="101">
        <v>3</v>
      </c>
      <c r="EF14" s="102">
        <v>2</v>
      </c>
      <c r="EG14" s="103">
        <v>5</v>
      </c>
      <c r="EH14" s="412">
        <v>0</v>
      </c>
      <c r="EI14" s="102">
        <v>3</v>
      </c>
      <c r="EJ14" s="102">
        <v>1</v>
      </c>
      <c r="EK14" s="102">
        <v>1</v>
      </c>
      <c r="EL14" s="102">
        <v>0</v>
      </c>
      <c r="EM14" s="102">
        <v>0</v>
      </c>
      <c r="EN14" s="103">
        <v>5</v>
      </c>
      <c r="EO14" s="104">
        <v>10</v>
      </c>
      <c r="EP14" s="101">
        <v>10</v>
      </c>
      <c r="EQ14" s="102">
        <v>2</v>
      </c>
      <c r="ER14" s="103">
        <v>12</v>
      </c>
      <c r="ES14" s="412">
        <v>0</v>
      </c>
      <c r="ET14" s="102">
        <v>5</v>
      </c>
      <c r="EU14" s="102">
        <v>2</v>
      </c>
      <c r="EV14" s="102">
        <v>3</v>
      </c>
      <c r="EW14" s="102">
        <v>3</v>
      </c>
      <c r="EX14" s="102">
        <v>1</v>
      </c>
      <c r="EY14" s="103">
        <v>14</v>
      </c>
      <c r="EZ14" s="104">
        <v>26</v>
      </c>
      <c r="FA14" s="101">
        <v>19</v>
      </c>
      <c r="FB14" s="102">
        <v>10</v>
      </c>
      <c r="FC14" s="103">
        <v>29</v>
      </c>
      <c r="FD14" s="412">
        <v>0</v>
      </c>
      <c r="FE14" s="102">
        <v>22</v>
      </c>
      <c r="FF14" s="102">
        <v>6</v>
      </c>
      <c r="FG14" s="102">
        <v>5</v>
      </c>
      <c r="FH14" s="102">
        <v>6</v>
      </c>
      <c r="FI14" s="102">
        <v>8</v>
      </c>
      <c r="FJ14" s="103">
        <v>47</v>
      </c>
      <c r="FK14" s="104">
        <v>76</v>
      </c>
      <c r="FL14" s="101">
        <v>7</v>
      </c>
      <c r="FM14" s="102">
        <v>11</v>
      </c>
      <c r="FN14" s="103">
        <v>18</v>
      </c>
      <c r="FO14" s="412">
        <v>0</v>
      </c>
      <c r="FP14" s="102">
        <v>26</v>
      </c>
      <c r="FQ14" s="102">
        <v>11</v>
      </c>
      <c r="FR14" s="102">
        <v>11</v>
      </c>
      <c r="FS14" s="102">
        <v>16</v>
      </c>
      <c r="FT14" s="102">
        <v>8</v>
      </c>
      <c r="FU14" s="103">
        <v>72</v>
      </c>
      <c r="FV14" s="104">
        <v>90</v>
      </c>
      <c r="FW14" s="101">
        <v>0</v>
      </c>
      <c r="FX14" s="102">
        <v>0</v>
      </c>
      <c r="FY14" s="103">
        <v>0</v>
      </c>
      <c r="FZ14" s="412">
        <v>0</v>
      </c>
      <c r="GA14" s="102">
        <v>0</v>
      </c>
      <c r="GB14" s="102">
        <v>0</v>
      </c>
      <c r="GC14" s="102">
        <v>0</v>
      </c>
      <c r="GD14" s="102">
        <v>0</v>
      </c>
      <c r="GE14" s="102">
        <v>0</v>
      </c>
      <c r="GF14" s="103">
        <v>0</v>
      </c>
      <c r="GG14" s="104">
        <v>0</v>
      </c>
      <c r="GH14" s="101">
        <v>43</v>
      </c>
      <c r="GI14" s="102">
        <v>30</v>
      </c>
      <c r="GJ14" s="103">
        <v>73</v>
      </c>
      <c r="GK14" s="412">
        <v>0</v>
      </c>
      <c r="GL14" s="102">
        <v>59</v>
      </c>
      <c r="GM14" s="102">
        <v>22</v>
      </c>
      <c r="GN14" s="102">
        <v>21</v>
      </c>
      <c r="GO14" s="102">
        <v>27</v>
      </c>
      <c r="GP14" s="102">
        <v>19</v>
      </c>
      <c r="GQ14" s="103">
        <v>148</v>
      </c>
      <c r="GR14" s="104">
        <v>221</v>
      </c>
      <c r="GS14" s="105">
        <v>405</v>
      </c>
      <c r="GT14" s="97">
        <v>236</v>
      </c>
      <c r="GU14" s="98">
        <v>641</v>
      </c>
      <c r="GV14" s="412">
        <v>0</v>
      </c>
      <c r="GW14" s="97">
        <v>401</v>
      </c>
      <c r="GX14" s="97">
        <v>190</v>
      </c>
      <c r="GY14" s="97">
        <v>150</v>
      </c>
      <c r="GZ14" s="97">
        <v>158</v>
      </c>
      <c r="HA14" s="97">
        <v>107</v>
      </c>
      <c r="HB14" s="99">
        <v>1006</v>
      </c>
      <c r="HC14" s="100">
        <v>1647</v>
      </c>
      <c r="HD14" s="101">
        <v>7</v>
      </c>
      <c r="HE14" s="102">
        <v>5</v>
      </c>
      <c r="HF14" s="103">
        <v>12</v>
      </c>
      <c r="HG14" s="412">
        <v>0</v>
      </c>
      <c r="HH14" s="102">
        <v>5</v>
      </c>
      <c r="HI14" s="102">
        <v>5</v>
      </c>
      <c r="HJ14" s="102">
        <v>1</v>
      </c>
      <c r="HK14" s="102">
        <v>3</v>
      </c>
      <c r="HL14" s="102">
        <v>0</v>
      </c>
      <c r="HM14" s="103">
        <v>14</v>
      </c>
      <c r="HN14" s="104">
        <v>26</v>
      </c>
      <c r="HO14" s="101">
        <v>16</v>
      </c>
      <c r="HP14" s="102">
        <v>8</v>
      </c>
      <c r="HQ14" s="103">
        <v>24</v>
      </c>
      <c r="HR14" s="412">
        <v>0</v>
      </c>
      <c r="HS14" s="102">
        <v>18</v>
      </c>
      <c r="HT14" s="102">
        <v>9</v>
      </c>
      <c r="HU14" s="102">
        <v>3</v>
      </c>
      <c r="HV14" s="102">
        <v>8</v>
      </c>
      <c r="HW14" s="102">
        <v>10</v>
      </c>
      <c r="HX14" s="103">
        <v>48</v>
      </c>
      <c r="HY14" s="104">
        <v>72</v>
      </c>
      <c r="HZ14" s="101">
        <v>27</v>
      </c>
      <c r="IA14" s="102">
        <v>12</v>
      </c>
      <c r="IB14" s="103">
        <v>39</v>
      </c>
      <c r="IC14" s="412">
        <v>0</v>
      </c>
      <c r="ID14" s="102">
        <v>28</v>
      </c>
      <c r="IE14" s="102">
        <v>12</v>
      </c>
      <c r="IF14" s="102">
        <v>7</v>
      </c>
      <c r="IG14" s="102">
        <v>14</v>
      </c>
      <c r="IH14" s="102">
        <v>11</v>
      </c>
      <c r="II14" s="103">
        <v>72</v>
      </c>
      <c r="IJ14" s="104">
        <v>111</v>
      </c>
      <c r="IK14" s="101">
        <v>83</v>
      </c>
      <c r="IL14" s="102">
        <v>41</v>
      </c>
      <c r="IM14" s="103">
        <v>124</v>
      </c>
      <c r="IN14" s="412">
        <v>0</v>
      </c>
      <c r="IO14" s="102">
        <v>74</v>
      </c>
      <c r="IP14" s="102">
        <v>34</v>
      </c>
      <c r="IQ14" s="102">
        <v>26</v>
      </c>
      <c r="IR14" s="102">
        <v>22</v>
      </c>
      <c r="IS14" s="102">
        <v>14</v>
      </c>
      <c r="IT14" s="103">
        <v>170</v>
      </c>
      <c r="IU14" s="104">
        <v>294</v>
      </c>
      <c r="IV14" s="101">
        <v>165</v>
      </c>
      <c r="IW14" s="102">
        <v>93</v>
      </c>
      <c r="IX14" s="103">
        <v>258</v>
      </c>
      <c r="IY14" s="412">
        <v>0</v>
      </c>
      <c r="IZ14" s="102">
        <v>134</v>
      </c>
      <c r="JA14" s="102">
        <v>55</v>
      </c>
      <c r="JB14" s="102">
        <v>33</v>
      </c>
      <c r="JC14" s="102">
        <v>42</v>
      </c>
      <c r="JD14" s="102">
        <v>28</v>
      </c>
      <c r="JE14" s="103">
        <v>292</v>
      </c>
      <c r="JF14" s="104">
        <v>550</v>
      </c>
      <c r="JG14" s="101">
        <v>107</v>
      </c>
      <c r="JH14" s="102">
        <v>77</v>
      </c>
      <c r="JI14" s="103">
        <v>184</v>
      </c>
      <c r="JJ14" s="412">
        <v>0</v>
      </c>
      <c r="JK14" s="102">
        <v>142</v>
      </c>
      <c r="JL14" s="102">
        <v>75</v>
      </c>
      <c r="JM14" s="102">
        <v>80</v>
      </c>
      <c r="JN14" s="102">
        <v>69</v>
      </c>
      <c r="JO14" s="102">
        <v>44</v>
      </c>
      <c r="JP14" s="103">
        <v>410</v>
      </c>
      <c r="JQ14" s="104">
        <v>594</v>
      </c>
      <c r="JR14" s="101">
        <v>0</v>
      </c>
      <c r="JS14" s="102">
        <v>0</v>
      </c>
      <c r="JT14" s="103">
        <v>0</v>
      </c>
      <c r="JU14" s="412">
        <v>0</v>
      </c>
      <c r="JV14" s="102">
        <v>0</v>
      </c>
      <c r="JW14" s="102">
        <v>0</v>
      </c>
      <c r="JX14" s="102">
        <v>0</v>
      </c>
      <c r="JY14" s="102">
        <v>0</v>
      </c>
      <c r="JZ14" s="102">
        <v>0</v>
      </c>
      <c r="KA14" s="103">
        <v>0</v>
      </c>
      <c r="KB14" s="104">
        <v>0</v>
      </c>
      <c r="KC14" s="101">
        <v>405</v>
      </c>
      <c r="KD14" s="102">
        <v>236</v>
      </c>
      <c r="KE14" s="103">
        <v>641</v>
      </c>
      <c r="KF14" s="412">
        <v>0</v>
      </c>
      <c r="KG14" s="102">
        <v>401</v>
      </c>
      <c r="KH14" s="102">
        <v>190</v>
      </c>
      <c r="KI14" s="102">
        <v>150</v>
      </c>
      <c r="KJ14" s="102">
        <v>158</v>
      </c>
      <c r="KK14" s="102">
        <v>107</v>
      </c>
      <c r="KL14" s="103">
        <v>1006</v>
      </c>
      <c r="KM14" s="104">
        <v>1647</v>
      </c>
    </row>
    <row r="15" spans="2:299" s="70" customFormat="1" ht="21" customHeight="1" x14ac:dyDescent="0.2">
      <c r="B15" s="106" t="s">
        <v>11</v>
      </c>
      <c r="C15" s="96">
        <v>81</v>
      </c>
      <c r="D15" s="97">
        <v>59</v>
      </c>
      <c r="E15" s="98">
        <v>140</v>
      </c>
      <c r="F15" s="412">
        <v>0</v>
      </c>
      <c r="G15" s="97">
        <v>140</v>
      </c>
      <c r="H15" s="97">
        <v>85</v>
      </c>
      <c r="I15" s="97">
        <v>60</v>
      </c>
      <c r="J15" s="97">
        <v>67</v>
      </c>
      <c r="K15" s="97">
        <v>31</v>
      </c>
      <c r="L15" s="99">
        <v>383</v>
      </c>
      <c r="M15" s="100">
        <v>523</v>
      </c>
      <c r="N15" s="101">
        <v>0</v>
      </c>
      <c r="O15" s="102">
        <v>0</v>
      </c>
      <c r="P15" s="103">
        <v>0</v>
      </c>
      <c r="Q15" s="412">
        <v>0</v>
      </c>
      <c r="R15" s="102">
        <v>6</v>
      </c>
      <c r="S15" s="102">
        <v>1</v>
      </c>
      <c r="T15" s="102">
        <v>2</v>
      </c>
      <c r="U15" s="102">
        <v>1</v>
      </c>
      <c r="V15" s="102">
        <v>0</v>
      </c>
      <c r="W15" s="103">
        <v>10</v>
      </c>
      <c r="X15" s="104">
        <v>10</v>
      </c>
      <c r="Y15" s="101">
        <v>4</v>
      </c>
      <c r="Z15" s="102">
        <v>1</v>
      </c>
      <c r="AA15" s="103">
        <v>5</v>
      </c>
      <c r="AB15" s="412">
        <v>0</v>
      </c>
      <c r="AC15" s="102">
        <v>6</v>
      </c>
      <c r="AD15" s="102">
        <v>7</v>
      </c>
      <c r="AE15" s="102">
        <v>6</v>
      </c>
      <c r="AF15" s="102">
        <v>8</v>
      </c>
      <c r="AG15" s="102">
        <v>4</v>
      </c>
      <c r="AH15" s="103">
        <v>31</v>
      </c>
      <c r="AI15" s="104">
        <v>36</v>
      </c>
      <c r="AJ15" s="101">
        <v>5</v>
      </c>
      <c r="AK15" s="102">
        <v>6</v>
      </c>
      <c r="AL15" s="103">
        <v>11</v>
      </c>
      <c r="AM15" s="412">
        <v>0</v>
      </c>
      <c r="AN15" s="102">
        <v>11</v>
      </c>
      <c r="AO15" s="102">
        <v>7</v>
      </c>
      <c r="AP15" s="102">
        <v>6</v>
      </c>
      <c r="AQ15" s="102">
        <v>3</v>
      </c>
      <c r="AR15" s="102">
        <v>0</v>
      </c>
      <c r="AS15" s="103">
        <v>27</v>
      </c>
      <c r="AT15" s="104">
        <v>38</v>
      </c>
      <c r="AU15" s="101">
        <v>15</v>
      </c>
      <c r="AV15" s="102">
        <v>10</v>
      </c>
      <c r="AW15" s="103">
        <v>25</v>
      </c>
      <c r="AX15" s="412">
        <v>0</v>
      </c>
      <c r="AY15" s="102">
        <v>22</v>
      </c>
      <c r="AZ15" s="102">
        <v>12</v>
      </c>
      <c r="BA15" s="102">
        <v>9</v>
      </c>
      <c r="BB15" s="102">
        <v>9</v>
      </c>
      <c r="BC15" s="102">
        <v>4</v>
      </c>
      <c r="BD15" s="103">
        <v>56</v>
      </c>
      <c r="BE15" s="104">
        <v>81</v>
      </c>
      <c r="BF15" s="101">
        <v>33</v>
      </c>
      <c r="BG15" s="102">
        <v>22</v>
      </c>
      <c r="BH15" s="103">
        <v>55</v>
      </c>
      <c r="BI15" s="412">
        <v>0</v>
      </c>
      <c r="BJ15" s="102">
        <v>39</v>
      </c>
      <c r="BK15" s="102">
        <v>18</v>
      </c>
      <c r="BL15" s="102">
        <v>12</v>
      </c>
      <c r="BM15" s="102">
        <v>24</v>
      </c>
      <c r="BN15" s="102">
        <v>10</v>
      </c>
      <c r="BO15" s="103">
        <v>103</v>
      </c>
      <c r="BP15" s="104">
        <v>158</v>
      </c>
      <c r="BQ15" s="101">
        <v>24</v>
      </c>
      <c r="BR15" s="102">
        <v>20</v>
      </c>
      <c r="BS15" s="103">
        <v>44</v>
      </c>
      <c r="BT15" s="412">
        <v>0</v>
      </c>
      <c r="BU15" s="102">
        <v>56</v>
      </c>
      <c r="BV15" s="102">
        <v>40</v>
      </c>
      <c r="BW15" s="102">
        <v>25</v>
      </c>
      <c r="BX15" s="102">
        <v>22</v>
      </c>
      <c r="BY15" s="102">
        <v>13</v>
      </c>
      <c r="BZ15" s="103">
        <v>156</v>
      </c>
      <c r="CA15" s="104">
        <v>200</v>
      </c>
      <c r="CB15" s="101">
        <v>0</v>
      </c>
      <c r="CC15" s="102">
        <v>0</v>
      </c>
      <c r="CD15" s="103">
        <v>0</v>
      </c>
      <c r="CE15" s="412">
        <v>0</v>
      </c>
      <c r="CF15" s="102">
        <v>0</v>
      </c>
      <c r="CG15" s="102">
        <v>0</v>
      </c>
      <c r="CH15" s="102">
        <v>0</v>
      </c>
      <c r="CI15" s="102">
        <v>0</v>
      </c>
      <c r="CJ15" s="102">
        <v>0</v>
      </c>
      <c r="CK15" s="103">
        <v>0</v>
      </c>
      <c r="CL15" s="104">
        <v>0</v>
      </c>
      <c r="CM15" s="101">
        <v>81</v>
      </c>
      <c r="CN15" s="102">
        <v>59</v>
      </c>
      <c r="CO15" s="103">
        <v>140</v>
      </c>
      <c r="CP15" s="412">
        <v>0</v>
      </c>
      <c r="CQ15" s="102">
        <v>140</v>
      </c>
      <c r="CR15" s="102">
        <v>85</v>
      </c>
      <c r="CS15" s="102">
        <v>60</v>
      </c>
      <c r="CT15" s="102">
        <v>67</v>
      </c>
      <c r="CU15" s="102">
        <v>31</v>
      </c>
      <c r="CV15" s="103">
        <v>383</v>
      </c>
      <c r="CW15" s="104">
        <v>523</v>
      </c>
      <c r="CX15" s="105">
        <v>9</v>
      </c>
      <c r="CY15" s="97">
        <v>9</v>
      </c>
      <c r="CZ15" s="98">
        <v>18</v>
      </c>
      <c r="DA15" s="412">
        <v>0</v>
      </c>
      <c r="DB15" s="97">
        <v>17</v>
      </c>
      <c r="DC15" s="97">
        <v>14</v>
      </c>
      <c r="DD15" s="97">
        <v>8</v>
      </c>
      <c r="DE15" s="97">
        <v>21</v>
      </c>
      <c r="DF15" s="97">
        <v>6</v>
      </c>
      <c r="DG15" s="99">
        <v>66</v>
      </c>
      <c r="DH15" s="100">
        <v>84</v>
      </c>
      <c r="DI15" s="101">
        <v>0</v>
      </c>
      <c r="DJ15" s="102">
        <v>0</v>
      </c>
      <c r="DK15" s="103">
        <v>0</v>
      </c>
      <c r="DL15" s="412">
        <v>0</v>
      </c>
      <c r="DM15" s="102">
        <v>1</v>
      </c>
      <c r="DN15" s="102">
        <v>0</v>
      </c>
      <c r="DO15" s="102">
        <v>0</v>
      </c>
      <c r="DP15" s="102">
        <v>0</v>
      </c>
      <c r="DQ15" s="102">
        <v>0</v>
      </c>
      <c r="DR15" s="103">
        <v>1</v>
      </c>
      <c r="DS15" s="104">
        <v>1</v>
      </c>
      <c r="DT15" s="101">
        <v>1</v>
      </c>
      <c r="DU15" s="102">
        <v>0</v>
      </c>
      <c r="DV15" s="103">
        <v>1</v>
      </c>
      <c r="DW15" s="412">
        <v>0</v>
      </c>
      <c r="DX15" s="102">
        <v>1</v>
      </c>
      <c r="DY15" s="102">
        <v>0</v>
      </c>
      <c r="DZ15" s="102">
        <v>1</v>
      </c>
      <c r="EA15" s="102">
        <v>0</v>
      </c>
      <c r="EB15" s="102">
        <v>0</v>
      </c>
      <c r="EC15" s="103">
        <v>2</v>
      </c>
      <c r="ED15" s="104">
        <v>3</v>
      </c>
      <c r="EE15" s="101">
        <v>1</v>
      </c>
      <c r="EF15" s="102">
        <v>0</v>
      </c>
      <c r="EG15" s="103">
        <v>1</v>
      </c>
      <c r="EH15" s="412">
        <v>0</v>
      </c>
      <c r="EI15" s="102">
        <v>2</v>
      </c>
      <c r="EJ15" s="102">
        <v>2</v>
      </c>
      <c r="EK15" s="102">
        <v>0</v>
      </c>
      <c r="EL15" s="102">
        <v>1</v>
      </c>
      <c r="EM15" s="102">
        <v>2</v>
      </c>
      <c r="EN15" s="103">
        <v>7</v>
      </c>
      <c r="EO15" s="104">
        <v>8</v>
      </c>
      <c r="EP15" s="101">
        <v>2</v>
      </c>
      <c r="EQ15" s="102">
        <v>1</v>
      </c>
      <c r="ER15" s="103">
        <v>3</v>
      </c>
      <c r="ES15" s="412">
        <v>0</v>
      </c>
      <c r="ET15" s="102">
        <v>3</v>
      </c>
      <c r="EU15" s="102">
        <v>3</v>
      </c>
      <c r="EV15" s="102">
        <v>1</v>
      </c>
      <c r="EW15" s="102">
        <v>1</v>
      </c>
      <c r="EX15" s="102">
        <v>0</v>
      </c>
      <c r="EY15" s="103">
        <v>8</v>
      </c>
      <c r="EZ15" s="104">
        <v>11</v>
      </c>
      <c r="FA15" s="101">
        <v>2</v>
      </c>
      <c r="FB15" s="102">
        <v>4</v>
      </c>
      <c r="FC15" s="103">
        <v>6</v>
      </c>
      <c r="FD15" s="412">
        <v>0</v>
      </c>
      <c r="FE15" s="102">
        <v>5</v>
      </c>
      <c r="FF15" s="102">
        <v>5</v>
      </c>
      <c r="FG15" s="102">
        <v>1</v>
      </c>
      <c r="FH15" s="102">
        <v>6</v>
      </c>
      <c r="FI15" s="102">
        <v>1</v>
      </c>
      <c r="FJ15" s="103">
        <v>18</v>
      </c>
      <c r="FK15" s="104">
        <v>24</v>
      </c>
      <c r="FL15" s="101">
        <v>3</v>
      </c>
      <c r="FM15" s="102">
        <v>4</v>
      </c>
      <c r="FN15" s="103">
        <v>7</v>
      </c>
      <c r="FO15" s="412">
        <v>0</v>
      </c>
      <c r="FP15" s="102">
        <v>5</v>
      </c>
      <c r="FQ15" s="102">
        <v>4</v>
      </c>
      <c r="FR15" s="102">
        <v>5</v>
      </c>
      <c r="FS15" s="102">
        <v>13</v>
      </c>
      <c r="FT15" s="102">
        <v>3</v>
      </c>
      <c r="FU15" s="103">
        <v>30</v>
      </c>
      <c r="FV15" s="104">
        <v>37</v>
      </c>
      <c r="FW15" s="101">
        <v>0</v>
      </c>
      <c r="FX15" s="102">
        <v>0</v>
      </c>
      <c r="FY15" s="103">
        <v>0</v>
      </c>
      <c r="FZ15" s="412">
        <v>0</v>
      </c>
      <c r="GA15" s="102">
        <v>0</v>
      </c>
      <c r="GB15" s="102">
        <v>0</v>
      </c>
      <c r="GC15" s="102">
        <v>0</v>
      </c>
      <c r="GD15" s="102">
        <v>0</v>
      </c>
      <c r="GE15" s="102">
        <v>0</v>
      </c>
      <c r="GF15" s="103">
        <v>0</v>
      </c>
      <c r="GG15" s="104">
        <v>0</v>
      </c>
      <c r="GH15" s="101">
        <v>9</v>
      </c>
      <c r="GI15" s="102">
        <v>9</v>
      </c>
      <c r="GJ15" s="103">
        <v>18</v>
      </c>
      <c r="GK15" s="412">
        <v>0</v>
      </c>
      <c r="GL15" s="102">
        <v>17</v>
      </c>
      <c r="GM15" s="102">
        <v>14</v>
      </c>
      <c r="GN15" s="102">
        <v>8</v>
      </c>
      <c r="GO15" s="102">
        <v>21</v>
      </c>
      <c r="GP15" s="102">
        <v>6</v>
      </c>
      <c r="GQ15" s="103">
        <v>66</v>
      </c>
      <c r="GR15" s="104">
        <v>84</v>
      </c>
      <c r="GS15" s="105">
        <v>90</v>
      </c>
      <c r="GT15" s="97">
        <v>68</v>
      </c>
      <c r="GU15" s="98">
        <v>158</v>
      </c>
      <c r="GV15" s="412">
        <v>0</v>
      </c>
      <c r="GW15" s="97">
        <v>157</v>
      </c>
      <c r="GX15" s="97">
        <v>99</v>
      </c>
      <c r="GY15" s="97">
        <v>68</v>
      </c>
      <c r="GZ15" s="97">
        <v>88</v>
      </c>
      <c r="HA15" s="97">
        <v>37</v>
      </c>
      <c r="HB15" s="99">
        <v>449</v>
      </c>
      <c r="HC15" s="100">
        <v>607</v>
      </c>
      <c r="HD15" s="101">
        <v>0</v>
      </c>
      <c r="HE15" s="102">
        <v>0</v>
      </c>
      <c r="HF15" s="103">
        <v>0</v>
      </c>
      <c r="HG15" s="412">
        <v>0</v>
      </c>
      <c r="HH15" s="102">
        <v>7</v>
      </c>
      <c r="HI15" s="102">
        <v>1</v>
      </c>
      <c r="HJ15" s="102">
        <v>2</v>
      </c>
      <c r="HK15" s="102">
        <v>1</v>
      </c>
      <c r="HL15" s="102">
        <v>0</v>
      </c>
      <c r="HM15" s="103">
        <v>11</v>
      </c>
      <c r="HN15" s="104">
        <v>11</v>
      </c>
      <c r="HO15" s="101">
        <v>5</v>
      </c>
      <c r="HP15" s="102">
        <v>1</v>
      </c>
      <c r="HQ15" s="103">
        <v>6</v>
      </c>
      <c r="HR15" s="412">
        <v>0</v>
      </c>
      <c r="HS15" s="102">
        <v>7</v>
      </c>
      <c r="HT15" s="102">
        <v>7</v>
      </c>
      <c r="HU15" s="102">
        <v>7</v>
      </c>
      <c r="HV15" s="102">
        <v>8</v>
      </c>
      <c r="HW15" s="102">
        <v>4</v>
      </c>
      <c r="HX15" s="103">
        <v>33</v>
      </c>
      <c r="HY15" s="104">
        <v>39</v>
      </c>
      <c r="HZ15" s="101">
        <v>6</v>
      </c>
      <c r="IA15" s="102">
        <v>6</v>
      </c>
      <c r="IB15" s="103">
        <v>12</v>
      </c>
      <c r="IC15" s="412">
        <v>0</v>
      </c>
      <c r="ID15" s="102">
        <v>13</v>
      </c>
      <c r="IE15" s="102">
        <v>9</v>
      </c>
      <c r="IF15" s="102">
        <v>6</v>
      </c>
      <c r="IG15" s="102">
        <v>4</v>
      </c>
      <c r="IH15" s="102">
        <v>2</v>
      </c>
      <c r="II15" s="103">
        <v>34</v>
      </c>
      <c r="IJ15" s="104">
        <v>46</v>
      </c>
      <c r="IK15" s="101">
        <v>17</v>
      </c>
      <c r="IL15" s="102">
        <v>11</v>
      </c>
      <c r="IM15" s="103">
        <v>28</v>
      </c>
      <c r="IN15" s="412">
        <v>0</v>
      </c>
      <c r="IO15" s="102">
        <v>25</v>
      </c>
      <c r="IP15" s="102">
        <v>15</v>
      </c>
      <c r="IQ15" s="102">
        <v>10</v>
      </c>
      <c r="IR15" s="102">
        <v>10</v>
      </c>
      <c r="IS15" s="102">
        <v>4</v>
      </c>
      <c r="IT15" s="103">
        <v>64</v>
      </c>
      <c r="IU15" s="104">
        <v>92</v>
      </c>
      <c r="IV15" s="101">
        <v>35</v>
      </c>
      <c r="IW15" s="102">
        <v>26</v>
      </c>
      <c r="IX15" s="103">
        <v>61</v>
      </c>
      <c r="IY15" s="412">
        <v>0</v>
      </c>
      <c r="IZ15" s="102">
        <v>44</v>
      </c>
      <c r="JA15" s="102">
        <v>23</v>
      </c>
      <c r="JB15" s="102">
        <v>13</v>
      </c>
      <c r="JC15" s="102">
        <v>30</v>
      </c>
      <c r="JD15" s="102">
        <v>11</v>
      </c>
      <c r="JE15" s="103">
        <v>121</v>
      </c>
      <c r="JF15" s="104">
        <v>182</v>
      </c>
      <c r="JG15" s="101">
        <v>27</v>
      </c>
      <c r="JH15" s="102">
        <v>24</v>
      </c>
      <c r="JI15" s="103">
        <v>51</v>
      </c>
      <c r="JJ15" s="412">
        <v>0</v>
      </c>
      <c r="JK15" s="102">
        <v>61</v>
      </c>
      <c r="JL15" s="102">
        <v>44</v>
      </c>
      <c r="JM15" s="102">
        <v>30</v>
      </c>
      <c r="JN15" s="102">
        <v>35</v>
      </c>
      <c r="JO15" s="102">
        <v>16</v>
      </c>
      <c r="JP15" s="103">
        <v>186</v>
      </c>
      <c r="JQ15" s="104">
        <v>237</v>
      </c>
      <c r="JR15" s="101">
        <v>0</v>
      </c>
      <c r="JS15" s="102">
        <v>0</v>
      </c>
      <c r="JT15" s="103">
        <v>0</v>
      </c>
      <c r="JU15" s="412">
        <v>0</v>
      </c>
      <c r="JV15" s="102">
        <v>0</v>
      </c>
      <c r="JW15" s="102">
        <v>0</v>
      </c>
      <c r="JX15" s="102">
        <v>0</v>
      </c>
      <c r="JY15" s="102">
        <v>0</v>
      </c>
      <c r="JZ15" s="102">
        <v>0</v>
      </c>
      <c r="KA15" s="103">
        <v>0</v>
      </c>
      <c r="KB15" s="104">
        <v>0</v>
      </c>
      <c r="KC15" s="101">
        <v>90</v>
      </c>
      <c r="KD15" s="102">
        <v>68</v>
      </c>
      <c r="KE15" s="103">
        <v>158</v>
      </c>
      <c r="KF15" s="412">
        <v>0</v>
      </c>
      <c r="KG15" s="102">
        <v>157</v>
      </c>
      <c r="KH15" s="102">
        <v>99</v>
      </c>
      <c r="KI15" s="102">
        <v>68</v>
      </c>
      <c r="KJ15" s="102">
        <v>88</v>
      </c>
      <c r="KK15" s="102">
        <v>37</v>
      </c>
      <c r="KL15" s="103">
        <v>449</v>
      </c>
      <c r="KM15" s="104">
        <v>607</v>
      </c>
    </row>
    <row r="16" spans="2:299" s="70" customFormat="1" ht="21" customHeight="1" x14ac:dyDescent="0.2">
      <c r="B16" s="106" t="s">
        <v>12</v>
      </c>
      <c r="C16" s="96">
        <v>152</v>
      </c>
      <c r="D16" s="97">
        <v>145</v>
      </c>
      <c r="E16" s="98">
        <v>297</v>
      </c>
      <c r="F16" s="412">
        <v>0</v>
      </c>
      <c r="G16" s="97">
        <v>159</v>
      </c>
      <c r="H16" s="97">
        <v>132</v>
      </c>
      <c r="I16" s="97">
        <v>89</v>
      </c>
      <c r="J16" s="97">
        <v>85</v>
      </c>
      <c r="K16" s="97">
        <v>36</v>
      </c>
      <c r="L16" s="99">
        <v>501</v>
      </c>
      <c r="M16" s="100">
        <v>798</v>
      </c>
      <c r="N16" s="107">
        <v>3</v>
      </c>
      <c r="O16" s="102">
        <v>2</v>
      </c>
      <c r="P16" s="103">
        <v>5</v>
      </c>
      <c r="Q16" s="412">
        <v>0</v>
      </c>
      <c r="R16" s="102">
        <v>2</v>
      </c>
      <c r="S16" s="102">
        <v>2</v>
      </c>
      <c r="T16" s="102">
        <v>1</v>
      </c>
      <c r="U16" s="102">
        <v>3</v>
      </c>
      <c r="V16" s="102">
        <v>0</v>
      </c>
      <c r="W16" s="103">
        <v>8</v>
      </c>
      <c r="X16" s="104">
        <v>13</v>
      </c>
      <c r="Y16" s="101">
        <v>8</v>
      </c>
      <c r="Z16" s="102">
        <v>8</v>
      </c>
      <c r="AA16" s="103">
        <v>16</v>
      </c>
      <c r="AB16" s="412">
        <v>0</v>
      </c>
      <c r="AC16" s="102">
        <v>3</v>
      </c>
      <c r="AD16" s="102">
        <v>5</v>
      </c>
      <c r="AE16" s="102">
        <v>5</v>
      </c>
      <c r="AF16" s="102">
        <v>3</v>
      </c>
      <c r="AG16" s="102">
        <v>3</v>
      </c>
      <c r="AH16" s="103">
        <v>19</v>
      </c>
      <c r="AI16" s="104">
        <v>35</v>
      </c>
      <c r="AJ16" s="107">
        <v>5</v>
      </c>
      <c r="AK16" s="102">
        <v>11</v>
      </c>
      <c r="AL16" s="103">
        <v>16</v>
      </c>
      <c r="AM16" s="412">
        <v>0</v>
      </c>
      <c r="AN16" s="102">
        <v>10</v>
      </c>
      <c r="AO16" s="102">
        <v>9</v>
      </c>
      <c r="AP16" s="102">
        <v>6</v>
      </c>
      <c r="AQ16" s="102">
        <v>6</v>
      </c>
      <c r="AR16" s="102">
        <v>4</v>
      </c>
      <c r="AS16" s="103">
        <v>35</v>
      </c>
      <c r="AT16" s="104">
        <v>51</v>
      </c>
      <c r="AU16" s="101">
        <v>35</v>
      </c>
      <c r="AV16" s="102">
        <v>25</v>
      </c>
      <c r="AW16" s="103">
        <v>60</v>
      </c>
      <c r="AX16" s="412">
        <v>0</v>
      </c>
      <c r="AY16" s="102">
        <v>32</v>
      </c>
      <c r="AZ16" s="102">
        <v>26</v>
      </c>
      <c r="BA16" s="102">
        <v>18</v>
      </c>
      <c r="BB16" s="102">
        <v>14</v>
      </c>
      <c r="BC16" s="102">
        <v>5</v>
      </c>
      <c r="BD16" s="103">
        <v>95</v>
      </c>
      <c r="BE16" s="104">
        <v>155</v>
      </c>
      <c r="BF16" s="107">
        <v>56</v>
      </c>
      <c r="BG16" s="102">
        <v>49</v>
      </c>
      <c r="BH16" s="103">
        <v>105</v>
      </c>
      <c r="BI16" s="412">
        <v>0</v>
      </c>
      <c r="BJ16" s="102">
        <v>54</v>
      </c>
      <c r="BK16" s="102">
        <v>38</v>
      </c>
      <c r="BL16" s="102">
        <v>23</v>
      </c>
      <c r="BM16" s="102">
        <v>20</v>
      </c>
      <c r="BN16" s="102">
        <v>12</v>
      </c>
      <c r="BO16" s="103">
        <v>147</v>
      </c>
      <c r="BP16" s="104">
        <v>252</v>
      </c>
      <c r="BQ16" s="101">
        <v>45</v>
      </c>
      <c r="BR16" s="102">
        <v>50</v>
      </c>
      <c r="BS16" s="103">
        <v>95</v>
      </c>
      <c r="BT16" s="412">
        <v>0</v>
      </c>
      <c r="BU16" s="102">
        <v>58</v>
      </c>
      <c r="BV16" s="102">
        <v>52</v>
      </c>
      <c r="BW16" s="102">
        <v>36</v>
      </c>
      <c r="BX16" s="102">
        <v>39</v>
      </c>
      <c r="BY16" s="102">
        <v>12</v>
      </c>
      <c r="BZ16" s="103">
        <v>197</v>
      </c>
      <c r="CA16" s="104">
        <v>292</v>
      </c>
      <c r="CB16" s="101">
        <v>0</v>
      </c>
      <c r="CC16" s="102">
        <v>0</v>
      </c>
      <c r="CD16" s="103">
        <v>0</v>
      </c>
      <c r="CE16" s="412">
        <v>0</v>
      </c>
      <c r="CF16" s="102">
        <v>0</v>
      </c>
      <c r="CG16" s="102">
        <v>0</v>
      </c>
      <c r="CH16" s="102">
        <v>0</v>
      </c>
      <c r="CI16" s="102">
        <v>0</v>
      </c>
      <c r="CJ16" s="102">
        <v>0</v>
      </c>
      <c r="CK16" s="103">
        <v>0</v>
      </c>
      <c r="CL16" s="104">
        <v>0</v>
      </c>
      <c r="CM16" s="101">
        <v>152</v>
      </c>
      <c r="CN16" s="102">
        <v>145</v>
      </c>
      <c r="CO16" s="103">
        <v>297</v>
      </c>
      <c r="CP16" s="412">
        <v>0</v>
      </c>
      <c r="CQ16" s="102">
        <v>159</v>
      </c>
      <c r="CR16" s="102">
        <v>132</v>
      </c>
      <c r="CS16" s="102">
        <v>89</v>
      </c>
      <c r="CT16" s="102">
        <v>85</v>
      </c>
      <c r="CU16" s="102">
        <v>36</v>
      </c>
      <c r="CV16" s="103">
        <v>501</v>
      </c>
      <c r="CW16" s="104">
        <v>798</v>
      </c>
      <c r="CX16" s="105">
        <v>18</v>
      </c>
      <c r="CY16" s="97">
        <v>19</v>
      </c>
      <c r="CZ16" s="98">
        <v>37</v>
      </c>
      <c r="DA16" s="412">
        <v>0</v>
      </c>
      <c r="DB16" s="97">
        <v>15</v>
      </c>
      <c r="DC16" s="97">
        <v>16</v>
      </c>
      <c r="DD16" s="97">
        <v>12</v>
      </c>
      <c r="DE16" s="97">
        <v>11</v>
      </c>
      <c r="DF16" s="97">
        <v>9</v>
      </c>
      <c r="DG16" s="99">
        <v>63</v>
      </c>
      <c r="DH16" s="100">
        <v>100</v>
      </c>
      <c r="DI16" s="107">
        <v>2</v>
      </c>
      <c r="DJ16" s="102">
        <v>2</v>
      </c>
      <c r="DK16" s="103">
        <v>4</v>
      </c>
      <c r="DL16" s="412">
        <v>0</v>
      </c>
      <c r="DM16" s="102">
        <v>0</v>
      </c>
      <c r="DN16" s="102">
        <v>0</v>
      </c>
      <c r="DO16" s="102">
        <v>0</v>
      </c>
      <c r="DP16" s="102">
        <v>0</v>
      </c>
      <c r="DQ16" s="102">
        <v>0</v>
      </c>
      <c r="DR16" s="103">
        <v>0</v>
      </c>
      <c r="DS16" s="104">
        <v>4</v>
      </c>
      <c r="DT16" s="101">
        <v>1</v>
      </c>
      <c r="DU16" s="102">
        <v>1</v>
      </c>
      <c r="DV16" s="103">
        <v>2</v>
      </c>
      <c r="DW16" s="412">
        <v>0</v>
      </c>
      <c r="DX16" s="102">
        <v>0</v>
      </c>
      <c r="DY16" s="102">
        <v>0</v>
      </c>
      <c r="DZ16" s="102">
        <v>0</v>
      </c>
      <c r="EA16" s="102">
        <v>0</v>
      </c>
      <c r="EB16" s="102">
        <v>0</v>
      </c>
      <c r="EC16" s="103">
        <v>0</v>
      </c>
      <c r="ED16" s="104">
        <v>2</v>
      </c>
      <c r="EE16" s="107">
        <v>0</v>
      </c>
      <c r="EF16" s="102">
        <v>3</v>
      </c>
      <c r="EG16" s="103">
        <v>3</v>
      </c>
      <c r="EH16" s="412">
        <v>0</v>
      </c>
      <c r="EI16" s="102">
        <v>0</v>
      </c>
      <c r="EJ16" s="102">
        <v>2</v>
      </c>
      <c r="EK16" s="102">
        <v>1</v>
      </c>
      <c r="EL16" s="102">
        <v>1</v>
      </c>
      <c r="EM16" s="102">
        <v>0</v>
      </c>
      <c r="EN16" s="103">
        <v>4</v>
      </c>
      <c r="EO16" s="104">
        <v>7</v>
      </c>
      <c r="EP16" s="101">
        <v>6</v>
      </c>
      <c r="EQ16" s="102">
        <v>4</v>
      </c>
      <c r="ER16" s="103">
        <v>10</v>
      </c>
      <c r="ES16" s="412">
        <v>0</v>
      </c>
      <c r="ET16" s="102">
        <v>3</v>
      </c>
      <c r="EU16" s="102">
        <v>2</v>
      </c>
      <c r="EV16" s="102">
        <v>1</v>
      </c>
      <c r="EW16" s="102">
        <v>0</v>
      </c>
      <c r="EX16" s="102">
        <v>2</v>
      </c>
      <c r="EY16" s="103">
        <v>8</v>
      </c>
      <c r="EZ16" s="104">
        <v>18</v>
      </c>
      <c r="FA16" s="107">
        <v>4</v>
      </c>
      <c r="FB16" s="102">
        <v>5</v>
      </c>
      <c r="FC16" s="103">
        <v>9</v>
      </c>
      <c r="FD16" s="412">
        <v>0</v>
      </c>
      <c r="FE16" s="102">
        <v>4</v>
      </c>
      <c r="FF16" s="102">
        <v>3</v>
      </c>
      <c r="FG16" s="102">
        <v>3</v>
      </c>
      <c r="FH16" s="102">
        <v>3</v>
      </c>
      <c r="FI16" s="102">
        <v>2</v>
      </c>
      <c r="FJ16" s="103">
        <v>15</v>
      </c>
      <c r="FK16" s="104">
        <v>24</v>
      </c>
      <c r="FL16" s="101">
        <v>5</v>
      </c>
      <c r="FM16" s="102">
        <v>4</v>
      </c>
      <c r="FN16" s="103">
        <v>9</v>
      </c>
      <c r="FO16" s="412">
        <v>0</v>
      </c>
      <c r="FP16" s="102">
        <v>8</v>
      </c>
      <c r="FQ16" s="102">
        <v>9</v>
      </c>
      <c r="FR16" s="102">
        <v>7</v>
      </c>
      <c r="FS16" s="102">
        <v>7</v>
      </c>
      <c r="FT16" s="102">
        <v>5</v>
      </c>
      <c r="FU16" s="103">
        <v>36</v>
      </c>
      <c r="FV16" s="104">
        <v>45</v>
      </c>
      <c r="FW16" s="101">
        <v>0</v>
      </c>
      <c r="FX16" s="102">
        <v>0</v>
      </c>
      <c r="FY16" s="103">
        <v>0</v>
      </c>
      <c r="FZ16" s="412">
        <v>0</v>
      </c>
      <c r="GA16" s="102">
        <v>0</v>
      </c>
      <c r="GB16" s="102">
        <v>0</v>
      </c>
      <c r="GC16" s="102">
        <v>0</v>
      </c>
      <c r="GD16" s="102">
        <v>0</v>
      </c>
      <c r="GE16" s="102">
        <v>0</v>
      </c>
      <c r="GF16" s="103">
        <v>0</v>
      </c>
      <c r="GG16" s="104">
        <v>0</v>
      </c>
      <c r="GH16" s="101">
        <v>18</v>
      </c>
      <c r="GI16" s="102">
        <v>19</v>
      </c>
      <c r="GJ16" s="103">
        <v>37</v>
      </c>
      <c r="GK16" s="412">
        <v>0</v>
      </c>
      <c r="GL16" s="102">
        <v>15</v>
      </c>
      <c r="GM16" s="102">
        <v>16</v>
      </c>
      <c r="GN16" s="102">
        <v>12</v>
      </c>
      <c r="GO16" s="102">
        <v>11</v>
      </c>
      <c r="GP16" s="102">
        <v>9</v>
      </c>
      <c r="GQ16" s="103">
        <v>63</v>
      </c>
      <c r="GR16" s="104">
        <v>100</v>
      </c>
      <c r="GS16" s="105">
        <v>170</v>
      </c>
      <c r="GT16" s="97">
        <v>164</v>
      </c>
      <c r="GU16" s="98">
        <v>334</v>
      </c>
      <c r="GV16" s="412">
        <v>0</v>
      </c>
      <c r="GW16" s="97">
        <v>174</v>
      </c>
      <c r="GX16" s="97">
        <v>148</v>
      </c>
      <c r="GY16" s="97">
        <v>101</v>
      </c>
      <c r="GZ16" s="97">
        <v>96</v>
      </c>
      <c r="HA16" s="97">
        <v>45</v>
      </c>
      <c r="HB16" s="99">
        <v>564</v>
      </c>
      <c r="HC16" s="100">
        <v>898</v>
      </c>
      <c r="HD16" s="107">
        <v>5</v>
      </c>
      <c r="HE16" s="102">
        <v>4</v>
      </c>
      <c r="HF16" s="103">
        <v>9</v>
      </c>
      <c r="HG16" s="412">
        <v>0</v>
      </c>
      <c r="HH16" s="102">
        <v>2</v>
      </c>
      <c r="HI16" s="102">
        <v>2</v>
      </c>
      <c r="HJ16" s="102">
        <v>1</v>
      </c>
      <c r="HK16" s="102">
        <v>3</v>
      </c>
      <c r="HL16" s="102">
        <v>0</v>
      </c>
      <c r="HM16" s="103">
        <v>8</v>
      </c>
      <c r="HN16" s="104">
        <v>17</v>
      </c>
      <c r="HO16" s="101">
        <v>9</v>
      </c>
      <c r="HP16" s="102">
        <v>9</v>
      </c>
      <c r="HQ16" s="103">
        <v>18</v>
      </c>
      <c r="HR16" s="412">
        <v>0</v>
      </c>
      <c r="HS16" s="102">
        <v>3</v>
      </c>
      <c r="HT16" s="102">
        <v>5</v>
      </c>
      <c r="HU16" s="102">
        <v>5</v>
      </c>
      <c r="HV16" s="102">
        <v>3</v>
      </c>
      <c r="HW16" s="102">
        <v>3</v>
      </c>
      <c r="HX16" s="103">
        <v>19</v>
      </c>
      <c r="HY16" s="104">
        <v>37</v>
      </c>
      <c r="HZ16" s="107">
        <v>5</v>
      </c>
      <c r="IA16" s="102">
        <v>14</v>
      </c>
      <c r="IB16" s="103">
        <v>19</v>
      </c>
      <c r="IC16" s="412">
        <v>0</v>
      </c>
      <c r="ID16" s="102">
        <v>10</v>
      </c>
      <c r="IE16" s="102">
        <v>11</v>
      </c>
      <c r="IF16" s="102">
        <v>7</v>
      </c>
      <c r="IG16" s="102">
        <v>7</v>
      </c>
      <c r="IH16" s="102">
        <v>4</v>
      </c>
      <c r="II16" s="103">
        <v>39</v>
      </c>
      <c r="IJ16" s="104">
        <v>58</v>
      </c>
      <c r="IK16" s="101">
        <v>41</v>
      </c>
      <c r="IL16" s="102">
        <v>29</v>
      </c>
      <c r="IM16" s="103">
        <v>70</v>
      </c>
      <c r="IN16" s="412">
        <v>0</v>
      </c>
      <c r="IO16" s="102">
        <v>35</v>
      </c>
      <c r="IP16" s="102">
        <v>28</v>
      </c>
      <c r="IQ16" s="102">
        <v>19</v>
      </c>
      <c r="IR16" s="102">
        <v>14</v>
      </c>
      <c r="IS16" s="102">
        <v>7</v>
      </c>
      <c r="IT16" s="103">
        <v>103</v>
      </c>
      <c r="IU16" s="104">
        <v>173</v>
      </c>
      <c r="IV16" s="107">
        <v>60</v>
      </c>
      <c r="IW16" s="102">
        <v>54</v>
      </c>
      <c r="IX16" s="103">
        <v>114</v>
      </c>
      <c r="IY16" s="412">
        <v>0</v>
      </c>
      <c r="IZ16" s="102">
        <v>58</v>
      </c>
      <c r="JA16" s="102">
        <v>41</v>
      </c>
      <c r="JB16" s="102">
        <v>26</v>
      </c>
      <c r="JC16" s="102">
        <v>23</v>
      </c>
      <c r="JD16" s="102">
        <v>14</v>
      </c>
      <c r="JE16" s="103">
        <v>162</v>
      </c>
      <c r="JF16" s="104">
        <v>276</v>
      </c>
      <c r="JG16" s="101">
        <v>50</v>
      </c>
      <c r="JH16" s="102">
        <v>54</v>
      </c>
      <c r="JI16" s="103">
        <v>104</v>
      </c>
      <c r="JJ16" s="412">
        <v>0</v>
      </c>
      <c r="JK16" s="102">
        <v>66</v>
      </c>
      <c r="JL16" s="102">
        <v>61</v>
      </c>
      <c r="JM16" s="102">
        <v>43</v>
      </c>
      <c r="JN16" s="102">
        <v>46</v>
      </c>
      <c r="JO16" s="102">
        <v>17</v>
      </c>
      <c r="JP16" s="103">
        <v>233</v>
      </c>
      <c r="JQ16" s="104">
        <v>337</v>
      </c>
      <c r="JR16" s="101">
        <v>0</v>
      </c>
      <c r="JS16" s="102">
        <v>0</v>
      </c>
      <c r="JT16" s="103">
        <v>0</v>
      </c>
      <c r="JU16" s="412">
        <v>0</v>
      </c>
      <c r="JV16" s="102">
        <v>0</v>
      </c>
      <c r="JW16" s="102">
        <v>0</v>
      </c>
      <c r="JX16" s="102">
        <v>0</v>
      </c>
      <c r="JY16" s="102">
        <v>0</v>
      </c>
      <c r="JZ16" s="102">
        <v>0</v>
      </c>
      <c r="KA16" s="103">
        <v>0</v>
      </c>
      <c r="KB16" s="104">
        <v>0</v>
      </c>
      <c r="KC16" s="101">
        <v>170</v>
      </c>
      <c r="KD16" s="102">
        <v>164</v>
      </c>
      <c r="KE16" s="103">
        <v>334</v>
      </c>
      <c r="KF16" s="412">
        <v>0</v>
      </c>
      <c r="KG16" s="102">
        <v>174</v>
      </c>
      <c r="KH16" s="102">
        <v>148</v>
      </c>
      <c r="KI16" s="102">
        <v>101</v>
      </c>
      <c r="KJ16" s="102">
        <v>96</v>
      </c>
      <c r="KK16" s="102">
        <v>45</v>
      </c>
      <c r="KL16" s="103">
        <v>564</v>
      </c>
      <c r="KM16" s="104">
        <v>898</v>
      </c>
    </row>
    <row r="17" spans="2:299" s="70" customFormat="1" ht="21" customHeight="1" x14ac:dyDescent="0.2">
      <c r="B17" s="106" t="s">
        <v>13</v>
      </c>
      <c r="C17" s="96">
        <v>41</v>
      </c>
      <c r="D17" s="97">
        <v>38</v>
      </c>
      <c r="E17" s="98">
        <v>79</v>
      </c>
      <c r="F17" s="412">
        <v>0</v>
      </c>
      <c r="G17" s="97">
        <v>75</v>
      </c>
      <c r="H17" s="97">
        <v>71</v>
      </c>
      <c r="I17" s="97">
        <v>59</v>
      </c>
      <c r="J17" s="97">
        <v>31</v>
      </c>
      <c r="K17" s="97">
        <v>26</v>
      </c>
      <c r="L17" s="99">
        <v>262</v>
      </c>
      <c r="M17" s="100">
        <v>341</v>
      </c>
      <c r="N17" s="101">
        <v>1</v>
      </c>
      <c r="O17" s="102">
        <v>0</v>
      </c>
      <c r="P17" s="103">
        <v>1</v>
      </c>
      <c r="Q17" s="412">
        <v>0</v>
      </c>
      <c r="R17" s="102">
        <v>1</v>
      </c>
      <c r="S17" s="102">
        <v>0</v>
      </c>
      <c r="T17" s="102">
        <v>0</v>
      </c>
      <c r="U17" s="102">
        <v>0</v>
      </c>
      <c r="V17" s="102">
        <v>0</v>
      </c>
      <c r="W17" s="103">
        <v>1</v>
      </c>
      <c r="X17" s="104">
        <v>2</v>
      </c>
      <c r="Y17" s="101">
        <v>2</v>
      </c>
      <c r="Z17" s="102">
        <v>2</v>
      </c>
      <c r="AA17" s="103">
        <v>4</v>
      </c>
      <c r="AB17" s="412">
        <v>0</v>
      </c>
      <c r="AC17" s="102">
        <v>2</v>
      </c>
      <c r="AD17" s="102">
        <v>1</v>
      </c>
      <c r="AE17" s="102">
        <v>3</v>
      </c>
      <c r="AF17" s="102">
        <v>1</v>
      </c>
      <c r="AG17" s="102">
        <v>1</v>
      </c>
      <c r="AH17" s="103">
        <v>8</v>
      </c>
      <c r="AI17" s="104">
        <v>12</v>
      </c>
      <c r="AJ17" s="101">
        <v>1</v>
      </c>
      <c r="AK17" s="102">
        <v>1</v>
      </c>
      <c r="AL17" s="103">
        <v>2</v>
      </c>
      <c r="AM17" s="412">
        <v>0</v>
      </c>
      <c r="AN17" s="102">
        <v>4</v>
      </c>
      <c r="AO17" s="102">
        <v>4</v>
      </c>
      <c r="AP17" s="102">
        <v>5</v>
      </c>
      <c r="AQ17" s="102">
        <v>0</v>
      </c>
      <c r="AR17" s="102">
        <v>1</v>
      </c>
      <c r="AS17" s="103">
        <v>14</v>
      </c>
      <c r="AT17" s="104">
        <v>16</v>
      </c>
      <c r="AU17" s="101">
        <v>6</v>
      </c>
      <c r="AV17" s="102">
        <v>7</v>
      </c>
      <c r="AW17" s="103">
        <v>13</v>
      </c>
      <c r="AX17" s="412">
        <v>0</v>
      </c>
      <c r="AY17" s="102">
        <v>18</v>
      </c>
      <c r="AZ17" s="102">
        <v>7</v>
      </c>
      <c r="BA17" s="102">
        <v>10</v>
      </c>
      <c r="BB17" s="102">
        <v>7</v>
      </c>
      <c r="BC17" s="102">
        <v>6</v>
      </c>
      <c r="BD17" s="103">
        <v>48</v>
      </c>
      <c r="BE17" s="104">
        <v>61</v>
      </c>
      <c r="BF17" s="101">
        <v>18</v>
      </c>
      <c r="BG17" s="102">
        <v>15</v>
      </c>
      <c r="BH17" s="103">
        <v>33</v>
      </c>
      <c r="BI17" s="412">
        <v>0</v>
      </c>
      <c r="BJ17" s="102">
        <v>24</v>
      </c>
      <c r="BK17" s="102">
        <v>26</v>
      </c>
      <c r="BL17" s="102">
        <v>19</v>
      </c>
      <c r="BM17" s="102">
        <v>12</v>
      </c>
      <c r="BN17" s="102">
        <v>6</v>
      </c>
      <c r="BO17" s="103">
        <v>87</v>
      </c>
      <c r="BP17" s="104">
        <v>120</v>
      </c>
      <c r="BQ17" s="101">
        <v>13</v>
      </c>
      <c r="BR17" s="102">
        <v>13</v>
      </c>
      <c r="BS17" s="103">
        <v>26</v>
      </c>
      <c r="BT17" s="412">
        <v>0</v>
      </c>
      <c r="BU17" s="102">
        <v>26</v>
      </c>
      <c r="BV17" s="102">
        <v>33</v>
      </c>
      <c r="BW17" s="102">
        <v>22</v>
      </c>
      <c r="BX17" s="102">
        <v>11</v>
      </c>
      <c r="BY17" s="102">
        <v>12</v>
      </c>
      <c r="BZ17" s="103">
        <v>104</v>
      </c>
      <c r="CA17" s="104">
        <v>130</v>
      </c>
      <c r="CB17" s="101">
        <v>0</v>
      </c>
      <c r="CC17" s="102">
        <v>0</v>
      </c>
      <c r="CD17" s="103">
        <v>0</v>
      </c>
      <c r="CE17" s="412">
        <v>0</v>
      </c>
      <c r="CF17" s="102">
        <v>0</v>
      </c>
      <c r="CG17" s="102">
        <v>0</v>
      </c>
      <c r="CH17" s="102">
        <v>0</v>
      </c>
      <c r="CI17" s="102">
        <v>0</v>
      </c>
      <c r="CJ17" s="102">
        <v>0</v>
      </c>
      <c r="CK17" s="103">
        <v>0</v>
      </c>
      <c r="CL17" s="104">
        <v>0</v>
      </c>
      <c r="CM17" s="101">
        <v>41</v>
      </c>
      <c r="CN17" s="102">
        <v>38</v>
      </c>
      <c r="CO17" s="103">
        <v>79</v>
      </c>
      <c r="CP17" s="412">
        <v>0</v>
      </c>
      <c r="CQ17" s="102">
        <v>75</v>
      </c>
      <c r="CR17" s="102">
        <v>71</v>
      </c>
      <c r="CS17" s="102">
        <v>59</v>
      </c>
      <c r="CT17" s="102">
        <v>31</v>
      </c>
      <c r="CU17" s="102">
        <v>26</v>
      </c>
      <c r="CV17" s="103">
        <v>262</v>
      </c>
      <c r="CW17" s="104">
        <v>341</v>
      </c>
      <c r="CX17" s="105">
        <v>9</v>
      </c>
      <c r="CY17" s="97">
        <v>5</v>
      </c>
      <c r="CZ17" s="98">
        <v>14</v>
      </c>
      <c r="DA17" s="412">
        <v>0</v>
      </c>
      <c r="DB17" s="97">
        <v>11</v>
      </c>
      <c r="DC17" s="97">
        <v>8</v>
      </c>
      <c r="DD17" s="97">
        <v>4</v>
      </c>
      <c r="DE17" s="97">
        <v>8</v>
      </c>
      <c r="DF17" s="97">
        <v>3</v>
      </c>
      <c r="DG17" s="99">
        <v>34</v>
      </c>
      <c r="DH17" s="100">
        <v>48</v>
      </c>
      <c r="DI17" s="101">
        <v>0</v>
      </c>
      <c r="DJ17" s="102">
        <v>0</v>
      </c>
      <c r="DK17" s="103">
        <v>0</v>
      </c>
      <c r="DL17" s="412">
        <v>0</v>
      </c>
      <c r="DM17" s="102">
        <v>0</v>
      </c>
      <c r="DN17" s="102">
        <v>0</v>
      </c>
      <c r="DO17" s="102">
        <v>0</v>
      </c>
      <c r="DP17" s="102">
        <v>0</v>
      </c>
      <c r="DQ17" s="102">
        <v>0</v>
      </c>
      <c r="DR17" s="103">
        <v>0</v>
      </c>
      <c r="DS17" s="104">
        <v>0</v>
      </c>
      <c r="DT17" s="101">
        <v>0</v>
      </c>
      <c r="DU17" s="102">
        <v>0</v>
      </c>
      <c r="DV17" s="103">
        <v>0</v>
      </c>
      <c r="DW17" s="412">
        <v>0</v>
      </c>
      <c r="DX17" s="102">
        <v>0</v>
      </c>
      <c r="DY17" s="102">
        <v>0</v>
      </c>
      <c r="DZ17" s="102">
        <v>1</v>
      </c>
      <c r="EA17" s="102">
        <v>0</v>
      </c>
      <c r="EB17" s="102">
        <v>0</v>
      </c>
      <c r="EC17" s="103">
        <v>1</v>
      </c>
      <c r="ED17" s="104">
        <v>1</v>
      </c>
      <c r="EE17" s="101">
        <v>1</v>
      </c>
      <c r="EF17" s="102">
        <v>0</v>
      </c>
      <c r="EG17" s="103">
        <v>1</v>
      </c>
      <c r="EH17" s="412">
        <v>0</v>
      </c>
      <c r="EI17" s="102">
        <v>4</v>
      </c>
      <c r="EJ17" s="102">
        <v>0</v>
      </c>
      <c r="EK17" s="102">
        <v>0</v>
      </c>
      <c r="EL17" s="102">
        <v>0</v>
      </c>
      <c r="EM17" s="102">
        <v>0</v>
      </c>
      <c r="EN17" s="103">
        <v>4</v>
      </c>
      <c r="EO17" s="104">
        <v>5</v>
      </c>
      <c r="EP17" s="101">
        <v>3</v>
      </c>
      <c r="EQ17" s="102">
        <v>2</v>
      </c>
      <c r="ER17" s="103">
        <v>5</v>
      </c>
      <c r="ES17" s="412">
        <v>0</v>
      </c>
      <c r="ET17" s="102">
        <v>2</v>
      </c>
      <c r="EU17" s="102">
        <v>1</v>
      </c>
      <c r="EV17" s="102">
        <v>1</v>
      </c>
      <c r="EW17" s="102">
        <v>1</v>
      </c>
      <c r="EX17" s="102">
        <v>0</v>
      </c>
      <c r="EY17" s="103">
        <v>5</v>
      </c>
      <c r="EZ17" s="104">
        <v>10</v>
      </c>
      <c r="FA17" s="101">
        <v>1</v>
      </c>
      <c r="FB17" s="102">
        <v>3</v>
      </c>
      <c r="FC17" s="103">
        <v>4</v>
      </c>
      <c r="FD17" s="412">
        <v>0</v>
      </c>
      <c r="FE17" s="102">
        <v>2</v>
      </c>
      <c r="FF17" s="102">
        <v>3</v>
      </c>
      <c r="FG17" s="102">
        <v>1</v>
      </c>
      <c r="FH17" s="102">
        <v>3</v>
      </c>
      <c r="FI17" s="102">
        <v>0</v>
      </c>
      <c r="FJ17" s="103">
        <v>9</v>
      </c>
      <c r="FK17" s="104">
        <v>13</v>
      </c>
      <c r="FL17" s="101">
        <v>4</v>
      </c>
      <c r="FM17" s="102">
        <v>0</v>
      </c>
      <c r="FN17" s="103">
        <v>4</v>
      </c>
      <c r="FO17" s="412">
        <v>0</v>
      </c>
      <c r="FP17" s="102">
        <v>3</v>
      </c>
      <c r="FQ17" s="102">
        <v>4</v>
      </c>
      <c r="FR17" s="102">
        <v>1</v>
      </c>
      <c r="FS17" s="102">
        <v>4</v>
      </c>
      <c r="FT17" s="102">
        <v>3</v>
      </c>
      <c r="FU17" s="103">
        <v>15</v>
      </c>
      <c r="FV17" s="104">
        <v>19</v>
      </c>
      <c r="FW17" s="101">
        <v>0</v>
      </c>
      <c r="FX17" s="102">
        <v>0</v>
      </c>
      <c r="FY17" s="103">
        <v>0</v>
      </c>
      <c r="FZ17" s="412">
        <v>0</v>
      </c>
      <c r="GA17" s="102">
        <v>0</v>
      </c>
      <c r="GB17" s="102">
        <v>0</v>
      </c>
      <c r="GC17" s="102">
        <v>0</v>
      </c>
      <c r="GD17" s="102">
        <v>0</v>
      </c>
      <c r="GE17" s="102">
        <v>0</v>
      </c>
      <c r="GF17" s="103">
        <v>0</v>
      </c>
      <c r="GG17" s="104">
        <v>0</v>
      </c>
      <c r="GH17" s="101">
        <v>9</v>
      </c>
      <c r="GI17" s="102">
        <v>5</v>
      </c>
      <c r="GJ17" s="103">
        <v>14</v>
      </c>
      <c r="GK17" s="412">
        <v>0</v>
      </c>
      <c r="GL17" s="102">
        <v>11</v>
      </c>
      <c r="GM17" s="102">
        <v>8</v>
      </c>
      <c r="GN17" s="102">
        <v>4</v>
      </c>
      <c r="GO17" s="102">
        <v>8</v>
      </c>
      <c r="GP17" s="102">
        <v>3</v>
      </c>
      <c r="GQ17" s="103">
        <v>34</v>
      </c>
      <c r="GR17" s="104">
        <v>48</v>
      </c>
      <c r="GS17" s="105">
        <v>50</v>
      </c>
      <c r="GT17" s="97">
        <v>43</v>
      </c>
      <c r="GU17" s="98">
        <v>93</v>
      </c>
      <c r="GV17" s="412">
        <v>0</v>
      </c>
      <c r="GW17" s="97">
        <v>86</v>
      </c>
      <c r="GX17" s="97">
        <v>79</v>
      </c>
      <c r="GY17" s="97">
        <v>63</v>
      </c>
      <c r="GZ17" s="97">
        <v>39</v>
      </c>
      <c r="HA17" s="97">
        <v>29</v>
      </c>
      <c r="HB17" s="99">
        <v>296</v>
      </c>
      <c r="HC17" s="100">
        <v>389</v>
      </c>
      <c r="HD17" s="101">
        <v>1</v>
      </c>
      <c r="HE17" s="102">
        <v>0</v>
      </c>
      <c r="HF17" s="103">
        <v>1</v>
      </c>
      <c r="HG17" s="412">
        <v>0</v>
      </c>
      <c r="HH17" s="102">
        <v>1</v>
      </c>
      <c r="HI17" s="102">
        <v>0</v>
      </c>
      <c r="HJ17" s="102">
        <v>0</v>
      </c>
      <c r="HK17" s="102">
        <v>0</v>
      </c>
      <c r="HL17" s="102">
        <v>0</v>
      </c>
      <c r="HM17" s="103">
        <v>1</v>
      </c>
      <c r="HN17" s="104">
        <v>2</v>
      </c>
      <c r="HO17" s="101">
        <v>2</v>
      </c>
      <c r="HP17" s="102">
        <v>2</v>
      </c>
      <c r="HQ17" s="103">
        <v>4</v>
      </c>
      <c r="HR17" s="412">
        <v>0</v>
      </c>
      <c r="HS17" s="102">
        <v>2</v>
      </c>
      <c r="HT17" s="102">
        <v>1</v>
      </c>
      <c r="HU17" s="102">
        <v>4</v>
      </c>
      <c r="HV17" s="102">
        <v>1</v>
      </c>
      <c r="HW17" s="102">
        <v>1</v>
      </c>
      <c r="HX17" s="103">
        <v>9</v>
      </c>
      <c r="HY17" s="104">
        <v>13</v>
      </c>
      <c r="HZ17" s="101">
        <v>2</v>
      </c>
      <c r="IA17" s="102">
        <v>1</v>
      </c>
      <c r="IB17" s="103">
        <v>3</v>
      </c>
      <c r="IC17" s="412">
        <v>0</v>
      </c>
      <c r="ID17" s="102">
        <v>8</v>
      </c>
      <c r="IE17" s="102">
        <v>4</v>
      </c>
      <c r="IF17" s="102">
        <v>5</v>
      </c>
      <c r="IG17" s="102">
        <v>0</v>
      </c>
      <c r="IH17" s="102">
        <v>1</v>
      </c>
      <c r="II17" s="103">
        <v>18</v>
      </c>
      <c r="IJ17" s="104">
        <v>21</v>
      </c>
      <c r="IK17" s="101">
        <v>9</v>
      </c>
      <c r="IL17" s="102">
        <v>9</v>
      </c>
      <c r="IM17" s="103">
        <v>18</v>
      </c>
      <c r="IN17" s="412">
        <v>0</v>
      </c>
      <c r="IO17" s="102">
        <v>20</v>
      </c>
      <c r="IP17" s="102">
        <v>8</v>
      </c>
      <c r="IQ17" s="102">
        <v>11</v>
      </c>
      <c r="IR17" s="102">
        <v>8</v>
      </c>
      <c r="IS17" s="102">
        <v>6</v>
      </c>
      <c r="IT17" s="103">
        <v>53</v>
      </c>
      <c r="IU17" s="104">
        <v>71</v>
      </c>
      <c r="IV17" s="101">
        <v>19</v>
      </c>
      <c r="IW17" s="102">
        <v>18</v>
      </c>
      <c r="IX17" s="103">
        <v>37</v>
      </c>
      <c r="IY17" s="412">
        <v>0</v>
      </c>
      <c r="IZ17" s="102">
        <v>26</v>
      </c>
      <c r="JA17" s="102">
        <v>29</v>
      </c>
      <c r="JB17" s="102">
        <v>20</v>
      </c>
      <c r="JC17" s="102">
        <v>15</v>
      </c>
      <c r="JD17" s="102">
        <v>6</v>
      </c>
      <c r="JE17" s="103">
        <v>96</v>
      </c>
      <c r="JF17" s="104">
        <v>133</v>
      </c>
      <c r="JG17" s="101">
        <v>17</v>
      </c>
      <c r="JH17" s="102">
        <v>13</v>
      </c>
      <c r="JI17" s="103">
        <v>30</v>
      </c>
      <c r="JJ17" s="412">
        <v>0</v>
      </c>
      <c r="JK17" s="102">
        <v>29</v>
      </c>
      <c r="JL17" s="102">
        <v>37</v>
      </c>
      <c r="JM17" s="102">
        <v>23</v>
      </c>
      <c r="JN17" s="102">
        <v>15</v>
      </c>
      <c r="JO17" s="102">
        <v>15</v>
      </c>
      <c r="JP17" s="103">
        <v>119</v>
      </c>
      <c r="JQ17" s="104">
        <v>149</v>
      </c>
      <c r="JR17" s="101">
        <v>0</v>
      </c>
      <c r="JS17" s="102">
        <v>0</v>
      </c>
      <c r="JT17" s="103">
        <v>0</v>
      </c>
      <c r="JU17" s="412">
        <v>0</v>
      </c>
      <c r="JV17" s="102">
        <v>0</v>
      </c>
      <c r="JW17" s="102">
        <v>0</v>
      </c>
      <c r="JX17" s="102">
        <v>0</v>
      </c>
      <c r="JY17" s="102">
        <v>0</v>
      </c>
      <c r="JZ17" s="102">
        <v>0</v>
      </c>
      <c r="KA17" s="103">
        <v>0</v>
      </c>
      <c r="KB17" s="104">
        <v>0</v>
      </c>
      <c r="KC17" s="101">
        <v>50</v>
      </c>
      <c r="KD17" s="102">
        <v>43</v>
      </c>
      <c r="KE17" s="103">
        <v>93</v>
      </c>
      <c r="KF17" s="412">
        <v>0</v>
      </c>
      <c r="KG17" s="102">
        <v>86</v>
      </c>
      <c r="KH17" s="102">
        <v>79</v>
      </c>
      <c r="KI17" s="102">
        <v>63</v>
      </c>
      <c r="KJ17" s="102">
        <v>39</v>
      </c>
      <c r="KK17" s="102">
        <v>29</v>
      </c>
      <c r="KL17" s="103">
        <v>296</v>
      </c>
      <c r="KM17" s="104">
        <v>389</v>
      </c>
    </row>
    <row r="18" spans="2:299" s="70" customFormat="1" ht="21" customHeight="1" x14ac:dyDescent="0.2">
      <c r="B18" s="106" t="s">
        <v>15</v>
      </c>
      <c r="C18" s="96">
        <v>20</v>
      </c>
      <c r="D18" s="97">
        <v>27</v>
      </c>
      <c r="E18" s="98">
        <v>47</v>
      </c>
      <c r="F18" s="412">
        <v>0</v>
      </c>
      <c r="G18" s="97">
        <v>37</v>
      </c>
      <c r="H18" s="97">
        <v>23</v>
      </c>
      <c r="I18" s="97">
        <v>24</v>
      </c>
      <c r="J18" s="97">
        <v>24</v>
      </c>
      <c r="K18" s="97">
        <v>7</v>
      </c>
      <c r="L18" s="99">
        <v>115</v>
      </c>
      <c r="M18" s="100">
        <v>162</v>
      </c>
      <c r="N18" s="101">
        <v>0</v>
      </c>
      <c r="O18" s="102">
        <v>1</v>
      </c>
      <c r="P18" s="103">
        <v>1</v>
      </c>
      <c r="Q18" s="412">
        <v>0</v>
      </c>
      <c r="R18" s="102">
        <v>1</v>
      </c>
      <c r="S18" s="102">
        <v>0</v>
      </c>
      <c r="T18" s="102">
        <v>0</v>
      </c>
      <c r="U18" s="102">
        <v>1</v>
      </c>
      <c r="V18" s="102">
        <v>0</v>
      </c>
      <c r="W18" s="103">
        <v>2</v>
      </c>
      <c r="X18" s="104">
        <v>3</v>
      </c>
      <c r="Y18" s="101">
        <v>2</v>
      </c>
      <c r="Z18" s="102">
        <v>2</v>
      </c>
      <c r="AA18" s="103">
        <v>4</v>
      </c>
      <c r="AB18" s="412">
        <v>0</v>
      </c>
      <c r="AC18" s="102">
        <v>2</v>
      </c>
      <c r="AD18" s="102">
        <v>2</v>
      </c>
      <c r="AE18" s="102">
        <v>2</v>
      </c>
      <c r="AF18" s="102">
        <v>2</v>
      </c>
      <c r="AG18" s="102">
        <v>2</v>
      </c>
      <c r="AH18" s="103">
        <v>10</v>
      </c>
      <c r="AI18" s="104">
        <v>14</v>
      </c>
      <c r="AJ18" s="101">
        <v>3</v>
      </c>
      <c r="AK18" s="102">
        <v>2</v>
      </c>
      <c r="AL18" s="103">
        <v>5</v>
      </c>
      <c r="AM18" s="412">
        <v>0</v>
      </c>
      <c r="AN18" s="102">
        <v>5</v>
      </c>
      <c r="AO18" s="102">
        <v>7</v>
      </c>
      <c r="AP18" s="102">
        <v>3</v>
      </c>
      <c r="AQ18" s="102">
        <v>2</v>
      </c>
      <c r="AR18" s="102">
        <v>1</v>
      </c>
      <c r="AS18" s="103">
        <v>18</v>
      </c>
      <c r="AT18" s="104">
        <v>23</v>
      </c>
      <c r="AU18" s="101">
        <v>7</v>
      </c>
      <c r="AV18" s="102">
        <v>2</v>
      </c>
      <c r="AW18" s="103">
        <v>9</v>
      </c>
      <c r="AX18" s="412">
        <v>0</v>
      </c>
      <c r="AY18" s="102">
        <v>11</v>
      </c>
      <c r="AZ18" s="102">
        <v>4</v>
      </c>
      <c r="BA18" s="102">
        <v>5</v>
      </c>
      <c r="BB18" s="102">
        <v>2</v>
      </c>
      <c r="BC18" s="102">
        <v>1</v>
      </c>
      <c r="BD18" s="103">
        <v>23</v>
      </c>
      <c r="BE18" s="104">
        <v>32</v>
      </c>
      <c r="BF18" s="101">
        <v>1</v>
      </c>
      <c r="BG18" s="102">
        <v>11</v>
      </c>
      <c r="BH18" s="103">
        <v>12</v>
      </c>
      <c r="BI18" s="412">
        <v>0</v>
      </c>
      <c r="BJ18" s="102">
        <v>8</v>
      </c>
      <c r="BK18" s="102">
        <v>2</v>
      </c>
      <c r="BL18" s="102">
        <v>6</v>
      </c>
      <c r="BM18" s="102">
        <v>6</v>
      </c>
      <c r="BN18" s="102">
        <v>1</v>
      </c>
      <c r="BO18" s="103">
        <v>23</v>
      </c>
      <c r="BP18" s="104">
        <v>35</v>
      </c>
      <c r="BQ18" s="101">
        <v>7</v>
      </c>
      <c r="BR18" s="102">
        <v>9</v>
      </c>
      <c r="BS18" s="103">
        <v>16</v>
      </c>
      <c r="BT18" s="412">
        <v>0</v>
      </c>
      <c r="BU18" s="102">
        <v>10</v>
      </c>
      <c r="BV18" s="102">
        <v>8</v>
      </c>
      <c r="BW18" s="102">
        <v>8</v>
      </c>
      <c r="BX18" s="102">
        <v>11</v>
      </c>
      <c r="BY18" s="102">
        <v>2</v>
      </c>
      <c r="BZ18" s="103">
        <v>39</v>
      </c>
      <c r="CA18" s="104">
        <v>55</v>
      </c>
      <c r="CB18" s="101">
        <v>0</v>
      </c>
      <c r="CC18" s="102">
        <v>0</v>
      </c>
      <c r="CD18" s="103">
        <v>0</v>
      </c>
      <c r="CE18" s="412">
        <v>0</v>
      </c>
      <c r="CF18" s="102">
        <v>0</v>
      </c>
      <c r="CG18" s="102">
        <v>0</v>
      </c>
      <c r="CH18" s="102">
        <v>0</v>
      </c>
      <c r="CI18" s="102">
        <v>0</v>
      </c>
      <c r="CJ18" s="102">
        <v>0</v>
      </c>
      <c r="CK18" s="103">
        <v>0</v>
      </c>
      <c r="CL18" s="104">
        <v>0</v>
      </c>
      <c r="CM18" s="101">
        <v>20</v>
      </c>
      <c r="CN18" s="102">
        <v>27</v>
      </c>
      <c r="CO18" s="103">
        <v>47</v>
      </c>
      <c r="CP18" s="412">
        <v>0</v>
      </c>
      <c r="CQ18" s="102">
        <v>37</v>
      </c>
      <c r="CR18" s="102">
        <v>23</v>
      </c>
      <c r="CS18" s="102">
        <v>24</v>
      </c>
      <c r="CT18" s="102">
        <v>24</v>
      </c>
      <c r="CU18" s="102">
        <v>7</v>
      </c>
      <c r="CV18" s="103">
        <v>115</v>
      </c>
      <c r="CW18" s="104">
        <v>162</v>
      </c>
      <c r="CX18" s="105">
        <v>5</v>
      </c>
      <c r="CY18" s="97">
        <v>7</v>
      </c>
      <c r="CZ18" s="98">
        <v>12</v>
      </c>
      <c r="DA18" s="412">
        <v>0</v>
      </c>
      <c r="DB18" s="97">
        <v>6</v>
      </c>
      <c r="DC18" s="97">
        <v>6</v>
      </c>
      <c r="DD18" s="97">
        <v>1</v>
      </c>
      <c r="DE18" s="97">
        <v>5</v>
      </c>
      <c r="DF18" s="97">
        <v>1</v>
      </c>
      <c r="DG18" s="99">
        <v>19</v>
      </c>
      <c r="DH18" s="100">
        <v>31</v>
      </c>
      <c r="DI18" s="101">
        <v>0</v>
      </c>
      <c r="DJ18" s="102">
        <v>1</v>
      </c>
      <c r="DK18" s="103">
        <v>1</v>
      </c>
      <c r="DL18" s="412">
        <v>0</v>
      </c>
      <c r="DM18" s="102">
        <v>1</v>
      </c>
      <c r="DN18" s="102">
        <v>0</v>
      </c>
      <c r="DO18" s="102">
        <v>0</v>
      </c>
      <c r="DP18" s="102">
        <v>0</v>
      </c>
      <c r="DQ18" s="102">
        <v>0</v>
      </c>
      <c r="DR18" s="103">
        <v>1</v>
      </c>
      <c r="DS18" s="104">
        <v>2</v>
      </c>
      <c r="DT18" s="101">
        <v>1</v>
      </c>
      <c r="DU18" s="102">
        <v>0</v>
      </c>
      <c r="DV18" s="103">
        <v>1</v>
      </c>
      <c r="DW18" s="412">
        <v>0</v>
      </c>
      <c r="DX18" s="102">
        <v>1</v>
      </c>
      <c r="DY18" s="102">
        <v>0</v>
      </c>
      <c r="DZ18" s="102">
        <v>0</v>
      </c>
      <c r="EA18" s="102">
        <v>0</v>
      </c>
      <c r="EB18" s="102">
        <v>0</v>
      </c>
      <c r="EC18" s="103">
        <v>1</v>
      </c>
      <c r="ED18" s="104">
        <v>2</v>
      </c>
      <c r="EE18" s="101">
        <v>1</v>
      </c>
      <c r="EF18" s="102">
        <v>3</v>
      </c>
      <c r="EG18" s="103">
        <v>4</v>
      </c>
      <c r="EH18" s="412">
        <v>0</v>
      </c>
      <c r="EI18" s="102">
        <v>0</v>
      </c>
      <c r="EJ18" s="102">
        <v>0</v>
      </c>
      <c r="EK18" s="102">
        <v>0</v>
      </c>
      <c r="EL18" s="102">
        <v>0</v>
      </c>
      <c r="EM18" s="102">
        <v>0</v>
      </c>
      <c r="EN18" s="103">
        <v>0</v>
      </c>
      <c r="EO18" s="104">
        <v>4</v>
      </c>
      <c r="EP18" s="101">
        <v>0</v>
      </c>
      <c r="EQ18" s="102">
        <v>1</v>
      </c>
      <c r="ER18" s="103">
        <v>1</v>
      </c>
      <c r="ES18" s="412">
        <v>0</v>
      </c>
      <c r="ET18" s="102">
        <v>1</v>
      </c>
      <c r="EU18" s="102">
        <v>1</v>
      </c>
      <c r="EV18" s="102">
        <v>0</v>
      </c>
      <c r="EW18" s="102">
        <v>1</v>
      </c>
      <c r="EX18" s="102">
        <v>0</v>
      </c>
      <c r="EY18" s="103">
        <v>3</v>
      </c>
      <c r="EZ18" s="104">
        <v>4</v>
      </c>
      <c r="FA18" s="101">
        <v>2</v>
      </c>
      <c r="FB18" s="102">
        <v>1</v>
      </c>
      <c r="FC18" s="103">
        <v>3</v>
      </c>
      <c r="FD18" s="412">
        <v>0</v>
      </c>
      <c r="FE18" s="102">
        <v>1</v>
      </c>
      <c r="FF18" s="102">
        <v>2</v>
      </c>
      <c r="FG18" s="102">
        <v>0</v>
      </c>
      <c r="FH18" s="102">
        <v>1</v>
      </c>
      <c r="FI18" s="102">
        <v>1</v>
      </c>
      <c r="FJ18" s="103">
        <v>5</v>
      </c>
      <c r="FK18" s="104">
        <v>8</v>
      </c>
      <c r="FL18" s="101">
        <v>1</v>
      </c>
      <c r="FM18" s="102">
        <v>1</v>
      </c>
      <c r="FN18" s="103">
        <v>2</v>
      </c>
      <c r="FO18" s="412">
        <v>0</v>
      </c>
      <c r="FP18" s="102">
        <v>2</v>
      </c>
      <c r="FQ18" s="102">
        <v>3</v>
      </c>
      <c r="FR18" s="102">
        <v>1</v>
      </c>
      <c r="FS18" s="102">
        <v>3</v>
      </c>
      <c r="FT18" s="102">
        <v>0</v>
      </c>
      <c r="FU18" s="103">
        <v>9</v>
      </c>
      <c r="FV18" s="104">
        <v>11</v>
      </c>
      <c r="FW18" s="101">
        <v>0</v>
      </c>
      <c r="FX18" s="102">
        <v>0</v>
      </c>
      <c r="FY18" s="103">
        <v>0</v>
      </c>
      <c r="FZ18" s="412">
        <v>0</v>
      </c>
      <c r="GA18" s="102">
        <v>0</v>
      </c>
      <c r="GB18" s="102">
        <v>0</v>
      </c>
      <c r="GC18" s="102">
        <v>0</v>
      </c>
      <c r="GD18" s="102">
        <v>0</v>
      </c>
      <c r="GE18" s="102">
        <v>0</v>
      </c>
      <c r="GF18" s="103">
        <v>0</v>
      </c>
      <c r="GG18" s="104">
        <v>0</v>
      </c>
      <c r="GH18" s="101">
        <v>5</v>
      </c>
      <c r="GI18" s="102">
        <v>7</v>
      </c>
      <c r="GJ18" s="103">
        <v>12</v>
      </c>
      <c r="GK18" s="412">
        <v>0</v>
      </c>
      <c r="GL18" s="102">
        <v>6</v>
      </c>
      <c r="GM18" s="102">
        <v>6</v>
      </c>
      <c r="GN18" s="102">
        <v>1</v>
      </c>
      <c r="GO18" s="102">
        <v>5</v>
      </c>
      <c r="GP18" s="102">
        <v>1</v>
      </c>
      <c r="GQ18" s="103">
        <v>19</v>
      </c>
      <c r="GR18" s="104">
        <v>31</v>
      </c>
      <c r="GS18" s="105">
        <v>25</v>
      </c>
      <c r="GT18" s="97">
        <v>34</v>
      </c>
      <c r="GU18" s="98">
        <v>59</v>
      </c>
      <c r="GV18" s="412">
        <v>0</v>
      </c>
      <c r="GW18" s="97">
        <v>43</v>
      </c>
      <c r="GX18" s="97">
        <v>29</v>
      </c>
      <c r="GY18" s="97">
        <v>25</v>
      </c>
      <c r="GZ18" s="97">
        <v>29</v>
      </c>
      <c r="HA18" s="97">
        <v>8</v>
      </c>
      <c r="HB18" s="99">
        <v>134</v>
      </c>
      <c r="HC18" s="100">
        <v>193</v>
      </c>
      <c r="HD18" s="101">
        <v>0</v>
      </c>
      <c r="HE18" s="102">
        <v>2</v>
      </c>
      <c r="HF18" s="103">
        <v>2</v>
      </c>
      <c r="HG18" s="412">
        <v>0</v>
      </c>
      <c r="HH18" s="102">
        <v>2</v>
      </c>
      <c r="HI18" s="102">
        <v>0</v>
      </c>
      <c r="HJ18" s="102">
        <v>0</v>
      </c>
      <c r="HK18" s="102">
        <v>1</v>
      </c>
      <c r="HL18" s="102">
        <v>0</v>
      </c>
      <c r="HM18" s="103">
        <v>3</v>
      </c>
      <c r="HN18" s="104">
        <v>5</v>
      </c>
      <c r="HO18" s="101">
        <v>3</v>
      </c>
      <c r="HP18" s="102">
        <v>2</v>
      </c>
      <c r="HQ18" s="103">
        <v>5</v>
      </c>
      <c r="HR18" s="412">
        <v>0</v>
      </c>
      <c r="HS18" s="102">
        <v>3</v>
      </c>
      <c r="HT18" s="102">
        <v>2</v>
      </c>
      <c r="HU18" s="102">
        <v>2</v>
      </c>
      <c r="HV18" s="102">
        <v>2</v>
      </c>
      <c r="HW18" s="102">
        <v>2</v>
      </c>
      <c r="HX18" s="103">
        <v>11</v>
      </c>
      <c r="HY18" s="104">
        <v>16</v>
      </c>
      <c r="HZ18" s="101">
        <v>4</v>
      </c>
      <c r="IA18" s="102">
        <v>5</v>
      </c>
      <c r="IB18" s="103">
        <v>9</v>
      </c>
      <c r="IC18" s="412">
        <v>0</v>
      </c>
      <c r="ID18" s="102">
        <v>5</v>
      </c>
      <c r="IE18" s="102">
        <v>7</v>
      </c>
      <c r="IF18" s="102">
        <v>3</v>
      </c>
      <c r="IG18" s="102">
        <v>2</v>
      </c>
      <c r="IH18" s="102">
        <v>1</v>
      </c>
      <c r="II18" s="103">
        <v>18</v>
      </c>
      <c r="IJ18" s="104">
        <v>27</v>
      </c>
      <c r="IK18" s="101">
        <v>7</v>
      </c>
      <c r="IL18" s="102">
        <v>3</v>
      </c>
      <c r="IM18" s="103">
        <v>10</v>
      </c>
      <c r="IN18" s="412">
        <v>0</v>
      </c>
      <c r="IO18" s="102">
        <v>12</v>
      </c>
      <c r="IP18" s="102">
        <v>5</v>
      </c>
      <c r="IQ18" s="102">
        <v>5</v>
      </c>
      <c r="IR18" s="102">
        <v>3</v>
      </c>
      <c r="IS18" s="102">
        <v>1</v>
      </c>
      <c r="IT18" s="103">
        <v>26</v>
      </c>
      <c r="IU18" s="104">
        <v>36</v>
      </c>
      <c r="IV18" s="101">
        <v>3</v>
      </c>
      <c r="IW18" s="102">
        <v>12</v>
      </c>
      <c r="IX18" s="103">
        <v>15</v>
      </c>
      <c r="IY18" s="412">
        <v>0</v>
      </c>
      <c r="IZ18" s="102">
        <v>9</v>
      </c>
      <c r="JA18" s="102">
        <v>4</v>
      </c>
      <c r="JB18" s="102">
        <v>6</v>
      </c>
      <c r="JC18" s="102">
        <v>7</v>
      </c>
      <c r="JD18" s="102">
        <v>2</v>
      </c>
      <c r="JE18" s="103">
        <v>28</v>
      </c>
      <c r="JF18" s="104">
        <v>43</v>
      </c>
      <c r="JG18" s="101">
        <v>8</v>
      </c>
      <c r="JH18" s="102">
        <v>10</v>
      </c>
      <c r="JI18" s="103">
        <v>18</v>
      </c>
      <c r="JJ18" s="412">
        <v>0</v>
      </c>
      <c r="JK18" s="102">
        <v>12</v>
      </c>
      <c r="JL18" s="102">
        <v>11</v>
      </c>
      <c r="JM18" s="102">
        <v>9</v>
      </c>
      <c r="JN18" s="102">
        <v>14</v>
      </c>
      <c r="JO18" s="102">
        <v>2</v>
      </c>
      <c r="JP18" s="103">
        <v>48</v>
      </c>
      <c r="JQ18" s="104">
        <v>66</v>
      </c>
      <c r="JR18" s="101">
        <v>0</v>
      </c>
      <c r="JS18" s="102">
        <v>0</v>
      </c>
      <c r="JT18" s="103">
        <v>0</v>
      </c>
      <c r="JU18" s="412">
        <v>0</v>
      </c>
      <c r="JV18" s="102">
        <v>0</v>
      </c>
      <c r="JW18" s="102">
        <v>0</v>
      </c>
      <c r="JX18" s="102">
        <v>0</v>
      </c>
      <c r="JY18" s="102">
        <v>0</v>
      </c>
      <c r="JZ18" s="102">
        <v>0</v>
      </c>
      <c r="KA18" s="103">
        <v>0</v>
      </c>
      <c r="KB18" s="104">
        <v>0</v>
      </c>
      <c r="KC18" s="101">
        <v>25</v>
      </c>
      <c r="KD18" s="102">
        <v>34</v>
      </c>
      <c r="KE18" s="103">
        <v>59</v>
      </c>
      <c r="KF18" s="412">
        <v>0</v>
      </c>
      <c r="KG18" s="102">
        <v>43</v>
      </c>
      <c r="KH18" s="102">
        <v>29</v>
      </c>
      <c r="KI18" s="102">
        <v>25</v>
      </c>
      <c r="KJ18" s="102">
        <v>29</v>
      </c>
      <c r="KK18" s="102">
        <v>8</v>
      </c>
      <c r="KL18" s="103">
        <v>134</v>
      </c>
      <c r="KM18" s="104">
        <v>193</v>
      </c>
    </row>
    <row r="19" spans="2:299" s="70" customFormat="1" ht="21" customHeight="1" x14ac:dyDescent="0.2">
      <c r="B19" s="106" t="s">
        <v>16</v>
      </c>
      <c r="C19" s="96">
        <v>40</v>
      </c>
      <c r="D19" s="97">
        <v>44</v>
      </c>
      <c r="E19" s="98">
        <v>84</v>
      </c>
      <c r="F19" s="412">
        <v>0</v>
      </c>
      <c r="G19" s="97">
        <v>74</v>
      </c>
      <c r="H19" s="97">
        <v>104</v>
      </c>
      <c r="I19" s="97">
        <v>50</v>
      </c>
      <c r="J19" s="97">
        <v>33</v>
      </c>
      <c r="K19" s="97">
        <v>26</v>
      </c>
      <c r="L19" s="99">
        <v>287</v>
      </c>
      <c r="M19" s="100">
        <v>371</v>
      </c>
      <c r="N19" s="101">
        <v>1</v>
      </c>
      <c r="O19" s="102">
        <v>0</v>
      </c>
      <c r="P19" s="103">
        <v>1</v>
      </c>
      <c r="Q19" s="412">
        <v>0</v>
      </c>
      <c r="R19" s="102">
        <v>0</v>
      </c>
      <c r="S19" s="102">
        <v>2</v>
      </c>
      <c r="T19" s="102">
        <v>0</v>
      </c>
      <c r="U19" s="102">
        <v>0</v>
      </c>
      <c r="V19" s="102">
        <v>1</v>
      </c>
      <c r="W19" s="103">
        <v>3</v>
      </c>
      <c r="X19" s="104">
        <v>4</v>
      </c>
      <c r="Y19" s="101">
        <v>1</v>
      </c>
      <c r="Z19" s="102">
        <v>4</v>
      </c>
      <c r="AA19" s="103">
        <v>5</v>
      </c>
      <c r="AB19" s="412">
        <v>0</v>
      </c>
      <c r="AC19" s="102">
        <v>5</v>
      </c>
      <c r="AD19" s="102">
        <v>8</v>
      </c>
      <c r="AE19" s="102">
        <v>5</v>
      </c>
      <c r="AF19" s="102">
        <v>1</v>
      </c>
      <c r="AG19" s="102">
        <v>3</v>
      </c>
      <c r="AH19" s="103">
        <v>22</v>
      </c>
      <c r="AI19" s="104">
        <v>27</v>
      </c>
      <c r="AJ19" s="101">
        <v>6</v>
      </c>
      <c r="AK19" s="102">
        <v>4</v>
      </c>
      <c r="AL19" s="103">
        <v>10</v>
      </c>
      <c r="AM19" s="412">
        <v>0</v>
      </c>
      <c r="AN19" s="102">
        <v>7</v>
      </c>
      <c r="AO19" s="102">
        <v>6</v>
      </c>
      <c r="AP19" s="102">
        <v>8</v>
      </c>
      <c r="AQ19" s="102">
        <v>1</v>
      </c>
      <c r="AR19" s="102">
        <v>5</v>
      </c>
      <c r="AS19" s="103">
        <v>27</v>
      </c>
      <c r="AT19" s="104">
        <v>37</v>
      </c>
      <c r="AU19" s="101">
        <v>10</v>
      </c>
      <c r="AV19" s="102">
        <v>7</v>
      </c>
      <c r="AW19" s="103">
        <v>17</v>
      </c>
      <c r="AX19" s="412">
        <v>0</v>
      </c>
      <c r="AY19" s="102">
        <v>14</v>
      </c>
      <c r="AZ19" s="102">
        <v>26</v>
      </c>
      <c r="BA19" s="102">
        <v>7</v>
      </c>
      <c r="BB19" s="102">
        <v>6</v>
      </c>
      <c r="BC19" s="102">
        <v>8</v>
      </c>
      <c r="BD19" s="103">
        <v>61</v>
      </c>
      <c r="BE19" s="104">
        <v>78</v>
      </c>
      <c r="BF19" s="101">
        <v>9</v>
      </c>
      <c r="BG19" s="102">
        <v>16</v>
      </c>
      <c r="BH19" s="103">
        <v>25</v>
      </c>
      <c r="BI19" s="412">
        <v>0</v>
      </c>
      <c r="BJ19" s="102">
        <v>25</v>
      </c>
      <c r="BK19" s="102">
        <v>25</v>
      </c>
      <c r="BL19" s="102">
        <v>11</v>
      </c>
      <c r="BM19" s="102">
        <v>3</v>
      </c>
      <c r="BN19" s="102">
        <v>3</v>
      </c>
      <c r="BO19" s="103">
        <v>67</v>
      </c>
      <c r="BP19" s="104">
        <v>92</v>
      </c>
      <c r="BQ19" s="101">
        <v>13</v>
      </c>
      <c r="BR19" s="102">
        <v>13</v>
      </c>
      <c r="BS19" s="103">
        <v>26</v>
      </c>
      <c r="BT19" s="412">
        <v>0</v>
      </c>
      <c r="BU19" s="102">
        <v>23</v>
      </c>
      <c r="BV19" s="102">
        <v>37</v>
      </c>
      <c r="BW19" s="102">
        <v>19</v>
      </c>
      <c r="BX19" s="102">
        <v>22</v>
      </c>
      <c r="BY19" s="102">
        <v>6</v>
      </c>
      <c r="BZ19" s="103">
        <v>107</v>
      </c>
      <c r="CA19" s="104">
        <v>133</v>
      </c>
      <c r="CB19" s="101">
        <v>0</v>
      </c>
      <c r="CC19" s="102">
        <v>0</v>
      </c>
      <c r="CD19" s="103">
        <v>0</v>
      </c>
      <c r="CE19" s="412">
        <v>0</v>
      </c>
      <c r="CF19" s="102">
        <v>0</v>
      </c>
      <c r="CG19" s="102">
        <v>0</v>
      </c>
      <c r="CH19" s="102">
        <v>0</v>
      </c>
      <c r="CI19" s="102">
        <v>0</v>
      </c>
      <c r="CJ19" s="102">
        <v>0</v>
      </c>
      <c r="CK19" s="103">
        <v>0</v>
      </c>
      <c r="CL19" s="104">
        <v>0</v>
      </c>
      <c r="CM19" s="101">
        <v>40</v>
      </c>
      <c r="CN19" s="102">
        <v>44</v>
      </c>
      <c r="CO19" s="103">
        <v>84</v>
      </c>
      <c r="CP19" s="412">
        <v>0</v>
      </c>
      <c r="CQ19" s="102">
        <v>74</v>
      </c>
      <c r="CR19" s="102">
        <v>104</v>
      </c>
      <c r="CS19" s="102">
        <v>50</v>
      </c>
      <c r="CT19" s="102">
        <v>33</v>
      </c>
      <c r="CU19" s="102">
        <v>26</v>
      </c>
      <c r="CV19" s="103">
        <v>287</v>
      </c>
      <c r="CW19" s="104">
        <v>371</v>
      </c>
      <c r="CX19" s="105">
        <v>9</v>
      </c>
      <c r="CY19" s="97">
        <v>12</v>
      </c>
      <c r="CZ19" s="98">
        <v>21</v>
      </c>
      <c r="DA19" s="412">
        <v>0</v>
      </c>
      <c r="DB19" s="97">
        <v>7</v>
      </c>
      <c r="DC19" s="97">
        <v>11</v>
      </c>
      <c r="DD19" s="97">
        <v>4</v>
      </c>
      <c r="DE19" s="97">
        <v>8</v>
      </c>
      <c r="DF19" s="97">
        <v>7</v>
      </c>
      <c r="DG19" s="99">
        <v>37</v>
      </c>
      <c r="DH19" s="100">
        <v>58</v>
      </c>
      <c r="DI19" s="101">
        <v>0</v>
      </c>
      <c r="DJ19" s="102">
        <v>1</v>
      </c>
      <c r="DK19" s="103">
        <v>1</v>
      </c>
      <c r="DL19" s="412">
        <v>0</v>
      </c>
      <c r="DM19" s="102">
        <v>0</v>
      </c>
      <c r="DN19" s="102">
        <v>0</v>
      </c>
      <c r="DO19" s="102">
        <v>0</v>
      </c>
      <c r="DP19" s="102">
        <v>0</v>
      </c>
      <c r="DQ19" s="102">
        <v>0</v>
      </c>
      <c r="DR19" s="103">
        <v>0</v>
      </c>
      <c r="DS19" s="104">
        <v>1</v>
      </c>
      <c r="DT19" s="101">
        <v>0</v>
      </c>
      <c r="DU19" s="102">
        <v>1</v>
      </c>
      <c r="DV19" s="103">
        <v>1</v>
      </c>
      <c r="DW19" s="412">
        <v>0</v>
      </c>
      <c r="DX19" s="102">
        <v>0</v>
      </c>
      <c r="DY19" s="102">
        <v>1</v>
      </c>
      <c r="DZ19" s="102">
        <v>0</v>
      </c>
      <c r="EA19" s="102">
        <v>0</v>
      </c>
      <c r="EB19" s="102">
        <v>1</v>
      </c>
      <c r="EC19" s="103">
        <v>2</v>
      </c>
      <c r="ED19" s="104">
        <v>3</v>
      </c>
      <c r="EE19" s="101">
        <v>1</v>
      </c>
      <c r="EF19" s="102">
        <v>1</v>
      </c>
      <c r="EG19" s="103">
        <v>2</v>
      </c>
      <c r="EH19" s="412">
        <v>0</v>
      </c>
      <c r="EI19" s="102">
        <v>1</v>
      </c>
      <c r="EJ19" s="102">
        <v>0</v>
      </c>
      <c r="EK19" s="102">
        <v>0</v>
      </c>
      <c r="EL19" s="102">
        <v>1</v>
      </c>
      <c r="EM19" s="102">
        <v>1</v>
      </c>
      <c r="EN19" s="103">
        <v>3</v>
      </c>
      <c r="EO19" s="104">
        <v>5</v>
      </c>
      <c r="EP19" s="101">
        <v>2</v>
      </c>
      <c r="EQ19" s="102">
        <v>2</v>
      </c>
      <c r="ER19" s="103">
        <v>4</v>
      </c>
      <c r="ES19" s="412">
        <v>0</v>
      </c>
      <c r="ET19" s="102">
        <v>2</v>
      </c>
      <c r="EU19" s="102">
        <v>6</v>
      </c>
      <c r="EV19" s="102">
        <v>0</v>
      </c>
      <c r="EW19" s="102">
        <v>1</v>
      </c>
      <c r="EX19" s="102">
        <v>1</v>
      </c>
      <c r="EY19" s="103">
        <v>10</v>
      </c>
      <c r="EZ19" s="104">
        <v>14</v>
      </c>
      <c r="FA19" s="101">
        <v>5</v>
      </c>
      <c r="FB19" s="102">
        <v>4</v>
      </c>
      <c r="FC19" s="103">
        <v>9</v>
      </c>
      <c r="FD19" s="412">
        <v>0</v>
      </c>
      <c r="FE19" s="102">
        <v>2</v>
      </c>
      <c r="FF19" s="102">
        <v>2</v>
      </c>
      <c r="FG19" s="102">
        <v>2</v>
      </c>
      <c r="FH19" s="102">
        <v>2</v>
      </c>
      <c r="FI19" s="102">
        <v>2</v>
      </c>
      <c r="FJ19" s="103">
        <v>10</v>
      </c>
      <c r="FK19" s="104">
        <v>19</v>
      </c>
      <c r="FL19" s="101">
        <v>1</v>
      </c>
      <c r="FM19" s="102">
        <v>3</v>
      </c>
      <c r="FN19" s="103">
        <v>4</v>
      </c>
      <c r="FO19" s="412">
        <v>0</v>
      </c>
      <c r="FP19" s="102">
        <v>2</v>
      </c>
      <c r="FQ19" s="102">
        <v>2</v>
      </c>
      <c r="FR19" s="102">
        <v>2</v>
      </c>
      <c r="FS19" s="102">
        <v>4</v>
      </c>
      <c r="FT19" s="102">
        <v>2</v>
      </c>
      <c r="FU19" s="103">
        <v>12</v>
      </c>
      <c r="FV19" s="104">
        <v>16</v>
      </c>
      <c r="FW19" s="101">
        <v>0</v>
      </c>
      <c r="FX19" s="102">
        <v>0</v>
      </c>
      <c r="FY19" s="103">
        <v>0</v>
      </c>
      <c r="FZ19" s="412">
        <v>0</v>
      </c>
      <c r="GA19" s="102">
        <v>0</v>
      </c>
      <c r="GB19" s="102">
        <v>0</v>
      </c>
      <c r="GC19" s="102">
        <v>0</v>
      </c>
      <c r="GD19" s="102">
        <v>0</v>
      </c>
      <c r="GE19" s="102">
        <v>0</v>
      </c>
      <c r="GF19" s="103">
        <v>0</v>
      </c>
      <c r="GG19" s="104">
        <v>0</v>
      </c>
      <c r="GH19" s="101">
        <v>9</v>
      </c>
      <c r="GI19" s="102">
        <v>12</v>
      </c>
      <c r="GJ19" s="103">
        <v>21</v>
      </c>
      <c r="GK19" s="412">
        <v>0</v>
      </c>
      <c r="GL19" s="102">
        <v>7</v>
      </c>
      <c r="GM19" s="102">
        <v>11</v>
      </c>
      <c r="GN19" s="102">
        <v>4</v>
      </c>
      <c r="GO19" s="102">
        <v>8</v>
      </c>
      <c r="GP19" s="102">
        <v>7</v>
      </c>
      <c r="GQ19" s="103">
        <v>37</v>
      </c>
      <c r="GR19" s="104">
        <v>58</v>
      </c>
      <c r="GS19" s="105">
        <v>49</v>
      </c>
      <c r="GT19" s="97">
        <v>56</v>
      </c>
      <c r="GU19" s="98">
        <v>105</v>
      </c>
      <c r="GV19" s="412">
        <v>0</v>
      </c>
      <c r="GW19" s="97">
        <v>81</v>
      </c>
      <c r="GX19" s="97">
        <v>115</v>
      </c>
      <c r="GY19" s="97">
        <v>54</v>
      </c>
      <c r="GZ19" s="97">
        <v>41</v>
      </c>
      <c r="HA19" s="97">
        <v>33</v>
      </c>
      <c r="HB19" s="99">
        <v>324</v>
      </c>
      <c r="HC19" s="100">
        <v>429</v>
      </c>
      <c r="HD19" s="101">
        <v>1</v>
      </c>
      <c r="HE19" s="102">
        <v>1</v>
      </c>
      <c r="HF19" s="103">
        <v>2</v>
      </c>
      <c r="HG19" s="412">
        <v>0</v>
      </c>
      <c r="HH19" s="102">
        <v>0</v>
      </c>
      <c r="HI19" s="102">
        <v>2</v>
      </c>
      <c r="HJ19" s="102">
        <v>0</v>
      </c>
      <c r="HK19" s="102">
        <v>0</v>
      </c>
      <c r="HL19" s="102">
        <v>1</v>
      </c>
      <c r="HM19" s="103">
        <v>3</v>
      </c>
      <c r="HN19" s="104">
        <v>5</v>
      </c>
      <c r="HO19" s="101">
        <v>1</v>
      </c>
      <c r="HP19" s="102">
        <v>5</v>
      </c>
      <c r="HQ19" s="103">
        <v>6</v>
      </c>
      <c r="HR19" s="412">
        <v>0</v>
      </c>
      <c r="HS19" s="102">
        <v>5</v>
      </c>
      <c r="HT19" s="102">
        <v>9</v>
      </c>
      <c r="HU19" s="102">
        <v>5</v>
      </c>
      <c r="HV19" s="102">
        <v>1</v>
      </c>
      <c r="HW19" s="102">
        <v>4</v>
      </c>
      <c r="HX19" s="103">
        <v>24</v>
      </c>
      <c r="HY19" s="104">
        <v>30</v>
      </c>
      <c r="HZ19" s="101">
        <v>7</v>
      </c>
      <c r="IA19" s="102">
        <v>5</v>
      </c>
      <c r="IB19" s="103">
        <v>12</v>
      </c>
      <c r="IC19" s="412">
        <v>0</v>
      </c>
      <c r="ID19" s="102">
        <v>8</v>
      </c>
      <c r="IE19" s="102">
        <v>6</v>
      </c>
      <c r="IF19" s="102">
        <v>8</v>
      </c>
      <c r="IG19" s="102">
        <v>2</v>
      </c>
      <c r="IH19" s="102">
        <v>6</v>
      </c>
      <c r="II19" s="103">
        <v>30</v>
      </c>
      <c r="IJ19" s="104">
        <v>42</v>
      </c>
      <c r="IK19" s="101">
        <v>12</v>
      </c>
      <c r="IL19" s="102">
        <v>9</v>
      </c>
      <c r="IM19" s="103">
        <v>21</v>
      </c>
      <c r="IN19" s="412">
        <v>0</v>
      </c>
      <c r="IO19" s="102">
        <v>16</v>
      </c>
      <c r="IP19" s="102">
        <v>32</v>
      </c>
      <c r="IQ19" s="102">
        <v>7</v>
      </c>
      <c r="IR19" s="102">
        <v>7</v>
      </c>
      <c r="IS19" s="102">
        <v>9</v>
      </c>
      <c r="IT19" s="103">
        <v>71</v>
      </c>
      <c r="IU19" s="104">
        <v>92</v>
      </c>
      <c r="IV19" s="101">
        <v>14</v>
      </c>
      <c r="IW19" s="102">
        <v>20</v>
      </c>
      <c r="IX19" s="103">
        <v>34</v>
      </c>
      <c r="IY19" s="412">
        <v>0</v>
      </c>
      <c r="IZ19" s="102">
        <v>27</v>
      </c>
      <c r="JA19" s="102">
        <v>27</v>
      </c>
      <c r="JB19" s="102">
        <v>13</v>
      </c>
      <c r="JC19" s="102">
        <v>5</v>
      </c>
      <c r="JD19" s="102">
        <v>5</v>
      </c>
      <c r="JE19" s="103">
        <v>77</v>
      </c>
      <c r="JF19" s="104">
        <v>111</v>
      </c>
      <c r="JG19" s="101">
        <v>14</v>
      </c>
      <c r="JH19" s="102">
        <v>16</v>
      </c>
      <c r="JI19" s="103">
        <v>30</v>
      </c>
      <c r="JJ19" s="412">
        <v>0</v>
      </c>
      <c r="JK19" s="102">
        <v>25</v>
      </c>
      <c r="JL19" s="102">
        <v>39</v>
      </c>
      <c r="JM19" s="102">
        <v>21</v>
      </c>
      <c r="JN19" s="102">
        <v>26</v>
      </c>
      <c r="JO19" s="102">
        <v>8</v>
      </c>
      <c r="JP19" s="103">
        <v>119</v>
      </c>
      <c r="JQ19" s="104">
        <v>149</v>
      </c>
      <c r="JR19" s="101">
        <v>0</v>
      </c>
      <c r="JS19" s="102">
        <v>0</v>
      </c>
      <c r="JT19" s="103">
        <v>0</v>
      </c>
      <c r="JU19" s="412">
        <v>0</v>
      </c>
      <c r="JV19" s="102">
        <v>0</v>
      </c>
      <c r="JW19" s="102">
        <v>0</v>
      </c>
      <c r="JX19" s="102">
        <v>0</v>
      </c>
      <c r="JY19" s="102">
        <v>0</v>
      </c>
      <c r="JZ19" s="102">
        <v>0</v>
      </c>
      <c r="KA19" s="103">
        <v>0</v>
      </c>
      <c r="KB19" s="104">
        <v>0</v>
      </c>
      <c r="KC19" s="101">
        <v>49</v>
      </c>
      <c r="KD19" s="102">
        <v>56</v>
      </c>
      <c r="KE19" s="103">
        <v>105</v>
      </c>
      <c r="KF19" s="412">
        <v>0</v>
      </c>
      <c r="KG19" s="102">
        <v>81</v>
      </c>
      <c r="KH19" s="102">
        <v>115</v>
      </c>
      <c r="KI19" s="102">
        <v>54</v>
      </c>
      <c r="KJ19" s="102">
        <v>41</v>
      </c>
      <c r="KK19" s="102">
        <v>33</v>
      </c>
      <c r="KL19" s="103">
        <v>324</v>
      </c>
      <c r="KM19" s="104">
        <v>429</v>
      </c>
    </row>
    <row r="20" spans="2:299" s="70" customFormat="1" ht="21" customHeight="1" x14ac:dyDescent="0.2">
      <c r="B20" s="106" t="s">
        <v>17</v>
      </c>
      <c r="C20" s="96">
        <v>68</v>
      </c>
      <c r="D20" s="97">
        <v>57</v>
      </c>
      <c r="E20" s="98">
        <v>125</v>
      </c>
      <c r="F20" s="412">
        <v>0</v>
      </c>
      <c r="G20" s="97">
        <v>104</v>
      </c>
      <c r="H20" s="97">
        <v>116</v>
      </c>
      <c r="I20" s="97">
        <v>68</v>
      </c>
      <c r="J20" s="97">
        <v>36</v>
      </c>
      <c r="K20" s="97">
        <v>26</v>
      </c>
      <c r="L20" s="99">
        <v>350</v>
      </c>
      <c r="M20" s="100">
        <v>475</v>
      </c>
      <c r="N20" s="101">
        <v>1</v>
      </c>
      <c r="O20" s="102">
        <v>3</v>
      </c>
      <c r="P20" s="103">
        <v>4</v>
      </c>
      <c r="Q20" s="412">
        <v>0</v>
      </c>
      <c r="R20" s="102">
        <v>2</v>
      </c>
      <c r="S20" s="102">
        <v>1</v>
      </c>
      <c r="T20" s="102">
        <v>4</v>
      </c>
      <c r="U20" s="102">
        <v>0</v>
      </c>
      <c r="V20" s="102">
        <v>1</v>
      </c>
      <c r="W20" s="103">
        <v>8</v>
      </c>
      <c r="X20" s="104">
        <v>12</v>
      </c>
      <c r="Y20" s="101">
        <v>2</v>
      </c>
      <c r="Z20" s="102">
        <v>2</v>
      </c>
      <c r="AA20" s="103">
        <v>4</v>
      </c>
      <c r="AB20" s="412">
        <v>0</v>
      </c>
      <c r="AC20" s="102">
        <v>7</v>
      </c>
      <c r="AD20" s="102">
        <v>4</v>
      </c>
      <c r="AE20" s="102">
        <v>2</v>
      </c>
      <c r="AF20" s="102">
        <v>1</v>
      </c>
      <c r="AG20" s="102">
        <v>1</v>
      </c>
      <c r="AH20" s="103">
        <v>15</v>
      </c>
      <c r="AI20" s="104">
        <v>19</v>
      </c>
      <c r="AJ20" s="101">
        <v>6</v>
      </c>
      <c r="AK20" s="102">
        <v>6</v>
      </c>
      <c r="AL20" s="103">
        <v>12</v>
      </c>
      <c r="AM20" s="412">
        <v>0</v>
      </c>
      <c r="AN20" s="102">
        <v>16</v>
      </c>
      <c r="AO20" s="102">
        <v>12</v>
      </c>
      <c r="AP20" s="102">
        <v>5</v>
      </c>
      <c r="AQ20" s="102">
        <v>3</v>
      </c>
      <c r="AR20" s="102">
        <v>2</v>
      </c>
      <c r="AS20" s="103">
        <v>38</v>
      </c>
      <c r="AT20" s="104">
        <v>50</v>
      </c>
      <c r="AU20" s="101">
        <v>19</v>
      </c>
      <c r="AV20" s="102">
        <v>17</v>
      </c>
      <c r="AW20" s="103">
        <v>36</v>
      </c>
      <c r="AX20" s="412">
        <v>0</v>
      </c>
      <c r="AY20" s="102">
        <v>20</v>
      </c>
      <c r="AZ20" s="102">
        <v>32</v>
      </c>
      <c r="BA20" s="102">
        <v>13</v>
      </c>
      <c r="BB20" s="102">
        <v>8</v>
      </c>
      <c r="BC20" s="102">
        <v>4</v>
      </c>
      <c r="BD20" s="103">
        <v>77</v>
      </c>
      <c r="BE20" s="104">
        <v>113</v>
      </c>
      <c r="BF20" s="101">
        <v>22</v>
      </c>
      <c r="BG20" s="102">
        <v>13</v>
      </c>
      <c r="BH20" s="103">
        <v>35</v>
      </c>
      <c r="BI20" s="412">
        <v>0</v>
      </c>
      <c r="BJ20" s="102">
        <v>31</v>
      </c>
      <c r="BK20" s="102">
        <v>35</v>
      </c>
      <c r="BL20" s="102">
        <v>23</v>
      </c>
      <c r="BM20" s="102">
        <v>11</v>
      </c>
      <c r="BN20" s="102">
        <v>8</v>
      </c>
      <c r="BO20" s="103">
        <v>108</v>
      </c>
      <c r="BP20" s="104">
        <v>143</v>
      </c>
      <c r="BQ20" s="101">
        <v>18</v>
      </c>
      <c r="BR20" s="102">
        <v>16</v>
      </c>
      <c r="BS20" s="103">
        <v>34</v>
      </c>
      <c r="BT20" s="412">
        <v>0</v>
      </c>
      <c r="BU20" s="102">
        <v>28</v>
      </c>
      <c r="BV20" s="102">
        <v>32</v>
      </c>
      <c r="BW20" s="102">
        <v>21</v>
      </c>
      <c r="BX20" s="102">
        <v>13</v>
      </c>
      <c r="BY20" s="102">
        <v>10</v>
      </c>
      <c r="BZ20" s="103">
        <v>104</v>
      </c>
      <c r="CA20" s="104">
        <v>138</v>
      </c>
      <c r="CB20" s="101">
        <v>0</v>
      </c>
      <c r="CC20" s="102">
        <v>0</v>
      </c>
      <c r="CD20" s="103">
        <v>0</v>
      </c>
      <c r="CE20" s="412">
        <v>0</v>
      </c>
      <c r="CF20" s="102">
        <v>0</v>
      </c>
      <c r="CG20" s="102">
        <v>0</v>
      </c>
      <c r="CH20" s="102">
        <v>0</v>
      </c>
      <c r="CI20" s="102">
        <v>0</v>
      </c>
      <c r="CJ20" s="102">
        <v>0</v>
      </c>
      <c r="CK20" s="103">
        <v>0</v>
      </c>
      <c r="CL20" s="104">
        <v>0</v>
      </c>
      <c r="CM20" s="101">
        <v>68</v>
      </c>
      <c r="CN20" s="102">
        <v>57</v>
      </c>
      <c r="CO20" s="103">
        <v>125</v>
      </c>
      <c r="CP20" s="412">
        <v>0</v>
      </c>
      <c r="CQ20" s="102">
        <v>104</v>
      </c>
      <c r="CR20" s="102">
        <v>116</v>
      </c>
      <c r="CS20" s="102">
        <v>68</v>
      </c>
      <c r="CT20" s="102">
        <v>36</v>
      </c>
      <c r="CU20" s="102">
        <v>26</v>
      </c>
      <c r="CV20" s="103">
        <v>350</v>
      </c>
      <c r="CW20" s="104">
        <v>475</v>
      </c>
      <c r="CX20" s="105">
        <v>8</v>
      </c>
      <c r="CY20" s="97">
        <v>10</v>
      </c>
      <c r="CZ20" s="98">
        <v>18</v>
      </c>
      <c r="DA20" s="412">
        <v>0</v>
      </c>
      <c r="DB20" s="97">
        <v>10</v>
      </c>
      <c r="DC20" s="97">
        <v>18</v>
      </c>
      <c r="DD20" s="97">
        <v>11</v>
      </c>
      <c r="DE20" s="97">
        <v>11</v>
      </c>
      <c r="DF20" s="97">
        <v>6</v>
      </c>
      <c r="DG20" s="99">
        <v>56</v>
      </c>
      <c r="DH20" s="100">
        <v>74</v>
      </c>
      <c r="DI20" s="101">
        <v>0</v>
      </c>
      <c r="DJ20" s="102">
        <v>0</v>
      </c>
      <c r="DK20" s="103">
        <v>0</v>
      </c>
      <c r="DL20" s="412">
        <v>0</v>
      </c>
      <c r="DM20" s="102">
        <v>0</v>
      </c>
      <c r="DN20" s="102">
        <v>3</v>
      </c>
      <c r="DO20" s="102">
        <v>0</v>
      </c>
      <c r="DP20" s="102">
        <v>1</v>
      </c>
      <c r="DQ20" s="102">
        <v>1</v>
      </c>
      <c r="DR20" s="103">
        <v>5</v>
      </c>
      <c r="DS20" s="104">
        <v>5</v>
      </c>
      <c r="DT20" s="101">
        <v>0</v>
      </c>
      <c r="DU20" s="102">
        <v>1</v>
      </c>
      <c r="DV20" s="103">
        <v>1</v>
      </c>
      <c r="DW20" s="412">
        <v>0</v>
      </c>
      <c r="DX20" s="102">
        <v>0</v>
      </c>
      <c r="DY20" s="102">
        <v>1</v>
      </c>
      <c r="DZ20" s="102">
        <v>1</v>
      </c>
      <c r="EA20" s="102">
        <v>0</v>
      </c>
      <c r="EB20" s="102">
        <v>0</v>
      </c>
      <c r="EC20" s="103">
        <v>2</v>
      </c>
      <c r="ED20" s="104">
        <v>3</v>
      </c>
      <c r="EE20" s="101">
        <v>5</v>
      </c>
      <c r="EF20" s="102">
        <v>4</v>
      </c>
      <c r="EG20" s="103">
        <v>9</v>
      </c>
      <c r="EH20" s="412">
        <v>0</v>
      </c>
      <c r="EI20" s="102">
        <v>0</v>
      </c>
      <c r="EJ20" s="102">
        <v>0</v>
      </c>
      <c r="EK20" s="102">
        <v>0</v>
      </c>
      <c r="EL20" s="102">
        <v>0</v>
      </c>
      <c r="EM20" s="102">
        <v>0</v>
      </c>
      <c r="EN20" s="103">
        <v>0</v>
      </c>
      <c r="EO20" s="104">
        <v>9</v>
      </c>
      <c r="EP20" s="101">
        <v>2</v>
      </c>
      <c r="EQ20" s="102">
        <v>1</v>
      </c>
      <c r="ER20" s="103">
        <v>3</v>
      </c>
      <c r="ES20" s="412">
        <v>0</v>
      </c>
      <c r="ET20" s="102">
        <v>3</v>
      </c>
      <c r="EU20" s="102">
        <v>2</v>
      </c>
      <c r="EV20" s="102">
        <v>3</v>
      </c>
      <c r="EW20" s="102">
        <v>0</v>
      </c>
      <c r="EX20" s="102">
        <v>0</v>
      </c>
      <c r="EY20" s="103">
        <v>8</v>
      </c>
      <c r="EZ20" s="104">
        <v>11</v>
      </c>
      <c r="FA20" s="101">
        <v>1</v>
      </c>
      <c r="FB20" s="102">
        <v>2</v>
      </c>
      <c r="FC20" s="103">
        <v>3</v>
      </c>
      <c r="FD20" s="412">
        <v>0</v>
      </c>
      <c r="FE20" s="102">
        <v>3</v>
      </c>
      <c r="FF20" s="102">
        <v>5</v>
      </c>
      <c r="FG20" s="102">
        <v>2</v>
      </c>
      <c r="FH20" s="102">
        <v>3</v>
      </c>
      <c r="FI20" s="102">
        <v>0</v>
      </c>
      <c r="FJ20" s="103">
        <v>13</v>
      </c>
      <c r="FK20" s="104">
        <v>16</v>
      </c>
      <c r="FL20" s="101">
        <v>0</v>
      </c>
      <c r="FM20" s="102">
        <v>2</v>
      </c>
      <c r="FN20" s="103">
        <v>2</v>
      </c>
      <c r="FO20" s="412">
        <v>0</v>
      </c>
      <c r="FP20" s="102">
        <v>4</v>
      </c>
      <c r="FQ20" s="102">
        <v>7</v>
      </c>
      <c r="FR20" s="102">
        <v>5</v>
      </c>
      <c r="FS20" s="102">
        <v>7</v>
      </c>
      <c r="FT20" s="102">
        <v>5</v>
      </c>
      <c r="FU20" s="103">
        <v>28</v>
      </c>
      <c r="FV20" s="104">
        <v>30</v>
      </c>
      <c r="FW20" s="101">
        <v>0</v>
      </c>
      <c r="FX20" s="102">
        <v>0</v>
      </c>
      <c r="FY20" s="103">
        <v>0</v>
      </c>
      <c r="FZ20" s="412">
        <v>0</v>
      </c>
      <c r="GA20" s="102">
        <v>0</v>
      </c>
      <c r="GB20" s="102">
        <v>0</v>
      </c>
      <c r="GC20" s="102">
        <v>0</v>
      </c>
      <c r="GD20" s="102">
        <v>0</v>
      </c>
      <c r="GE20" s="102">
        <v>0</v>
      </c>
      <c r="GF20" s="103">
        <v>0</v>
      </c>
      <c r="GG20" s="104">
        <v>0</v>
      </c>
      <c r="GH20" s="101">
        <v>8</v>
      </c>
      <c r="GI20" s="102">
        <v>10</v>
      </c>
      <c r="GJ20" s="103">
        <v>18</v>
      </c>
      <c r="GK20" s="412">
        <v>0</v>
      </c>
      <c r="GL20" s="102">
        <v>10</v>
      </c>
      <c r="GM20" s="102">
        <v>18</v>
      </c>
      <c r="GN20" s="102">
        <v>11</v>
      </c>
      <c r="GO20" s="102">
        <v>11</v>
      </c>
      <c r="GP20" s="102">
        <v>6</v>
      </c>
      <c r="GQ20" s="103">
        <v>56</v>
      </c>
      <c r="GR20" s="104">
        <v>74</v>
      </c>
      <c r="GS20" s="105">
        <v>76</v>
      </c>
      <c r="GT20" s="97">
        <v>67</v>
      </c>
      <c r="GU20" s="98">
        <v>143</v>
      </c>
      <c r="GV20" s="412">
        <v>0</v>
      </c>
      <c r="GW20" s="97">
        <v>114</v>
      </c>
      <c r="GX20" s="97">
        <v>134</v>
      </c>
      <c r="GY20" s="97">
        <v>79</v>
      </c>
      <c r="GZ20" s="97">
        <v>47</v>
      </c>
      <c r="HA20" s="97">
        <v>32</v>
      </c>
      <c r="HB20" s="99">
        <v>406</v>
      </c>
      <c r="HC20" s="100">
        <v>549</v>
      </c>
      <c r="HD20" s="101">
        <v>1</v>
      </c>
      <c r="HE20" s="102">
        <v>3</v>
      </c>
      <c r="HF20" s="103">
        <v>4</v>
      </c>
      <c r="HG20" s="412">
        <v>0</v>
      </c>
      <c r="HH20" s="102">
        <v>2</v>
      </c>
      <c r="HI20" s="102">
        <v>4</v>
      </c>
      <c r="HJ20" s="102">
        <v>4</v>
      </c>
      <c r="HK20" s="102">
        <v>1</v>
      </c>
      <c r="HL20" s="102">
        <v>2</v>
      </c>
      <c r="HM20" s="103">
        <v>13</v>
      </c>
      <c r="HN20" s="104">
        <v>17</v>
      </c>
      <c r="HO20" s="101">
        <v>2</v>
      </c>
      <c r="HP20" s="102">
        <v>3</v>
      </c>
      <c r="HQ20" s="103">
        <v>5</v>
      </c>
      <c r="HR20" s="412">
        <v>0</v>
      </c>
      <c r="HS20" s="102">
        <v>7</v>
      </c>
      <c r="HT20" s="102">
        <v>5</v>
      </c>
      <c r="HU20" s="102">
        <v>3</v>
      </c>
      <c r="HV20" s="102">
        <v>1</v>
      </c>
      <c r="HW20" s="102">
        <v>1</v>
      </c>
      <c r="HX20" s="103">
        <v>17</v>
      </c>
      <c r="HY20" s="104">
        <v>22</v>
      </c>
      <c r="HZ20" s="101">
        <v>11</v>
      </c>
      <c r="IA20" s="102">
        <v>10</v>
      </c>
      <c r="IB20" s="103">
        <v>21</v>
      </c>
      <c r="IC20" s="412">
        <v>0</v>
      </c>
      <c r="ID20" s="102">
        <v>16</v>
      </c>
      <c r="IE20" s="102">
        <v>12</v>
      </c>
      <c r="IF20" s="102">
        <v>5</v>
      </c>
      <c r="IG20" s="102">
        <v>3</v>
      </c>
      <c r="IH20" s="102">
        <v>2</v>
      </c>
      <c r="II20" s="103">
        <v>38</v>
      </c>
      <c r="IJ20" s="104">
        <v>59</v>
      </c>
      <c r="IK20" s="101">
        <v>21</v>
      </c>
      <c r="IL20" s="102">
        <v>18</v>
      </c>
      <c r="IM20" s="103">
        <v>39</v>
      </c>
      <c r="IN20" s="412">
        <v>0</v>
      </c>
      <c r="IO20" s="102">
        <v>23</v>
      </c>
      <c r="IP20" s="102">
        <v>34</v>
      </c>
      <c r="IQ20" s="102">
        <v>16</v>
      </c>
      <c r="IR20" s="102">
        <v>8</v>
      </c>
      <c r="IS20" s="102">
        <v>4</v>
      </c>
      <c r="IT20" s="103">
        <v>85</v>
      </c>
      <c r="IU20" s="104">
        <v>124</v>
      </c>
      <c r="IV20" s="101">
        <v>23</v>
      </c>
      <c r="IW20" s="102">
        <v>15</v>
      </c>
      <c r="IX20" s="103">
        <v>38</v>
      </c>
      <c r="IY20" s="412">
        <v>0</v>
      </c>
      <c r="IZ20" s="102">
        <v>34</v>
      </c>
      <c r="JA20" s="102">
        <v>40</v>
      </c>
      <c r="JB20" s="102">
        <v>25</v>
      </c>
      <c r="JC20" s="102">
        <v>14</v>
      </c>
      <c r="JD20" s="102">
        <v>8</v>
      </c>
      <c r="JE20" s="103">
        <v>121</v>
      </c>
      <c r="JF20" s="104">
        <v>159</v>
      </c>
      <c r="JG20" s="101">
        <v>18</v>
      </c>
      <c r="JH20" s="102">
        <v>18</v>
      </c>
      <c r="JI20" s="103">
        <v>36</v>
      </c>
      <c r="JJ20" s="412">
        <v>0</v>
      </c>
      <c r="JK20" s="102">
        <v>32</v>
      </c>
      <c r="JL20" s="102">
        <v>39</v>
      </c>
      <c r="JM20" s="102">
        <v>26</v>
      </c>
      <c r="JN20" s="102">
        <v>20</v>
      </c>
      <c r="JO20" s="102">
        <v>15</v>
      </c>
      <c r="JP20" s="103">
        <v>132</v>
      </c>
      <c r="JQ20" s="104">
        <v>168</v>
      </c>
      <c r="JR20" s="101">
        <v>0</v>
      </c>
      <c r="JS20" s="102">
        <v>0</v>
      </c>
      <c r="JT20" s="103">
        <v>0</v>
      </c>
      <c r="JU20" s="412">
        <v>0</v>
      </c>
      <c r="JV20" s="102">
        <v>0</v>
      </c>
      <c r="JW20" s="102">
        <v>0</v>
      </c>
      <c r="JX20" s="102">
        <v>0</v>
      </c>
      <c r="JY20" s="102">
        <v>0</v>
      </c>
      <c r="JZ20" s="102">
        <v>0</v>
      </c>
      <c r="KA20" s="103">
        <v>0</v>
      </c>
      <c r="KB20" s="104">
        <v>0</v>
      </c>
      <c r="KC20" s="101">
        <v>76</v>
      </c>
      <c r="KD20" s="102">
        <v>67</v>
      </c>
      <c r="KE20" s="103">
        <v>143</v>
      </c>
      <c r="KF20" s="412">
        <v>0</v>
      </c>
      <c r="KG20" s="102">
        <v>114</v>
      </c>
      <c r="KH20" s="102">
        <v>134</v>
      </c>
      <c r="KI20" s="102">
        <v>79</v>
      </c>
      <c r="KJ20" s="102">
        <v>47</v>
      </c>
      <c r="KK20" s="102">
        <v>32</v>
      </c>
      <c r="KL20" s="103">
        <v>406</v>
      </c>
      <c r="KM20" s="104">
        <v>549</v>
      </c>
    </row>
    <row r="21" spans="2:299" s="70" customFormat="1" ht="21" customHeight="1" x14ac:dyDescent="0.2">
      <c r="B21" s="106" t="s">
        <v>18</v>
      </c>
      <c r="C21" s="96">
        <v>67</v>
      </c>
      <c r="D21" s="97">
        <v>79</v>
      </c>
      <c r="E21" s="98">
        <v>146</v>
      </c>
      <c r="F21" s="412">
        <v>0</v>
      </c>
      <c r="G21" s="97">
        <v>157</v>
      </c>
      <c r="H21" s="97">
        <v>113</v>
      </c>
      <c r="I21" s="97">
        <v>86</v>
      </c>
      <c r="J21" s="97">
        <v>60</v>
      </c>
      <c r="K21" s="97">
        <v>37</v>
      </c>
      <c r="L21" s="99">
        <v>453</v>
      </c>
      <c r="M21" s="100">
        <v>599</v>
      </c>
      <c r="N21" s="101">
        <v>1</v>
      </c>
      <c r="O21" s="102">
        <v>0</v>
      </c>
      <c r="P21" s="103">
        <v>1</v>
      </c>
      <c r="Q21" s="412">
        <v>0</v>
      </c>
      <c r="R21" s="102">
        <v>6</v>
      </c>
      <c r="S21" s="102">
        <v>2</v>
      </c>
      <c r="T21" s="102">
        <v>1</v>
      </c>
      <c r="U21" s="102">
        <v>2</v>
      </c>
      <c r="V21" s="102">
        <v>1</v>
      </c>
      <c r="W21" s="103">
        <v>12</v>
      </c>
      <c r="X21" s="104">
        <v>13</v>
      </c>
      <c r="Y21" s="101">
        <v>3</v>
      </c>
      <c r="Z21" s="102">
        <v>3</v>
      </c>
      <c r="AA21" s="103">
        <v>6</v>
      </c>
      <c r="AB21" s="412">
        <v>0</v>
      </c>
      <c r="AC21" s="102">
        <v>9</v>
      </c>
      <c r="AD21" s="102">
        <v>8</v>
      </c>
      <c r="AE21" s="102">
        <v>4</v>
      </c>
      <c r="AF21" s="102">
        <v>4</v>
      </c>
      <c r="AG21" s="102">
        <v>4</v>
      </c>
      <c r="AH21" s="103">
        <v>29</v>
      </c>
      <c r="AI21" s="104">
        <v>35</v>
      </c>
      <c r="AJ21" s="101">
        <v>8</v>
      </c>
      <c r="AK21" s="102">
        <v>12</v>
      </c>
      <c r="AL21" s="103">
        <v>20</v>
      </c>
      <c r="AM21" s="412">
        <v>0</v>
      </c>
      <c r="AN21" s="102">
        <v>10</v>
      </c>
      <c r="AO21" s="102">
        <v>5</v>
      </c>
      <c r="AP21" s="102">
        <v>4</v>
      </c>
      <c r="AQ21" s="102">
        <v>4</v>
      </c>
      <c r="AR21" s="102">
        <v>3</v>
      </c>
      <c r="AS21" s="103">
        <v>26</v>
      </c>
      <c r="AT21" s="104">
        <v>46</v>
      </c>
      <c r="AU21" s="101">
        <v>17</v>
      </c>
      <c r="AV21" s="102">
        <v>8</v>
      </c>
      <c r="AW21" s="103">
        <v>25</v>
      </c>
      <c r="AX21" s="412">
        <v>0</v>
      </c>
      <c r="AY21" s="102">
        <v>25</v>
      </c>
      <c r="AZ21" s="102">
        <v>29</v>
      </c>
      <c r="BA21" s="102">
        <v>11</v>
      </c>
      <c r="BB21" s="102">
        <v>8</v>
      </c>
      <c r="BC21" s="102">
        <v>6</v>
      </c>
      <c r="BD21" s="103">
        <v>79</v>
      </c>
      <c r="BE21" s="104">
        <v>104</v>
      </c>
      <c r="BF21" s="101">
        <v>21</v>
      </c>
      <c r="BG21" s="102">
        <v>29</v>
      </c>
      <c r="BH21" s="103">
        <v>50</v>
      </c>
      <c r="BI21" s="412">
        <v>0</v>
      </c>
      <c r="BJ21" s="102">
        <v>53</v>
      </c>
      <c r="BK21" s="102">
        <v>30</v>
      </c>
      <c r="BL21" s="102">
        <v>36</v>
      </c>
      <c r="BM21" s="102">
        <v>18</v>
      </c>
      <c r="BN21" s="102">
        <v>10</v>
      </c>
      <c r="BO21" s="103">
        <v>147</v>
      </c>
      <c r="BP21" s="104">
        <v>197</v>
      </c>
      <c r="BQ21" s="101">
        <v>17</v>
      </c>
      <c r="BR21" s="102">
        <v>27</v>
      </c>
      <c r="BS21" s="103">
        <v>44</v>
      </c>
      <c r="BT21" s="412">
        <v>0</v>
      </c>
      <c r="BU21" s="102">
        <v>54</v>
      </c>
      <c r="BV21" s="102">
        <v>39</v>
      </c>
      <c r="BW21" s="102">
        <v>30</v>
      </c>
      <c r="BX21" s="102">
        <v>24</v>
      </c>
      <c r="BY21" s="102">
        <v>13</v>
      </c>
      <c r="BZ21" s="103">
        <v>160</v>
      </c>
      <c r="CA21" s="104">
        <v>204</v>
      </c>
      <c r="CB21" s="101">
        <v>0</v>
      </c>
      <c r="CC21" s="102">
        <v>0</v>
      </c>
      <c r="CD21" s="103">
        <v>0</v>
      </c>
      <c r="CE21" s="412">
        <v>0</v>
      </c>
      <c r="CF21" s="102">
        <v>0</v>
      </c>
      <c r="CG21" s="102">
        <v>0</v>
      </c>
      <c r="CH21" s="102">
        <v>0</v>
      </c>
      <c r="CI21" s="102">
        <v>0</v>
      </c>
      <c r="CJ21" s="102">
        <v>0</v>
      </c>
      <c r="CK21" s="103">
        <v>0</v>
      </c>
      <c r="CL21" s="104">
        <v>0</v>
      </c>
      <c r="CM21" s="101">
        <v>67</v>
      </c>
      <c r="CN21" s="102">
        <v>79</v>
      </c>
      <c r="CO21" s="103">
        <v>146</v>
      </c>
      <c r="CP21" s="412">
        <v>0</v>
      </c>
      <c r="CQ21" s="102">
        <v>157</v>
      </c>
      <c r="CR21" s="102">
        <v>113</v>
      </c>
      <c r="CS21" s="102">
        <v>86</v>
      </c>
      <c r="CT21" s="102">
        <v>60</v>
      </c>
      <c r="CU21" s="102">
        <v>37</v>
      </c>
      <c r="CV21" s="103">
        <v>453</v>
      </c>
      <c r="CW21" s="104">
        <v>599</v>
      </c>
      <c r="CX21" s="105">
        <v>11</v>
      </c>
      <c r="CY21" s="97">
        <v>22</v>
      </c>
      <c r="CZ21" s="98">
        <v>33</v>
      </c>
      <c r="DA21" s="412">
        <v>0</v>
      </c>
      <c r="DB21" s="97">
        <v>22</v>
      </c>
      <c r="DC21" s="97">
        <v>14</v>
      </c>
      <c r="DD21" s="97">
        <v>8</v>
      </c>
      <c r="DE21" s="97">
        <v>5</v>
      </c>
      <c r="DF21" s="97">
        <v>5</v>
      </c>
      <c r="DG21" s="99">
        <v>54</v>
      </c>
      <c r="DH21" s="100">
        <v>87</v>
      </c>
      <c r="DI21" s="101">
        <v>0</v>
      </c>
      <c r="DJ21" s="102">
        <v>0</v>
      </c>
      <c r="DK21" s="103">
        <v>0</v>
      </c>
      <c r="DL21" s="412">
        <v>0</v>
      </c>
      <c r="DM21" s="102">
        <v>0</v>
      </c>
      <c r="DN21" s="102">
        <v>0</v>
      </c>
      <c r="DO21" s="102">
        <v>0</v>
      </c>
      <c r="DP21" s="102">
        <v>0</v>
      </c>
      <c r="DQ21" s="102">
        <v>2</v>
      </c>
      <c r="DR21" s="103">
        <v>2</v>
      </c>
      <c r="DS21" s="104">
        <v>2</v>
      </c>
      <c r="DT21" s="101">
        <v>1</v>
      </c>
      <c r="DU21" s="102">
        <v>3</v>
      </c>
      <c r="DV21" s="103">
        <v>4</v>
      </c>
      <c r="DW21" s="412">
        <v>0</v>
      </c>
      <c r="DX21" s="102">
        <v>1</v>
      </c>
      <c r="DY21" s="102">
        <v>2</v>
      </c>
      <c r="DZ21" s="102">
        <v>1</v>
      </c>
      <c r="EA21" s="102">
        <v>0</v>
      </c>
      <c r="EB21" s="102">
        <v>0</v>
      </c>
      <c r="EC21" s="103">
        <v>4</v>
      </c>
      <c r="ED21" s="104">
        <v>8</v>
      </c>
      <c r="EE21" s="101">
        <v>3</v>
      </c>
      <c r="EF21" s="102">
        <v>5</v>
      </c>
      <c r="EG21" s="103">
        <v>8</v>
      </c>
      <c r="EH21" s="412">
        <v>0</v>
      </c>
      <c r="EI21" s="102">
        <v>4</v>
      </c>
      <c r="EJ21" s="102">
        <v>0</v>
      </c>
      <c r="EK21" s="102">
        <v>0</v>
      </c>
      <c r="EL21" s="102">
        <v>0</v>
      </c>
      <c r="EM21" s="102">
        <v>0</v>
      </c>
      <c r="EN21" s="103">
        <v>4</v>
      </c>
      <c r="EO21" s="104">
        <v>12</v>
      </c>
      <c r="EP21" s="101">
        <v>3</v>
      </c>
      <c r="EQ21" s="102">
        <v>9</v>
      </c>
      <c r="ER21" s="103">
        <v>12</v>
      </c>
      <c r="ES21" s="412">
        <v>0</v>
      </c>
      <c r="ET21" s="102">
        <v>5</v>
      </c>
      <c r="EU21" s="102">
        <v>1</v>
      </c>
      <c r="EV21" s="102">
        <v>1</v>
      </c>
      <c r="EW21" s="102">
        <v>0</v>
      </c>
      <c r="EX21" s="102">
        <v>0</v>
      </c>
      <c r="EY21" s="103">
        <v>7</v>
      </c>
      <c r="EZ21" s="104">
        <v>19</v>
      </c>
      <c r="FA21" s="101">
        <v>1</v>
      </c>
      <c r="FB21" s="102">
        <v>2</v>
      </c>
      <c r="FC21" s="103">
        <v>3</v>
      </c>
      <c r="FD21" s="412">
        <v>0</v>
      </c>
      <c r="FE21" s="102">
        <v>6</v>
      </c>
      <c r="FF21" s="102">
        <v>6</v>
      </c>
      <c r="FG21" s="102">
        <v>2</v>
      </c>
      <c r="FH21" s="102">
        <v>0</v>
      </c>
      <c r="FI21" s="102">
        <v>1</v>
      </c>
      <c r="FJ21" s="103">
        <v>15</v>
      </c>
      <c r="FK21" s="104">
        <v>18</v>
      </c>
      <c r="FL21" s="101">
        <v>3</v>
      </c>
      <c r="FM21" s="102">
        <v>3</v>
      </c>
      <c r="FN21" s="103">
        <v>6</v>
      </c>
      <c r="FO21" s="412">
        <v>0</v>
      </c>
      <c r="FP21" s="102">
        <v>6</v>
      </c>
      <c r="FQ21" s="102">
        <v>5</v>
      </c>
      <c r="FR21" s="102">
        <v>4</v>
      </c>
      <c r="FS21" s="102">
        <v>5</v>
      </c>
      <c r="FT21" s="102">
        <v>2</v>
      </c>
      <c r="FU21" s="103">
        <v>22</v>
      </c>
      <c r="FV21" s="104">
        <v>28</v>
      </c>
      <c r="FW21" s="101">
        <v>0</v>
      </c>
      <c r="FX21" s="102">
        <v>0</v>
      </c>
      <c r="FY21" s="103">
        <v>0</v>
      </c>
      <c r="FZ21" s="412">
        <v>0</v>
      </c>
      <c r="GA21" s="102">
        <v>0</v>
      </c>
      <c r="GB21" s="102">
        <v>0</v>
      </c>
      <c r="GC21" s="102">
        <v>0</v>
      </c>
      <c r="GD21" s="102">
        <v>0</v>
      </c>
      <c r="GE21" s="102">
        <v>0</v>
      </c>
      <c r="GF21" s="103">
        <v>0</v>
      </c>
      <c r="GG21" s="104">
        <v>0</v>
      </c>
      <c r="GH21" s="101">
        <v>11</v>
      </c>
      <c r="GI21" s="102">
        <v>22</v>
      </c>
      <c r="GJ21" s="103">
        <v>33</v>
      </c>
      <c r="GK21" s="412">
        <v>0</v>
      </c>
      <c r="GL21" s="102">
        <v>22</v>
      </c>
      <c r="GM21" s="102">
        <v>14</v>
      </c>
      <c r="GN21" s="102">
        <v>8</v>
      </c>
      <c r="GO21" s="102">
        <v>5</v>
      </c>
      <c r="GP21" s="102">
        <v>5</v>
      </c>
      <c r="GQ21" s="103">
        <v>54</v>
      </c>
      <c r="GR21" s="104">
        <v>87</v>
      </c>
      <c r="GS21" s="105">
        <v>78</v>
      </c>
      <c r="GT21" s="97">
        <v>101</v>
      </c>
      <c r="GU21" s="98">
        <v>179</v>
      </c>
      <c r="GV21" s="412">
        <v>0</v>
      </c>
      <c r="GW21" s="97">
        <v>179</v>
      </c>
      <c r="GX21" s="97">
        <v>127</v>
      </c>
      <c r="GY21" s="97">
        <v>94</v>
      </c>
      <c r="GZ21" s="97">
        <v>65</v>
      </c>
      <c r="HA21" s="97">
        <v>42</v>
      </c>
      <c r="HB21" s="99">
        <v>507</v>
      </c>
      <c r="HC21" s="100">
        <v>686</v>
      </c>
      <c r="HD21" s="101">
        <v>1</v>
      </c>
      <c r="HE21" s="102">
        <v>0</v>
      </c>
      <c r="HF21" s="103">
        <v>1</v>
      </c>
      <c r="HG21" s="412">
        <v>0</v>
      </c>
      <c r="HH21" s="102">
        <v>6</v>
      </c>
      <c r="HI21" s="102">
        <v>2</v>
      </c>
      <c r="HJ21" s="102">
        <v>1</v>
      </c>
      <c r="HK21" s="102">
        <v>2</v>
      </c>
      <c r="HL21" s="102">
        <v>3</v>
      </c>
      <c r="HM21" s="103">
        <v>14</v>
      </c>
      <c r="HN21" s="104">
        <v>15</v>
      </c>
      <c r="HO21" s="101">
        <v>4</v>
      </c>
      <c r="HP21" s="102">
        <v>6</v>
      </c>
      <c r="HQ21" s="103">
        <v>10</v>
      </c>
      <c r="HR21" s="412">
        <v>0</v>
      </c>
      <c r="HS21" s="102">
        <v>10</v>
      </c>
      <c r="HT21" s="102">
        <v>10</v>
      </c>
      <c r="HU21" s="102">
        <v>5</v>
      </c>
      <c r="HV21" s="102">
        <v>4</v>
      </c>
      <c r="HW21" s="102">
        <v>4</v>
      </c>
      <c r="HX21" s="103">
        <v>33</v>
      </c>
      <c r="HY21" s="104">
        <v>43</v>
      </c>
      <c r="HZ21" s="101">
        <v>11</v>
      </c>
      <c r="IA21" s="102">
        <v>17</v>
      </c>
      <c r="IB21" s="103">
        <v>28</v>
      </c>
      <c r="IC21" s="412">
        <v>0</v>
      </c>
      <c r="ID21" s="102">
        <v>14</v>
      </c>
      <c r="IE21" s="102">
        <v>5</v>
      </c>
      <c r="IF21" s="102">
        <v>4</v>
      </c>
      <c r="IG21" s="102">
        <v>4</v>
      </c>
      <c r="IH21" s="102">
        <v>3</v>
      </c>
      <c r="II21" s="103">
        <v>30</v>
      </c>
      <c r="IJ21" s="104">
        <v>58</v>
      </c>
      <c r="IK21" s="101">
        <v>20</v>
      </c>
      <c r="IL21" s="102">
        <v>17</v>
      </c>
      <c r="IM21" s="103">
        <v>37</v>
      </c>
      <c r="IN21" s="412">
        <v>0</v>
      </c>
      <c r="IO21" s="102">
        <v>30</v>
      </c>
      <c r="IP21" s="102">
        <v>30</v>
      </c>
      <c r="IQ21" s="102">
        <v>12</v>
      </c>
      <c r="IR21" s="102">
        <v>8</v>
      </c>
      <c r="IS21" s="102">
        <v>6</v>
      </c>
      <c r="IT21" s="103">
        <v>86</v>
      </c>
      <c r="IU21" s="104">
        <v>123</v>
      </c>
      <c r="IV21" s="101">
        <v>22</v>
      </c>
      <c r="IW21" s="102">
        <v>31</v>
      </c>
      <c r="IX21" s="103">
        <v>53</v>
      </c>
      <c r="IY21" s="412">
        <v>0</v>
      </c>
      <c r="IZ21" s="102">
        <v>59</v>
      </c>
      <c r="JA21" s="102">
        <v>36</v>
      </c>
      <c r="JB21" s="102">
        <v>38</v>
      </c>
      <c r="JC21" s="102">
        <v>18</v>
      </c>
      <c r="JD21" s="102">
        <v>11</v>
      </c>
      <c r="JE21" s="103">
        <v>162</v>
      </c>
      <c r="JF21" s="104">
        <v>215</v>
      </c>
      <c r="JG21" s="101">
        <v>20</v>
      </c>
      <c r="JH21" s="102">
        <v>30</v>
      </c>
      <c r="JI21" s="103">
        <v>50</v>
      </c>
      <c r="JJ21" s="412">
        <v>0</v>
      </c>
      <c r="JK21" s="102">
        <v>60</v>
      </c>
      <c r="JL21" s="102">
        <v>44</v>
      </c>
      <c r="JM21" s="102">
        <v>34</v>
      </c>
      <c r="JN21" s="102">
        <v>29</v>
      </c>
      <c r="JO21" s="102">
        <v>15</v>
      </c>
      <c r="JP21" s="103">
        <v>182</v>
      </c>
      <c r="JQ21" s="104">
        <v>232</v>
      </c>
      <c r="JR21" s="101">
        <v>0</v>
      </c>
      <c r="JS21" s="102">
        <v>0</v>
      </c>
      <c r="JT21" s="103">
        <v>0</v>
      </c>
      <c r="JU21" s="412">
        <v>0</v>
      </c>
      <c r="JV21" s="102">
        <v>0</v>
      </c>
      <c r="JW21" s="102">
        <v>0</v>
      </c>
      <c r="JX21" s="102">
        <v>0</v>
      </c>
      <c r="JY21" s="102">
        <v>0</v>
      </c>
      <c r="JZ21" s="102">
        <v>0</v>
      </c>
      <c r="KA21" s="103">
        <v>0</v>
      </c>
      <c r="KB21" s="104">
        <v>0</v>
      </c>
      <c r="KC21" s="101">
        <v>78</v>
      </c>
      <c r="KD21" s="102">
        <v>101</v>
      </c>
      <c r="KE21" s="103">
        <v>179</v>
      </c>
      <c r="KF21" s="412">
        <v>0</v>
      </c>
      <c r="KG21" s="102">
        <v>179</v>
      </c>
      <c r="KH21" s="102">
        <v>127</v>
      </c>
      <c r="KI21" s="102">
        <v>94</v>
      </c>
      <c r="KJ21" s="102">
        <v>65</v>
      </c>
      <c r="KK21" s="102">
        <v>42</v>
      </c>
      <c r="KL21" s="103">
        <v>507</v>
      </c>
      <c r="KM21" s="104">
        <v>686</v>
      </c>
    </row>
    <row r="22" spans="2:299" s="70" customFormat="1" ht="21" customHeight="1" x14ac:dyDescent="0.2">
      <c r="B22" s="106" t="s">
        <v>19</v>
      </c>
      <c r="C22" s="96">
        <v>39</v>
      </c>
      <c r="D22" s="97">
        <v>35</v>
      </c>
      <c r="E22" s="98">
        <v>74</v>
      </c>
      <c r="F22" s="412">
        <v>0</v>
      </c>
      <c r="G22" s="97">
        <v>70</v>
      </c>
      <c r="H22" s="97">
        <v>45</v>
      </c>
      <c r="I22" s="97">
        <v>29</v>
      </c>
      <c r="J22" s="97">
        <v>18</v>
      </c>
      <c r="K22" s="97">
        <v>22</v>
      </c>
      <c r="L22" s="99">
        <v>184</v>
      </c>
      <c r="M22" s="100">
        <v>258</v>
      </c>
      <c r="N22" s="107">
        <v>0</v>
      </c>
      <c r="O22" s="102">
        <v>2</v>
      </c>
      <c r="P22" s="103">
        <v>2</v>
      </c>
      <c r="Q22" s="412">
        <v>0</v>
      </c>
      <c r="R22" s="102">
        <v>1</v>
      </c>
      <c r="S22" s="102">
        <v>1</v>
      </c>
      <c r="T22" s="102">
        <v>1</v>
      </c>
      <c r="U22" s="102">
        <v>0</v>
      </c>
      <c r="V22" s="102">
        <v>2</v>
      </c>
      <c r="W22" s="103">
        <v>5</v>
      </c>
      <c r="X22" s="104">
        <v>7</v>
      </c>
      <c r="Y22" s="101">
        <v>1</v>
      </c>
      <c r="Z22" s="102">
        <v>1</v>
      </c>
      <c r="AA22" s="103">
        <v>2</v>
      </c>
      <c r="AB22" s="412">
        <v>0</v>
      </c>
      <c r="AC22" s="102">
        <v>3</v>
      </c>
      <c r="AD22" s="102">
        <v>3</v>
      </c>
      <c r="AE22" s="102">
        <v>0</v>
      </c>
      <c r="AF22" s="102">
        <v>1</v>
      </c>
      <c r="AG22" s="102">
        <v>0</v>
      </c>
      <c r="AH22" s="103">
        <v>7</v>
      </c>
      <c r="AI22" s="104">
        <v>9</v>
      </c>
      <c r="AJ22" s="107">
        <v>2</v>
      </c>
      <c r="AK22" s="102">
        <v>1</v>
      </c>
      <c r="AL22" s="103">
        <v>3</v>
      </c>
      <c r="AM22" s="412">
        <v>0</v>
      </c>
      <c r="AN22" s="102">
        <v>8</v>
      </c>
      <c r="AO22" s="102">
        <v>2</v>
      </c>
      <c r="AP22" s="102">
        <v>1</v>
      </c>
      <c r="AQ22" s="102">
        <v>1</v>
      </c>
      <c r="AR22" s="102">
        <v>1</v>
      </c>
      <c r="AS22" s="103">
        <v>13</v>
      </c>
      <c r="AT22" s="104">
        <v>16</v>
      </c>
      <c r="AU22" s="101">
        <v>10</v>
      </c>
      <c r="AV22" s="102">
        <v>7</v>
      </c>
      <c r="AW22" s="103">
        <v>17</v>
      </c>
      <c r="AX22" s="412">
        <v>0</v>
      </c>
      <c r="AY22" s="102">
        <v>11</v>
      </c>
      <c r="AZ22" s="102">
        <v>7</v>
      </c>
      <c r="BA22" s="102">
        <v>7</v>
      </c>
      <c r="BB22" s="102">
        <v>4</v>
      </c>
      <c r="BC22" s="102">
        <v>3</v>
      </c>
      <c r="BD22" s="103">
        <v>32</v>
      </c>
      <c r="BE22" s="104">
        <v>49</v>
      </c>
      <c r="BF22" s="107">
        <v>12</v>
      </c>
      <c r="BG22" s="102">
        <v>12</v>
      </c>
      <c r="BH22" s="103">
        <v>24</v>
      </c>
      <c r="BI22" s="412">
        <v>0</v>
      </c>
      <c r="BJ22" s="102">
        <v>28</v>
      </c>
      <c r="BK22" s="102">
        <v>10</v>
      </c>
      <c r="BL22" s="102">
        <v>10</v>
      </c>
      <c r="BM22" s="102">
        <v>10</v>
      </c>
      <c r="BN22" s="102">
        <v>10</v>
      </c>
      <c r="BO22" s="103">
        <v>68</v>
      </c>
      <c r="BP22" s="104">
        <v>92</v>
      </c>
      <c r="BQ22" s="101">
        <v>14</v>
      </c>
      <c r="BR22" s="102">
        <v>12</v>
      </c>
      <c r="BS22" s="103">
        <v>26</v>
      </c>
      <c r="BT22" s="412">
        <v>0</v>
      </c>
      <c r="BU22" s="102">
        <v>19</v>
      </c>
      <c r="BV22" s="102">
        <v>22</v>
      </c>
      <c r="BW22" s="102">
        <v>10</v>
      </c>
      <c r="BX22" s="102">
        <v>2</v>
      </c>
      <c r="BY22" s="102">
        <v>6</v>
      </c>
      <c r="BZ22" s="103">
        <v>59</v>
      </c>
      <c r="CA22" s="104">
        <v>85</v>
      </c>
      <c r="CB22" s="101">
        <v>0</v>
      </c>
      <c r="CC22" s="102">
        <v>0</v>
      </c>
      <c r="CD22" s="103">
        <v>0</v>
      </c>
      <c r="CE22" s="412">
        <v>0</v>
      </c>
      <c r="CF22" s="102">
        <v>0</v>
      </c>
      <c r="CG22" s="102">
        <v>0</v>
      </c>
      <c r="CH22" s="102">
        <v>0</v>
      </c>
      <c r="CI22" s="102">
        <v>0</v>
      </c>
      <c r="CJ22" s="102">
        <v>0</v>
      </c>
      <c r="CK22" s="103">
        <v>0</v>
      </c>
      <c r="CL22" s="104">
        <v>0</v>
      </c>
      <c r="CM22" s="101">
        <v>39</v>
      </c>
      <c r="CN22" s="102">
        <v>35</v>
      </c>
      <c r="CO22" s="103">
        <v>74</v>
      </c>
      <c r="CP22" s="412">
        <v>0</v>
      </c>
      <c r="CQ22" s="102">
        <v>70</v>
      </c>
      <c r="CR22" s="102">
        <v>45</v>
      </c>
      <c r="CS22" s="102">
        <v>29</v>
      </c>
      <c r="CT22" s="102">
        <v>18</v>
      </c>
      <c r="CU22" s="102">
        <v>22</v>
      </c>
      <c r="CV22" s="103">
        <v>184</v>
      </c>
      <c r="CW22" s="104">
        <v>258</v>
      </c>
      <c r="CX22" s="105">
        <v>3</v>
      </c>
      <c r="CY22" s="97">
        <v>5</v>
      </c>
      <c r="CZ22" s="98">
        <v>8</v>
      </c>
      <c r="DA22" s="412">
        <v>0</v>
      </c>
      <c r="DB22" s="97">
        <v>12</v>
      </c>
      <c r="DC22" s="97">
        <v>7</v>
      </c>
      <c r="DD22" s="97">
        <v>8</v>
      </c>
      <c r="DE22" s="97">
        <v>4</v>
      </c>
      <c r="DF22" s="97">
        <v>4</v>
      </c>
      <c r="DG22" s="99">
        <v>35</v>
      </c>
      <c r="DH22" s="100">
        <v>43</v>
      </c>
      <c r="DI22" s="107">
        <v>1</v>
      </c>
      <c r="DJ22" s="102">
        <v>0</v>
      </c>
      <c r="DK22" s="103">
        <v>1</v>
      </c>
      <c r="DL22" s="412">
        <v>0</v>
      </c>
      <c r="DM22" s="102">
        <v>0</v>
      </c>
      <c r="DN22" s="102">
        <v>1</v>
      </c>
      <c r="DO22" s="102">
        <v>0</v>
      </c>
      <c r="DP22" s="102">
        <v>0</v>
      </c>
      <c r="DQ22" s="102">
        <v>0</v>
      </c>
      <c r="DR22" s="103">
        <v>1</v>
      </c>
      <c r="DS22" s="104">
        <v>2</v>
      </c>
      <c r="DT22" s="101">
        <v>0</v>
      </c>
      <c r="DU22" s="102">
        <v>0</v>
      </c>
      <c r="DV22" s="103">
        <v>0</v>
      </c>
      <c r="DW22" s="412">
        <v>0</v>
      </c>
      <c r="DX22" s="102">
        <v>0</v>
      </c>
      <c r="DY22" s="102">
        <v>0</v>
      </c>
      <c r="DZ22" s="102">
        <v>0</v>
      </c>
      <c r="EA22" s="102">
        <v>0</v>
      </c>
      <c r="EB22" s="102">
        <v>0</v>
      </c>
      <c r="EC22" s="103">
        <v>0</v>
      </c>
      <c r="ED22" s="104">
        <v>0</v>
      </c>
      <c r="EE22" s="107">
        <v>0</v>
      </c>
      <c r="EF22" s="102">
        <v>1</v>
      </c>
      <c r="EG22" s="103">
        <v>1</v>
      </c>
      <c r="EH22" s="412">
        <v>0</v>
      </c>
      <c r="EI22" s="102">
        <v>0</v>
      </c>
      <c r="EJ22" s="102">
        <v>0</v>
      </c>
      <c r="EK22" s="102">
        <v>0</v>
      </c>
      <c r="EL22" s="102">
        <v>1</v>
      </c>
      <c r="EM22" s="102">
        <v>0</v>
      </c>
      <c r="EN22" s="103">
        <v>1</v>
      </c>
      <c r="EO22" s="104">
        <v>2</v>
      </c>
      <c r="EP22" s="101">
        <v>2</v>
      </c>
      <c r="EQ22" s="102">
        <v>3</v>
      </c>
      <c r="ER22" s="103">
        <v>5</v>
      </c>
      <c r="ES22" s="412">
        <v>0</v>
      </c>
      <c r="ET22" s="102">
        <v>5</v>
      </c>
      <c r="EU22" s="102">
        <v>2</v>
      </c>
      <c r="EV22" s="102">
        <v>1</v>
      </c>
      <c r="EW22" s="102">
        <v>0</v>
      </c>
      <c r="EX22" s="102">
        <v>0</v>
      </c>
      <c r="EY22" s="103">
        <v>8</v>
      </c>
      <c r="EZ22" s="104">
        <v>13</v>
      </c>
      <c r="FA22" s="107">
        <v>0</v>
      </c>
      <c r="FB22" s="102">
        <v>0</v>
      </c>
      <c r="FC22" s="103">
        <v>0</v>
      </c>
      <c r="FD22" s="412">
        <v>0</v>
      </c>
      <c r="FE22" s="102">
        <v>4</v>
      </c>
      <c r="FF22" s="102">
        <v>2</v>
      </c>
      <c r="FG22" s="102">
        <v>3</v>
      </c>
      <c r="FH22" s="102">
        <v>2</v>
      </c>
      <c r="FI22" s="102">
        <v>1</v>
      </c>
      <c r="FJ22" s="103">
        <v>12</v>
      </c>
      <c r="FK22" s="104">
        <v>12</v>
      </c>
      <c r="FL22" s="101">
        <v>0</v>
      </c>
      <c r="FM22" s="102">
        <v>1</v>
      </c>
      <c r="FN22" s="103">
        <v>1</v>
      </c>
      <c r="FO22" s="412">
        <v>0</v>
      </c>
      <c r="FP22" s="102">
        <v>3</v>
      </c>
      <c r="FQ22" s="102">
        <v>2</v>
      </c>
      <c r="FR22" s="102">
        <v>4</v>
      </c>
      <c r="FS22" s="102">
        <v>1</v>
      </c>
      <c r="FT22" s="102">
        <v>3</v>
      </c>
      <c r="FU22" s="103">
        <v>13</v>
      </c>
      <c r="FV22" s="104">
        <v>14</v>
      </c>
      <c r="FW22" s="101">
        <v>0</v>
      </c>
      <c r="FX22" s="102">
        <v>0</v>
      </c>
      <c r="FY22" s="103">
        <v>0</v>
      </c>
      <c r="FZ22" s="412">
        <v>0</v>
      </c>
      <c r="GA22" s="102">
        <v>0</v>
      </c>
      <c r="GB22" s="102">
        <v>0</v>
      </c>
      <c r="GC22" s="102">
        <v>0</v>
      </c>
      <c r="GD22" s="102">
        <v>0</v>
      </c>
      <c r="GE22" s="102">
        <v>0</v>
      </c>
      <c r="GF22" s="103">
        <v>0</v>
      </c>
      <c r="GG22" s="104">
        <v>0</v>
      </c>
      <c r="GH22" s="101">
        <v>3</v>
      </c>
      <c r="GI22" s="102">
        <v>5</v>
      </c>
      <c r="GJ22" s="103">
        <v>8</v>
      </c>
      <c r="GK22" s="412">
        <v>0</v>
      </c>
      <c r="GL22" s="102">
        <v>12</v>
      </c>
      <c r="GM22" s="102">
        <v>7</v>
      </c>
      <c r="GN22" s="102">
        <v>8</v>
      </c>
      <c r="GO22" s="102">
        <v>4</v>
      </c>
      <c r="GP22" s="102">
        <v>4</v>
      </c>
      <c r="GQ22" s="103">
        <v>35</v>
      </c>
      <c r="GR22" s="104">
        <v>43</v>
      </c>
      <c r="GS22" s="105">
        <v>42</v>
      </c>
      <c r="GT22" s="97">
        <v>40</v>
      </c>
      <c r="GU22" s="98">
        <v>82</v>
      </c>
      <c r="GV22" s="412">
        <v>0</v>
      </c>
      <c r="GW22" s="97">
        <v>82</v>
      </c>
      <c r="GX22" s="97">
        <v>52</v>
      </c>
      <c r="GY22" s="97">
        <v>37</v>
      </c>
      <c r="GZ22" s="97">
        <v>22</v>
      </c>
      <c r="HA22" s="97">
        <v>26</v>
      </c>
      <c r="HB22" s="99">
        <v>219</v>
      </c>
      <c r="HC22" s="100">
        <v>301</v>
      </c>
      <c r="HD22" s="107">
        <v>1</v>
      </c>
      <c r="HE22" s="102">
        <v>2</v>
      </c>
      <c r="HF22" s="103">
        <v>3</v>
      </c>
      <c r="HG22" s="412">
        <v>0</v>
      </c>
      <c r="HH22" s="102">
        <v>1</v>
      </c>
      <c r="HI22" s="102">
        <v>2</v>
      </c>
      <c r="HJ22" s="102">
        <v>1</v>
      </c>
      <c r="HK22" s="102">
        <v>0</v>
      </c>
      <c r="HL22" s="102">
        <v>2</v>
      </c>
      <c r="HM22" s="103">
        <v>6</v>
      </c>
      <c r="HN22" s="104">
        <v>9</v>
      </c>
      <c r="HO22" s="101">
        <v>1</v>
      </c>
      <c r="HP22" s="102">
        <v>1</v>
      </c>
      <c r="HQ22" s="103">
        <v>2</v>
      </c>
      <c r="HR22" s="412">
        <v>0</v>
      </c>
      <c r="HS22" s="102">
        <v>3</v>
      </c>
      <c r="HT22" s="102">
        <v>3</v>
      </c>
      <c r="HU22" s="102">
        <v>0</v>
      </c>
      <c r="HV22" s="102">
        <v>1</v>
      </c>
      <c r="HW22" s="102">
        <v>0</v>
      </c>
      <c r="HX22" s="103">
        <v>7</v>
      </c>
      <c r="HY22" s="104">
        <v>9</v>
      </c>
      <c r="HZ22" s="107">
        <v>2</v>
      </c>
      <c r="IA22" s="102">
        <v>2</v>
      </c>
      <c r="IB22" s="103">
        <v>4</v>
      </c>
      <c r="IC22" s="412">
        <v>0</v>
      </c>
      <c r="ID22" s="102">
        <v>8</v>
      </c>
      <c r="IE22" s="102">
        <v>2</v>
      </c>
      <c r="IF22" s="102">
        <v>1</v>
      </c>
      <c r="IG22" s="102">
        <v>2</v>
      </c>
      <c r="IH22" s="102">
        <v>1</v>
      </c>
      <c r="II22" s="103">
        <v>14</v>
      </c>
      <c r="IJ22" s="104">
        <v>18</v>
      </c>
      <c r="IK22" s="101">
        <v>12</v>
      </c>
      <c r="IL22" s="102">
        <v>10</v>
      </c>
      <c r="IM22" s="103">
        <v>22</v>
      </c>
      <c r="IN22" s="412">
        <v>0</v>
      </c>
      <c r="IO22" s="102">
        <v>16</v>
      </c>
      <c r="IP22" s="102">
        <v>9</v>
      </c>
      <c r="IQ22" s="102">
        <v>8</v>
      </c>
      <c r="IR22" s="102">
        <v>4</v>
      </c>
      <c r="IS22" s="102">
        <v>3</v>
      </c>
      <c r="IT22" s="103">
        <v>40</v>
      </c>
      <c r="IU22" s="104">
        <v>62</v>
      </c>
      <c r="IV22" s="107">
        <v>12</v>
      </c>
      <c r="IW22" s="102">
        <v>12</v>
      </c>
      <c r="IX22" s="103">
        <v>24</v>
      </c>
      <c r="IY22" s="412">
        <v>0</v>
      </c>
      <c r="IZ22" s="102">
        <v>32</v>
      </c>
      <c r="JA22" s="102">
        <v>12</v>
      </c>
      <c r="JB22" s="102">
        <v>13</v>
      </c>
      <c r="JC22" s="102">
        <v>12</v>
      </c>
      <c r="JD22" s="102">
        <v>11</v>
      </c>
      <c r="JE22" s="103">
        <v>80</v>
      </c>
      <c r="JF22" s="104">
        <v>104</v>
      </c>
      <c r="JG22" s="101">
        <v>14</v>
      </c>
      <c r="JH22" s="102">
        <v>13</v>
      </c>
      <c r="JI22" s="103">
        <v>27</v>
      </c>
      <c r="JJ22" s="412">
        <v>0</v>
      </c>
      <c r="JK22" s="102">
        <v>22</v>
      </c>
      <c r="JL22" s="102">
        <v>24</v>
      </c>
      <c r="JM22" s="102">
        <v>14</v>
      </c>
      <c r="JN22" s="102">
        <v>3</v>
      </c>
      <c r="JO22" s="102">
        <v>9</v>
      </c>
      <c r="JP22" s="103">
        <v>72</v>
      </c>
      <c r="JQ22" s="104">
        <v>99</v>
      </c>
      <c r="JR22" s="101">
        <v>0</v>
      </c>
      <c r="JS22" s="102">
        <v>0</v>
      </c>
      <c r="JT22" s="103">
        <v>0</v>
      </c>
      <c r="JU22" s="412">
        <v>0</v>
      </c>
      <c r="JV22" s="102">
        <v>0</v>
      </c>
      <c r="JW22" s="102">
        <v>0</v>
      </c>
      <c r="JX22" s="102">
        <v>0</v>
      </c>
      <c r="JY22" s="102">
        <v>0</v>
      </c>
      <c r="JZ22" s="102">
        <v>0</v>
      </c>
      <c r="KA22" s="103">
        <v>0</v>
      </c>
      <c r="KB22" s="104">
        <v>0</v>
      </c>
      <c r="KC22" s="101">
        <v>42</v>
      </c>
      <c r="KD22" s="102">
        <v>40</v>
      </c>
      <c r="KE22" s="103">
        <v>82</v>
      </c>
      <c r="KF22" s="412">
        <v>0</v>
      </c>
      <c r="KG22" s="102">
        <v>82</v>
      </c>
      <c r="KH22" s="102">
        <v>52</v>
      </c>
      <c r="KI22" s="102">
        <v>37</v>
      </c>
      <c r="KJ22" s="102">
        <v>22</v>
      </c>
      <c r="KK22" s="102">
        <v>26</v>
      </c>
      <c r="KL22" s="103">
        <v>219</v>
      </c>
      <c r="KM22" s="104">
        <v>301</v>
      </c>
    </row>
    <row r="23" spans="2:299" s="70" customFormat="1" ht="21" customHeight="1" x14ac:dyDescent="0.2">
      <c r="B23" s="106" t="s">
        <v>20</v>
      </c>
      <c r="C23" s="96">
        <v>61</v>
      </c>
      <c r="D23" s="97">
        <v>63</v>
      </c>
      <c r="E23" s="98">
        <v>124</v>
      </c>
      <c r="F23" s="412">
        <v>0</v>
      </c>
      <c r="G23" s="97">
        <v>125</v>
      </c>
      <c r="H23" s="97">
        <v>82</v>
      </c>
      <c r="I23" s="97">
        <v>47</v>
      </c>
      <c r="J23" s="97">
        <v>38</v>
      </c>
      <c r="K23" s="97">
        <v>21</v>
      </c>
      <c r="L23" s="99">
        <v>313</v>
      </c>
      <c r="M23" s="100">
        <v>437</v>
      </c>
      <c r="N23" s="101">
        <v>0</v>
      </c>
      <c r="O23" s="102">
        <v>1</v>
      </c>
      <c r="P23" s="103">
        <v>1</v>
      </c>
      <c r="Q23" s="412">
        <v>0</v>
      </c>
      <c r="R23" s="102">
        <v>2</v>
      </c>
      <c r="S23" s="102">
        <v>1</v>
      </c>
      <c r="T23" s="102">
        <v>3</v>
      </c>
      <c r="U23" s="102">
        <v>0</v>
      </c>
      <c r="V23" s="102">
        <v>0</v>
      </c>
      <c r="W23" s="103">
        <v>6</v>
      </c>
      <c r="X23" s="104">
        <v>7</v>
      </c>
      <c r="Y23" s="101">
        <v>2</v>
      </c>
      <c r="Z23" s="102">
        <v>2</v>
      </c>
      <c r="AA23" s="103">
        <v>4</v>
      </c>
      <c r="AB23" s="412">
        <v>0</v>
      </c>
      <c r="AC23" s="102">
        <v>6</v>
      </c>
      <c r="AD23" s="102">
        <v>5</v>
      </c>
      <c r="AE23" s="102">
        <v>2</v>
      </c>
      <c r="AF23" s="102">
        <v>3</v>
      </c>
      <c r="AG23" s="102">
        <v>0</v>
      </c>
      <c r="AH23" s="103">
        <v>16</v>
      </c>
      <c r="AI23" s="104">
        <v>20</v>
      </c>
      <c r="AJ23" s="101">
        <v>6</v>
      </c>
      <c r="AK23" s="102">
        <v>6</v>
      </c>
      <c r="AL23" s="103">
        <v>12</v>
      </c>
      <c r="AM23" s="412">
        <v>0</v>
      </c>
      <c r="AN23" s="102">
        <v>16</v>
      </c>
      <c r="AO23" s="102">
        <v>4</v>
      </c>
      <c r="AP23" s="102">
        <v>7</v>
      </c>
      <c r="AQ23" s="102">
        <v>4</v>
      </c>
      <c r="AR23" s="102">
        <v>3</v>
      </c>
      <c r="AS23" s="103">
        <v>34</v>
      </c>
      <c r="AT23" s="104">
        <v>46</v>
      </c>
      <c r="AU23" s="101">
        <v>15</v>
      </c>
      <c r="AV23" s="102">
        <v>13</v>
      </c>
      <c r="AW23" s="103">
        <v>28</v>
      </c>
      <c r="AX23" s="412">
        <v>0</v>
      </c>
      <c r="AY23" s="102">
        <v>39</v>
      </c>
      <c r="AZ23" s="102">
        <v>16</v>
      </c>
      <c r="BA23" s="102">
        <v>9</v>
      </c>
      <c r="BB23" s="102">
        <v>7</v>
      </c>
      <c r="BC23" s="102">
        <v>8</v>
      </c>
      <c r="BD23" s="103">
        <v>79</v>
      </c>
      <c r="BE23" s="104">
        <v>107</v>
      </c>
      <c r="BF23" s="101">
        <v>23</v>
      </c>
      <c r="BG23" s="102">
        <v>22</v>
      </c>
      <c r="BH23" s="103">
        <v>45</v>
      </c>
      <c r="BI23" s="412">
        <v>0</v>
      </c>
      <c r="BJ23" s="102">
        <v>36</v>
      </c>
      <c r="BK23" s="102">
        <v>28</v>
      </c>
      <c r="BL23" s="102">
        <v>15</v>
      </c>
      <c r="BM23" s="102">
        <v>14</v>
      </c>
      <c r="BN23" s="102">
        <v>7</v>
      </c>
      <c r="BO23" s="103">
        <v>100</v>
      </c>
      <c r="BP23" s="104">
        <v>145</v>
      </c>
      <c r="BQ23" s="101">
        <v>15</v>
      </c>
      <c r="BR23" s="102">
        <v>19</v>
      </c>
      <c r="BS23" s="103">
        <v>34</v>
      </c>
      <c r="BT23" s="412">
        <v>0</v>
      </c>
      <c r="BU23" s="102">
        <v>26</v>
      </c>
      <c r="BV23" s="102">
        <v>28</v>
      </c>
      <c r="BW23" s="102">
        <v>11</v>
      </c>
      <c r="BX23" s="102">
        <v>10</v>
      </c>
      <c r="BY23" s="102">
        <v>3</v>
      </c>
      <c r="BZ23" s="103">
        <v>78</v>
      </c>
      <c r="CA23" s="104">
        <v>112</v>
      </c>
      <c r="CB23" s="101">
        <v>0</v>
      </c>
      <c r="CC23" s="102">
        <v>0</v>
      </c>
      <c r="CD23" s="103">
        <v>0</v>
      </c>
      <c r="CE23" s="412">
        <v>0</v>
      </c>
      <c r="CF23" s="102">
        <v>0</v>
      </c>
      <c r="CG23" s="102">
        <v>0</v>
      </c>
      <c r="CH23" s="102">
        <v>0</v>
      </c>
      <c r="CI23" s="102">
        <v>0</v>
      </c>
      <c r="CJ23" s="102">
        <v>0</v>
      </c>
      <c r="CK23" s="103">
        <v>0</v>
      </c>
      <c r="CL23" s="104">
        <v>0</v>
      </c>
      <c r="CM23" s="101">
        <v>61</v>
      </c>
      <c r="CN23" s="102">
        <v>63</v>
      </c>
      <c r="CO23" s="103">
        <v>124</v>
      </c>
      <c r="CP23" s="412">
        <v>0</v>
      </c>
      <c r="CQ23" s="102">
        <v>125</v>
      </c>
      <c r="CR23" s="102">
        <v>82</v>
      </c>
      <c r="CS23" s="102">
        <v>47</v>
      </c>
      <c r="CT23" s="102">
        <v>38</v>
      </c>
      <c r="CU23" s="102">
        <v>21</v>
      </c>
      <c r="CV23" s="103">
        <v>313</v>
      </c>
      <c r="CW23" s="104">
        <v>437</v>
      </c>
      <c r="CX23" s="105">
        <v>7</v>
      </c>
      <c r="CY23" s="97">
        <v>13</v>
      </c>
      <c r="CZ23" s="98">
        <v>20</v>
      </c>
      <c r="DA23" s="412">
        <v>0</v>
      </c>
      <c r="DB23" s="97">
        <v>17</v>
      </c>
      <c r="DC23" s="97">
        <v>5</v>
      </c>
      <c r="DD23" s="97">
        <v>2</v>
      </c>
      <c r="DE23" s="97">
        <v>6</v>
      </c>
      <c r="DF23" s="97">
        <v>4</v>
      </c>
      <c r="DG23" s="99">
        <v>34</v>
      </c>
      <c r="DH23" s="100">
        <v>54</v>
      </c>
      <c r="DI23" s="101">
        <v>0</v>
      </c>
      <c r="DJ23" s="102">
        <v>0</v>
      </c>
      <c r="DK23" s="103">
        <v>0</v>
      </c>
      <c r="DL23" s="412">
        <v>0</v>
      </c>
      <c r="DM23" s="102">
        <v>0</v>
      </c>
      <c r="DN23" s="102">
        <v>0</v>
      </c>
      <c r="DO23" s="102">
        <v>0</v>
      </c>
      <c r="DP23" s="102">
        <v>0</v>
      </c>
      <c r="DQ23" s="102">
        <v>0</v>
      </c>
      <c r="DR23" s="103">
        <v>0</v>
      </c>
      <c r="DS23" s="104">
        <v>0</v>
      </c>
      <c r="DT23" s="101">
        <v>0</v>
      </c>
      <c r="DU23" s="102">
        <v>1</v>
      </c>
      <c r="DV23" s="103">
        <v>1</v>
      </c>
      <c r="DW23" s="412">
        <v>0</v>
      </c>
      <c r="DX23" s="102">
        <v>0</v>
      </c>
      <c r="DY23" s="102">
        <v>1</v>
      </c>
      <c r="DZ23" s="102">
        <v>0</v>
      </c>
      <c r="EA23" s="102">
        <v>0</v>
      </c>
      <c r="EB23" s="102">
        <v>0</v>
      </c>
      <c r="EC23" s="103">
        <v>1</v>
      </c>
      <c r="ED23" s="104">
        <v>2</v>
      </c>
      <c r="EE23" s="101">
        <v>3</v>
      </c>
      <c r="EF23" s="102">
        <v>1</v>
      </c>
      <c r="EG23" s="103">
        <v>4</v>
      </c>
      <c r="EH23" s="412">
        <v>0</v>
      </c>
      <c r="EI23" s="102">
        <v>2</v>
      </c>
      <c r="EJ23" s="102">
        <v>1</v>
      </c>
      <c r="EK23" s="102">
        <v>0</v>
      </c>
      <c r="EL23" s="102">
        <v>0</v>
      </c>
      <c r="EM23" s="102">
        <v>1</v>
      </c>
      <c r="EN23" s="103">
        <v>4</v>
      </c>
      <c r="EO23" s="104">
        <v>8</v>
      </c>
      <c r="EP23" s="101">
        <v>4</v>
      </c>
      <c r="EQ23" s="102">
        <v>3</v>
      </c>
      <c r="ER23" s="103">
        <v>7</v>
      </c>
      <c r="ES23" s="412">
        <v>0</v>
      </c>
      <c r="ET23" s="102">
        <v>4</v>
      </c>
      <c r="EU23" s="102">
        <v>0</v>
      </c>
      <c r="EV23" s="102">
        <v>1</v>
      </c>
      <c r="EW23" s="102">
        <v>1</v>
      </c>
      <c r="EX23" s="102">
        <v>1</v>
      </c>
      <c r="EY23" s="103">
        <v>7</v>
      </c>
      <c r="EZ23" s="104">
        <v>14</v>
      </c>
      <c r="FA23" s="101">
        <v>0</v>
      </c>
      <c r="FB23" s="102">
        <v>4</v>
      </c>
      <c r="FC23" s="103">
        <v>4</v>
      </c>
      <c r="FD23" s="412">
        <v>0</v>
      </c>
      <c r="FE23" s="102">
        <v>3</v>
      </c>
      <c r="FF23" s="102">
        <v>1</v>
      </c>
      <c r="FG23" s="102">
        <v>0</v>
      </c>
      <c r="FH23" s="102">
        <v>2</v>
      </c>
      <c r="FI23" s="102">
        <v>0</v>
      </c>
      <c r="FJ23" s="103">
        <v>6</v>
      </c>
      <c r="FK23" s="104">
        <v>10</v>
      </c>
      <c r="FL23" s="101">
        <v>0</v>
      </c>
      <c r="FM23" s="102">
        <v>4</v>
      </c>
      <c r="FN23" s="103">
        <v>4</v>
      </c>
      <c r="FO23" s="412">
        <v>0</v>
      </c>
      <c r="FP23" s="102">
        <v>8</v>
      </c>
      <c r="FQ23" s="102">
        <v>2</v>
      </c>
      <c r="FR23" s="102">
        <v>1</v>
      </c>
      <c r="FS23" s="102">
        <v>3</v>
      </c>
      <c r="FT23" s="102">
        <v>2</v>
      </c>
      <c r="FU23" s="103">
        <v>16</v>
      </c>
      <c r="FV23" s="104">
        <v>20</v>
      </c>
      <c r="FW23" s="101">
        <v>0</v>
      </c>
      <c r="FX23" s="102">
        <v>0</v>
      </c>
      <c r="FY23" s="103">
        <v>0</v>
      </c>
      <c r="FZ23" s="412">
        <v>0</v>
      </c>
      <c r="GA23" s="102">
        <v>0</v>
      </c>
      <c r="GB23" s="102">
        <v>0</v>
      </c>
      <c r="GC23" s="102">
        <v>0</v>
      </c>
      <c r="GD23" s="102">
        <v>0</v>
      </c>
      <c r="GE23" s="102">
        <v>0</v>
      </c>
      <c r="GF23" s="103">
        <v>0</v>
      </c>
      <c r="GG23" s="104">
        <v>0</v>
      </c>
      <c r="GH23" s="101">
        <v>7</v>
      </c>
      <c r="GI23" s="102">
        <v>13</v>
      </c>
      <c r="GJ23" s="103">
        <v>20</v>
      </c>
      <c r="GK23" s="412">
        <v>0</v>
      </c>
      <c r="GL23" s="102">
        <v>17</v>
      </c>
      <c r="GM23" s="102">
        <v>5</v>
      </c>
      <c r="GN23" s="102">
        <v>2</v>
      </c>
      <c r="GO23" s="102">
        <v>6</v>
      </c>
      <c r="GP23" s="102">
        <v>4</v>
      </c>
      <c r="GQ23" s="103">
        <v>34</v>
      </c>
      <c r="GR23" s="104">
        <v>54</v>
      </c>
      <c r="GS23" s="105">
        <v>68</v>
      </c>
      <c r="GT23" s="97">
        <v>76</v>
      </c>
      <c r="GU23" s="98">
        <v>144</v>
      </c>
      <c r="GV23" s="412">
        <v>0</v>
      </c>
      <c r="GW23" s="97">
        <v>142</v>
      </c>
      <c r="GX23" s="97">
        <v>87</v>
      </c>
      <c r="GY23" s="97">
        <v>49</v>
      </c>
      <c r="GZ23" s="97">
        <v>44</v>
      </c>
      <c r="HA23" s="97">
        <v>25</v>
      </c>
      <c r="HB23" s="99">
        <v>347</v>
      </c>
      <c r="HC23" s="100">
        <v>491</v>
      </c>
      <c r="HD23" s="101">
        <v>0</v>
      </c>
      <c r="HE23" s="102">
        <v>1</v>
      </c>
      <c r="HF23" s="103">
        <v>1</v>
      </c>
      <c r="HG23" s="412">
        <v>0</v>
      </c>
      <c r="HH23" s="102">
        <v>2</v>
      </c>
      <c r="HI23" s="102">
        <v>1</v>
      </c>
      <c r="HJ23" s="102">
        <v>3</v>
      </c>
      <c r="HK23" s="102">
        <v>0</v>
      </c>
      <c r="HL23" s="102">
        <v>0</v>
      </c>
      <c r="HM23" s="103">
        <v>6</v>
      </c>
      <c r="HN23" s="104">
        <v>7</v>
      </c>
      <c r="HO23" s="101">
        <v>2</v>
      </c>
      <c r="HP23" s="102">
        <v>3</v>
      </c>
      <c r="HQ23" s="103">
        <v>5</v>
      </c>
      <c r="HR23" s="412">
        <v>0</v>
      </c>
      <c r="HS23" s="102">
        <v>6</v>
      </c>
      <c r="HT23" s="102">
        <v>6</v>
      </c>
      <c r="HU23" s="102">
        <v>2</v>
      </c>
      <c r="HV23" s="102">
        <v>3</v>
      </c>
      <c r="HW23" s="102">
        <v>0</v>
      </c>
      <c r="HX23" s="103">
        <v>17</v>
      </c>
      <c r="HY23" s="104">
        <v>22</v>
      </c>
      <c r="HZ23" s="101">
        <v>9</v>
      </c>
      <c r="IA23" s="102">
        <v>7</v>
      </c>
      <c r="IB23" s="103">
        <v>16</v>
      </c>
      <c r="IC23" s="412">
        <v>0</v>
      </c>
      <c r="ID23" s="102">
        <v>18</v>
      </c>
      <c r="IE23" s="102">
        <v>5</v>
      </c>
      <c r="IF23" s="102">
        <v>7</v>
      </c>
      <c r="IG23" s="102">
        <v>4</v>
      </c>
      <c r="IH23" s="102">
        <v>4</v>
      </c>
      <c r="II23" s="103">
        <v>38</v>
      </c>
      <c r="IJ23" s="104">
        <v>54</v>
      </c>
      <c r="IK23" s="101">
        <v>19</v>
      </c>
      <c r="IL23" s="102">
        <v>16</v>
      </c>
      <c r="IM23" s="103">
        <v>35</v>
      </c>
      <c r="IN23" s="412">
        <v>0</v>
      </c>
      <c r="IO23" s="102">
        <v>43</v>
      </c>
      <c r="IP23" s="102">
        <v>16</v>
      </c>
      <c r="IQ23" s="102">
        <v>10</v>
      </c>
      <c r="IR23" s="102">
        <v>8</v>
      </c>
      <c r="IS23" s="102">
        <v>9</v>
      </c>
      <c r="IT23" s="103">
        <v>86</v>
      </c>
      <c r="IU23" s="104">
        <v>121</v>
      </c>
      <c r="IV23" s="101">
        <v>23</v>
      </c>
      <c r="IW23" s="102">
        <v>26</v>
      </c>
      <c r="IX23" s="103">
        <v>49</v>
      </c>
      <c r="IY23" s="412">
        <v>0</v>
      </c>
      <c r="IZ23" s="102">
        <v>39</v>
      </c>
      <c r="JA23" s="102">
        <v>29</v>
      </c>
      <c r="JB23" s="102">
        <v>15</v>
      </c>
      <c r="JC23" s="102">
        <v>16</v>
      </c>
      <c r="JD23" s="102">
        <v>7</v>
      </c>
      <c r="JE23" s="103">
        <v>106</v>
      </c>
      <c r="JF23" s="104">
        <v>155</v>
      </c>
      <c r="JG23" s="101">
        <v>15</v>
      </c>
      <c r="JH23" s="102">
        <v>23</v>
      </c>
      <c r="JI23" s="103">
        <v>38</v>
      </c>
      <c r="JJ23" s="412">
        <v>0</v>
      </c>
      <c r="JK23" s="102">
        <v>34</v>
      </c>
      <c r="JL23" s="102">
        <v>30</v>
      </c>
      <c r="JM23" s="102">
        <v>12</v>
      </c>
      <c r="JN23" s="102">
        <v>13</v>
      </c>
      <c r="JO23" s="102">
        <v>5</v>
      </c>
      <c r="JP23" s="103">
        <v>94</v>
      </c>
      <c r="JQ23" s="104">
        <v>132</v>
      </c>
      <c r="JR23" s="101">
        <v>0</v>
      </c>
      <c r="JS23" s="102">
        <v>0</v>
      </c>
      <c r="JT23" s="103">
        <v>0</v>
      </c>
      <c r="JU23" s="412">
        <v>0</v>
      </c>
      <c r="JV23" s="102">
        <v>0</v>
      </c>
      <c r="JW23" s="102">
        <v>0</v>
      </c>
      <c r="JX23" s="102">
        <v>0</v>
      </c>
      <c r="JY23" s="102">
        <v>0</v>
      </c>
      <c r="JZ23" s="102">
        <v>0</v>
      </c>
      <c r="KA23" s="103">
        <v>0</v>
      </c>
      <c r="KB23" s="104">
        <v>0</v>
      </c>
      <c r="KC23" s="101">
        <v>68</v>
      </c>
      <c r="KD23" s="102">
        <v>76</v>
      </c>
      <c r="KE23" s="103">
        <v>144</v>
      </c>
      <c r="KF23" s="412">
        <v>0</v>
      </c>
      <c r="KG23" s="102">
        <v>142</v>
      </c>
      <c r="KH23" s="102">
        <v>87</v>
      </c>
      <c r="KI23" s="102">
        <v>49</v>
      </c>
      <c r="KJ23" s="102">
        <v>44</v>
      </c>
      <c r="KK23" s="102">
        <v>25</v>
      </c>
      <c r="KL23" s="103">
        <v>347</v>
      </c>
      <c r="KM23" s="104">
        <v>491</v>
      </c>
    </row>
    <row r="24" spans="2:299" s="70" customFormat="1" ht="21" customHeight="1" x14ac:dyDescent="0.2">
      <c r="B24" s="106" t="s">
        <v>21</v>
      </c>
      <c r="C24" s="96">
        <v>50</v>
      </c>
      <c r="D24" s="97">
        <v>40</v>
      </c>
      <c r="E24" s="98">
        <v>90</v>
      </c>
      <c r="F24" s="412">
        <v>0</v>
      </c>
      <c r="G24" s="97">
        <v>71</v>
      </c>
      <c r="H24" s="97">
        <v>61</v>
      </c>
      <c r="I24" s="97">
        <v>35</v>
      </c>
      <c r="J24" s="97">
        <v>22</v>
      </c>
      <c r="K24" s="97">
        <v>22</v>
      </c>
      <c r="L24" s="99">
        <v>211</v>
      </c>
      <c r="M24" s="100">
        <v>301</v>
      </c>
      <c r="N24" s="101">
        <v>1</v>
      </c>
      <c r="O24" s="102">
        <v>0</v>
      </c>
      <c r="P24" s="103">
        <v>1</v>
      </c>
      <c r="Q24" s="412">
        <v>0</v>
      </c>
      <c r="R24" s="102">
        <v>0</v>
      </c>
      <c r="S24" s="102">
        <v>3</v>
      </c>
      <c r="T24" s="102">
        <v>1</v>
      </c>
      <c r="U24" s="102">
        <v>0</v>
      </c>
      <c r="V24" s="102">
        <v>2</v>
      </c>
      <c r="W24" s="103">
        <v>6</v>
      </c>
      <c r="X24" s="104">
        <v>7</v>
      </c>
      <c r="Y24" s="101">
        <v>3</v>
      </c>
      <c r="Z24" s="102">
        <v>1</v>
      </c>
      <c r="AA24" s="103">
        <v>4</v>
      </c>
      <c r="AB24" s="412">
        <v>0</v>
      </c>
      <c r="AC24" s="102">
        <v>2</v>
      </c>
      <c r="AD24" s="102">
        <v>3</v>
      </c>
      <c r="AE24" s="102">
        <v>2</v>
      </c>
      <c r="AF24" s="102">
        <v>1</v>
      </c>
      <c r="AG24" s="102">
        <v>0</v>
      </c>
      <c r="AH24" s="103">
        <v>8</v>
      </c>
      <c r="AI24" s="104">
        <v>12</v>
      </c>
      <c r="AJ24" s="101">
        <v>7</v>
      </c>
      <c r="AK24" s="102">
        <v>4</v>
      </c>
      <c r="AL24" s="103">
        <v>11</v>
      </c>
      <c r="AM24" s="412">
        <v>0</v>
      </c>
      <c r="AN24" s="102">
        <v>10</v>
      </c>
      <c r="AO24" s="102">
        <v>7</v>
      </c>
      <c r="AP24" s="102">
        <v>3</v>
      </c>
      <c r="AQ24" s="102">
        <v>4</v>
      </c>
      <c r="AR24" s="102">
        <v>2</v>
      </c>
      <c r="AS24" s="103">
        <v>26</v>
      </c>
      <c r="AT24" s="104">
        <v>37</v>
      </c>
      <c r="AU24" s="101">
        <v>9</v>
      </c>
      <c r="AV24" s="102">
        <v>8</v>
      </c>
      <c r="AW24" s="103">
        <v>17</v>
      </c>
      <c r="AX24" s="412">
        <v>0</v>
      </c>
      <c r="AY24" s="102">
        <v>14</v>
      </c>
      <c r="AZ24" s="102">
        <v>13</v>
      </c>
      <c r="BA24" s="102">
        <v>9</v>
      </c>
      <c r="BB24" s="102">
        <v>6</v>
      </c>
      <c r="BC24" s="102">
        <v>5</v>
      </c>
      <c r="BD24" s="103">
        <v>47</v>
      </c>
      <c r="BE24" s="104">
        <v>64</v>
      </c>
      <c r="BF24" s="101">
        <v>19</v>
      </c>
      <c r="BG24" s="102">
        <v>14</v>
      </c>
      <c r="BH24" s="103">
        <v>33</v>
      </c>
      <c r="BI24" s="412">
        <v>0</v>
      </c>
      <c r="BJ24" s="102">
        <v>25</v>
      </c>
      <c r="BK24" s="102">
        <v>13</v>
      </c>
      <c r="BL24" s="102">
        <v>9</v>
      </c>
      <c r="BM24" s="102">
        <v>3</v>
      </c>
      <c r="BN24" s="102">
        <v>6</v>
      </c>
      <c r="BO24" s="103">
        <v>56</v>
      </c>
      <c r="BP24" s="104">
        <v>89</v>
      </c>
      <c r="BQ24" s="101">
        <v>11</v>
      </c>
      <c r="BR24" s="102">
        <v>13</v>
      </c>
      <c r="BS24" s="103">
        <v>24</v>
      </c>
      <c r="BT24" s="412">
        <v>0</v>
      </c>
      <c r="BU24" s="102">
        <v>20</v>
      </c>
      <c r="BV24" s="102">
        <v>22</v>
      </c>
      <c r="BW24" s="102">
        <v>11</v>
      </c>
      <c r="BX24" s="102">
        <v>8</v>
      </c>
      <c r="BY24" s="102">
        <v>7</v>
      </c>
      <c r="BZ24" s="103">
        <v>68</v>
      </c>
      <c r="CA24" s="104">
        <v>92</v>
      </c>
      <c r="CB24" s="101">
        <v>0</v>
      </c>
      <c r="CC24" s="102">
        <v>0</v>
      </c>
      <c r="CD24" s="103">
        <v>0</v>
      </c>
      <c r="CE24" s="412">
        <v>0</v>
      </c>
      <c r="CF24" s="102">
        <v>0</v>
      </c>
      <c r="CG24" s="102">
        <v>0</v>
      </c>
      <c r="CH24" s="102">
        <v>0</v>
      </c>
      <c r="CI24" s="102">
        <v>0</v>
      </c>
      <c r="CJ24" s="102">
        <v>0</v>
      </c>
      <c r="CK24" s="103">
        <v>0</v>
      </c>
      <c r="CL24" s="104">
        <v>0</v>
      </c>
      <c r="CM24" s="101">
        <v>50</v>
      </c>
      <c r="CN24" s="102">
        <v>40</v>
      </c>
      <c r="CO24" s="103">
        <v>90</v>
      </c>
      <c r="CP24" s="412">
        <v>0</v>
      </c>
      <c r="CQ24" s="102">
        <v>71</v>
      </c>
      <c r="CR24" s="102">
        <v>61</v>
      </c>
      <c r="CS24" s="102">
        <v>35</v>
      </c>
      <c r="CT24" s="102">
        <v>22</v>
      </c>
      <c r="CU24" s="102">
        <v>22</v>
      </c>
      <c r="CV24" s="103">
        <v>211</v>
      </c>
      <c r="CW24" s="104">
        <v>301</v>
      </c>
      <c r="CX24" s="105">
        <v>7</v>
      </c>
      <c r="CY24" s="97">
        <v>5</v>
      </c>
      <c r="CZ24" s="98">
        <v>12</v>
      </c>
      <c r="DA24" s="412">
        <v>0</v>
      </c>
      <c r="DB24" s="97">
        <v>11</v>
      </c>
      <c r="DC24" s="97">
        <v>8</v>
      </c>
      <c r="DD24" s="97">
        <v>5</v>
      </c>
      <c r="DE24" s="97">
        <v>7</v>
      </c>
      <c r="DF24" s="97">
        <v>4</v>
      </c>
      <c r="DG24" s="99">
        <v>35</v>
      </c>
      <c r="DH24" s="100">
        <v>47</v>
      </c>
      <c r="DI24" s="101">
        <v>0</v>
      </c>
      <c r="DJ24" s="102">
        <v>0</v>
      </c>
      <c r="DK24" s="103">
        <v>0</v>
      </c>
      <c r="DL24" s="412">
        <v>0</v>
      </c>
      <c r="DM24" s="102">
        <v>2</v>
      </c>
      <c r="DN24" s="102">
        <v>0</v>
      </c>
      <c r="DO24" s="102">
        <v>0</v>
      </c>
      <c r="DP24" s="102">
        <v>0</v>
      </c>
      <c r="DQ24" s="102">
        <v>0</v>
      </c>
      <c r="DR24" s="103">
        <v>2</v>
      </c>
      <c r="DS24" s="104">
        <v>2</v>
      </c>
      <c r="DT24" s="101">
        <v>0</v>
      </c>
      <c r="DU24" s="102">
        <v>0</v>
      </c>
      <c r="DV24" s="103">
        <v>0</v>
      </c>
      <c r="DW24" s="412">
        <v>0</v>
      </c>
      <c r="DX24" s="102">
        <v>0</v>
      </c>
      <c r="DY24" s="102">
        <v>1</v>
      </c>
      <c r="DZ24" s="102">
        <v>0</v>
      </c>
      <c r="EA24" s="102">
        <v>0</v>
      </c>
      <c r="EB24" s="102">
        <v>1</v>
      </c>
      <c r="EC24" s="103">
        <v>2</v>
      </c>
      <c r="ED24" s="104">
        <v>2</v>
      </c>
      <c r="EE24" s="101">
        <v>1</v>
      </c>
      <c r="EF24" s="102">
        <v>2</v>
      </c>
      <c r="EG24" s="103">
        <v>3</v>
      </c>
      <c r="EH24" s="412">
        <v>0</v>
      </c>
      <c r="EI24" s="102">
        <v>1</v>
      </c>
      <c r="EJ24" s="102">
        <v>0</v>
      </c>
      <c r="EK24" s="102">
        <v>0</v>
      </c>
      <c r="EL24" s="102">
        <v>0</v>
      </c>
      <c r="EM24" s="102">
        <v>0</v>
      </c>
      <c r="EN24" s="103">
        <v>1</v>
      </c>
      <c r="EO24" s="104">
        <v>4</v>
      </c>
      <c r="EP24" s="101">
        <v>2</v>
      </c>
      <c r="EQ24" s="102">
        <v>0</v>
      </c>
      <c r="ER24" s="103">
        <v>2</v>
      </c>
      <c r="ES24" s="412">
        <v>0</v>
      </c>
      <c r="ET24" s="102">
        <v>0</v>
      </c>
      <c r="EU24" s="102">
        <v>1</v>
      </c>
      <c r="EV24" s="102">
        <v>1</v>
      </c>
      <c r="EW24" s="102">
        <v>0</v>
      </c>
      <c r="EX24" s="102">
        <v>1</v>
      </c>
      <c r="EY24" s="103">
        <v>3</v>
      </c>
      <c r="EZ24" s="104">
        <v>5</v>
      </c>
      <c r="FA24" s="101">
        <v>3</v>
      </c>
      <c r="FB24" s="102">
        <v>1</v>
      </c>
      <c r="FC24" s="103">
        <v>4</v>
      </c>
      <c r="FD24" s="412">
        <v>0</v>
      </c>
      <c r="FE24" s="102">
        <v>5</v>
      </c>
      <c r="FF24" s="102">
        <v>3</v>
      </c>
      <c r="FG24" s="102">
        <v>1</v>
      </c>
      <c r="FH24" s="102">
        <v>2</v>
      </c>
      <c r="FI24" s="102">
        <v>1</v>
      </c>
      <c r="FJ24" s="103">
        <v>12</v>
      </c>
      <c r="FK24" s="104">
        <v>16</v>
      </c>
      <c r="FL24" s="101">
        <v>1</v>
      </c>
      <c r="FM24" s="102">
        <v>2</v>
      </c>
      <c r="FN24" s="103">
        <v>3</v>
      </c>
      <c r="FO24" s="412">
        <v>0</v>
      </c>
      <c r="FP24" s="102">
        <v>3</v>
      </c>
      <c r="FQ24" s="102">
        <v>3</v>
      </c>
      <c r="FR24" s="102">
        <v>3</v>
      </c>
      <c r="FS24" s="102">
        <v>5</v>
      </c>
      <c r="FT24" s="102">
        <v>1</v>
      </c>
      <c r="FU24" s="103">
        <v>15</v>
      </c>
      <c r="FV24" s="104">
        <v>18</v>
      </c>
      <c r="FW24" s="101">
        <v>0</v>
      </c>
      <c r="FX24" s="102">
        <v>0</v>
      </c>
      <c r="FY24" s="103">
        <v>0</v>
      </c>
      <c r="FZ24" s="412">
        <v>0</v>
      </c>
      <c r="GA24" s="102">
        <v>0</v>
      </c>
      <c r="GB24" s="102">
        <v>0</v>
      </c>
      <c r="GC24" s="102">
        <v>0</v>
      </c>
      <c r="GD24" s="102">
        <v>0</v>
      </c>
      <c r="GE24" s="102">
        <v>0</v>
      </c>
      <c r="GF24" s="103">
        <v>0</v>
      </c>
      <c r="GG24" s="104">
        <v>0</v>
      </c>
      <c r="GH24" s="101">
        <v>7</v>
      </c>
      <c r="GI24" s="102">
        <v>5</v>
      </c>
      <c r="GJ24" s="103">
        <v>12</v>
      </c>
      <c r="GK24" s="412">
        <v>0</v>
      </c>
      <c r="GL24" s="102">
        <v>11</v>
      </c>
      <c r="GM24" s="102">
        <v>8</v>
      </c>
      <c r="GN24" s="102">
        <v>5</v>
      </c>
      <c r="GO24" s="102">
        <v>7</v>
      </c>
      <c r="GP24" s="102">
        <v>4</v>
      </c>
      <c r="GQ24" s="103">
        <v>35</v>
      </c>
      <c r="GR24" s="104">
        <v>47</v>
      </c>
      <c r="GS24" s="105">
        <v>57</v>
      </c>
      <c r="GT24" s="97">
        <v>45</v>
      </c>
      <c r="GU24" s="98">
        <v>102</v>
      </c>
      <c r="GV24" s="412">
        <v>0</v>
      </c>
      <c r="GW24" s="97">
        <v>82</v>
      </c>
      <c r="GX24" s="97">
        <v>69</v>
      </c>
      <c r="GY24" s="97">
        <v>40</v>
      </c>
      <c r="GZ24" s="97">
        <v>29</v>
      </c>
      <c r="HA24" s="97">
        <v>26</v>
      </c>
      <c r="HB24" s="99">
        <v>246</v>
      </c>
      <c r="HC24" s="100">
        <v>348</v>
      </c>
      <c r="HD24" s="101">
        <v>1</v>
      </c>
      <c r="HE24" s="102">
        <v>0</v>
      </c>
      <c r="HF24" s="103">
        <v>1</v>
      </c>
      <c r="HG24" s="412">
        <v>0</v>
      </c>
      <c r="HH24" s="102">
        <v>2</v>
      </c>
      <c r="HI24" s="102">
        <v>3</v>
      </c>
      <c r="HJ24" s="102">
        <v>1</v>
      </c>
      <c r="HK24" s="102">
        <v>0</v>
      </c>
      <c r="HL24" s="102">
        <v>2</v>
      </c>
      <c r="HM24" s="103">
        <v>8</v>
      </c>
      <c r="HN24" s="104">
        <v>9</v>
      </c>
      <c r="HO24" s="101">
        <v>3</v>
      </c>
      <c r="HP24" s="102">
        <v>1</v>
      </c>
      <c r="HQ24" s="103">
        <v>4</v>
      </c>
      <c r="HR24" s="412">
        <v>0</v>
      </c>
      <c r="HS24" s="102">
        <v>2</v>
      </c>
      <c r="HT24" s="102">
        <v>4</v>
      </c>
      <c r="HU24" s="102">
        <v>2</v>
      </c>
      <c r="HV24" s="102">
        <v>1</v>
      </c>
      <c r="HW24" s="102">
        <v>1</v>
      </c>
      <c r="HX24" s="103">
        <v>10</v>
      </c>
      <c r="HY24" s="104">
        <v>14</v>
      </c>
      <c r="HZ24" s="101">
        <v>8</v>
      </c>
      <c r="IA24" s="102">
        <v>6</v>
      </c>
      <c r="IB24" s="103">
        <v>14</v>
      </c>
      <c r="IC24" s="412">
        <v>0</v>
      </c>
      <c r="ID24" s="102">
        <v>11</v>
      </c>
      <c r="IE24" s="102">
        <v>7</v>
      </c>
      <c r="IF24" s="102">
        <v>3</v>
      </c>
      <c r="IG24" s="102">
        <v>4</v>
      </c>
      <c r="IH24" s="102">
        <v>2</v>
      </c>
      <c r="II24" s="103">
        <v>27</v>
      </c>
      <c r="IJ24" s="104">
        <v>41</v>
      </c>
      <c r="IK24" s="101">
        <v>11</v>
      </c>
      <c r="IL24" s="102">
        <v>8</v>
      </c>
      <c r="IM24" s="103">
        <v>19</v>
      </c>
      <c r="IN24" s="412">
        <v>0</v>
      </c>
      <c r="IO24" s="102">
        <v>14</v>
      </c>
      <c r="IP24" s="102">
        <v>14</v>
      </c>
      <c r="IQ24" s="102">
        <v>10</v>
      </c>
      <c r="IR24" s="102">
        <v>6</v>
      </c>
      <c r="IS24" s="102">
        <v>6</v>
      </c>
      <c r="IT24" s="103">
        <v>50</v>
      </c>
      <c r="IU24" s="104">
        <v>69</v>
      </c>
      <c r="IV24" s="101">
        <v>22</v>
      </c>
      <c r="IW24" s="102">
        <v>15</v>
      </c>
      <c r="IX24" s="103">
        <v>37</v>
      </c>
      <c r="IY24" s="412">
        <v>0</v>
      </c>
      <c r="IZ24" s="102">
        <v>30</v>
      </c>
      <c r="JA24" s="102">
        <v>16</v>
      </c>
      <c r="JB24" s="102">
        <v>10</v>
      </c>
      <c r="JC24" s="102">
        <v>5</v>
      </c>
      <c r="JD24" s="102">
        <v>7</v>
      </c>
      <c r="JE24" s="103">
        <v>68</v>
      </c>
      <c r="JF24" s="104">
        <v>105</v>
      </c>
      <c r="JG24" s="101">
        <v>12</v>
      </c>
      <c r="JH24" s="102">
        <v>15</v>
      </c>
      <c r="JI24" s="103">
        <v>27</v>
      </c>
      <c r="JJ24" s="412">
        <v>0</v>
      </c>
      <c r="JK24" s="102">
        <v>23</v>
      </c>
      <c r="JL24" s="102">
        <v>25</v>
      </c>
      <c r="JM24" s="102">
        <v>14</v>
      </c>
      <c r="JN24" s="102">
        <v>13</v>
      </c>
      <c r="JO24" s="102">
        <v>8</v>
      </c>
      <c r="JP24" s="103">
        <v>83</v>
      </c>
      <c r="JQ24" s="104">
        <v>110</v>
      </c>
      <c r="JR24" s="101">
        <v>0</v>
      </c>
      <c r="JS24" s="102">
        <v>0</v>
      </c>
      <c r="JT24" s="103">
        <v>0</v>
      </c>
      <c r="JU24" s="412">
        <v>0</v>
      </c>
      <c r="JV24" s="102">
        <v>0</v>
      </c>
      <c r="JW24" s="102">
        <v>0</v>
      </c>
      <c r="JX24" s="102">
        <v>0</v>
      </c>
      <c r="JY24" s="102">
        <v>0</v>
      </c>
      <c r="JZ24" s="102">
        <v>0</v>
      </c>
      <c r="KA24" s="103">
        <v>0</v>
      </c>
      <c r="KB24" s="104">
        <v>0</v>
      </c>
      <c r="KC24" s="101">
        <v>57</v>
      </c>
      <c r="KD24" s="102">
        <v>45</v>
      </c>
      <c r="KE24" s="103">
        <v>102</v>
      </c>
      <c r="KF24" s="412">
        <v>0</v>
      </c>
      <c r="KG24" s="102">
        <v>82</v>
      </c>
      <c r="KH24" s="102">
        <v>69</v>
      </c>
      <c r="KI24" s="102">
        <v>40</v>
      </c>
      <c r="KJ24" s="102">
        <v>29</v>
      </c>
      <c r="KK24" s="102">
        <v>26</v>
      </c>
      <c r="KL24" s="103">
        <v>246</v>
      </c>
      <c r="KM24" s="104">
        <v>348</v>
      </c>
    </row>
    <row r="25" spans="2:299" s="70" customFormat="1" ht="21" customHeight="1" x14ac:dyDescent="0.2">
      <c r="B25" s="106" t="s">
        <v>22</v>
      </c>
      <c r="C25" s="96">
        <v>12</v>
      </c>
      <c r="D25" s="97">
        <v>15</v>
      </c>
      <c r="E25" s="98">
        <v>27</v>
      </c>
      <c r="F25" s="412">
        <v>0</v>
      </c>
      <c r="G25" s="97">
        <v>47</v>
      </c>
      <c r="H25" s="97">
        <v>26</v>
      </c>
      <c r="I25" s="97">
        <v>19</v>
      </c>
      <c r="J25" s="97">
        <v>20</v>
      </c>
      <c r="K25" s="97">
        <v>9</v>
      </c>
      <c r="L25" s="99">
        <v>121</v>
      </c>
      <c r="M25" s="100">
        <v>148</v>
      </c>
      <c r="N25" s="101">
        <v>0</v>
      </c>
      <c r="O25" s="102">
        <v>0</v>
      </c>
      <c r="P25" s="103">
        <v>0</v>
      </c>
      <c r="Q25" s="412">
        <v>0</v>
      </c>
      <c r="R25" s="102">
        <v>0</v>
      </c>
      <c r="S25" s="102">
        <v>0</v>
      </c>
      <c r="T25" s="102">
        <v>0</v>
      </c>
      <c r="U25" s="102">
        <v>0</v>
      </c>
      <c r="V25" s="102">
        <v>0</v>
      </c>
      <c r="W25" s="103">
        <v>0</v>
      </c>
      <c r="X25" s="104">
        <v>0</v>
      </c>
      <c r="Y25" s="101">
        <v>0</v>
      </c>
      <c r="Z25" s="102">
        <v>0</v>
      </c>
      <c r="AA25" s="103">
        <v>0</v>
      </c>
      <c r="AB25" s="412">
        <v>0</v>
      </c>
      <c r="AC25" s="102">
        <v>0</v>
      </c>
      <c r="AD25" s="102">
        <v>0</v>
      </c>
      <c r="AE25" s="102">
        <v>0</v>
      </c>
      <c r="AF25" s="102">
        <v>0</v>
      </c>
      <c r="AG25" s="102">
        <v>1</v>
      </c>
      <c r="AH25" s="103">
        <v>1</v>
      </c>
      <c r="AI25" s="104">
        <v>1</v>
      </c>
      <c r="AJ25" s="101">
        <v>0</v>
      </c>
      <c r="AK25" s="102">
        <v>1</v>
      </c>
      <c r="AL25" s="103">
        <v>1</v>
      </c>
      <c r="AM25" s="412">
        <v>0</v>
      </c>
      <c r="AN25" s="102">
        <v>6</v>
      </c>
      <c r="AO25" s="102">
        <v>3</v>
      </c>
      <c r="AP25" s="102">
        <v>2</v>
      </c>
      <c r="AQ25" s="102">
        <v>2</v>
      </c>
      <c r="AR25" s="102">
        <v>1</v>
      </c>
      <c r="AS25" s="103">
        <v>14</v>
      </c>
      <c r="AT25" s="104">
        <v>15</v>
      </c>
      <c r="AU25" s="101">
        <v>2</v>
      </c>
      <c r="AV25" s="102">
        <v>3</v>
      </c>
      <c r="AW25" s="103">
        <v>5</v>
      </c>
      <c r="AX25" s="412">
        <v>0</v>
      </c>
      <c r="AY25" s="102">
        <v>5</v>
      </c>
      <c r="AZ25" s="102">
        <v>7</v>
      </c>
      <c r="BA25" s="102">
        <v>4</v>
      </c>
      <c r="BB25" s="102">
        <v>1</v>
      </c>
      <c r="BC25" s="102">
        <v>2</v>
      </c>
      <c r="BD25" s="103">
        <v>19</v>
      </c>
      <c r="BE25" s="104">
        <v>24</v>
      </c>
      <c r="BF25" s="101">
        <v>6</v>
      </c>
      <c r="BG25" s="102">
        <v>7</v>
      </c>
      <c r="BH25" s="103">
        <v>13</v>
      </c>
      <c r="BI25" s="412">
        <v>0</v>
      </c>
      <c r="BJ25" s="102">
        <v>16</v>
      </c>
      <c r="BK25" s="102">
        <v>6</v>
      </c>
      <c r="BL25" s="102">
        <v>5</v>
      </c>
      <c r="BM25" s="102">
        <v>10</v>
      </c>
      <c r="BN25" s="102">
        <v>1</v>
      </c>
      <c r="BO25" s="103">
        <v>38</v>
      </c>
      <c r="BP25" s="104">
        <v>51</v>
      </c>
      <c r="BQ25" s="101">
        <v>4</v>
      </c>
      <c r="BR25" s="102">
        <v>4</v>
      </c>
      <c r="BS25" s="103">
        <v>8</v>
      </c>
      <c r="BT25" s="412">
        <v>0</v>
      </c>
      <c r="BU25" s="102">
        <v>20</v>
      </c>
      <c r="BV25" s="102">
        <v>10</v>
      </c>
      <c r="BW25" s="102">
        <v>8</v>
      </c>
      <c r="BX25" s="102">
        <v>7</v>
      </c>
      <c r="BY25" s="102">
        <v>4</v>
      </c>
      <c r="BZ25" s="103">
        <v>49</v>
      </c>
      <c r="CA25" s="104">
        <v>57</v>
      </c>
      <c r="CB25" s="101">
        <v>0</v>
      </c>
      <c r="CC25" s="102">
        <v>0</v>
      </c>
      <c r="CD25" s="103">
        <v>0</v>
      </c>
      <c r="CE25" s="412">
        <v>0</v>
      </c>
      <c r="CF25" s="102">
        <v>0</v>
      </c>
      <c r="CG25" s="102">
        <v>0</v>
      </c>
      <c r="CH25" s="102">
        <v>0</v>
      </c>
      <c r="CI25" s="102">
        <v>0</v>
      </c>
      <c r="CJ25" s="102">
        <v>0</v>
      </c>
      <c r="CK25" s="103">
        <v>0</v>
      </c>
      <c r="CL25" s="104">
        <v>0</v>
      </c>
      <c r="CM25" s="101">
        <v>12</v>
      </c>
      <c r="CN25" s="102">
        <v>15</v>
      </c>
      <c r="CO25" s="103">
        <v>27</v>
      </c>
      <c r="CP25" s="412">
        <v>0</v>
      </c>
      <c r="CQ25" s="102">
        <v>47</v>
      </c>
      <c r="CR25" s="102">
        <v>26</v>
      </c>
      <c r="CS25" s="102">
        <v>19</v>
      </c>
      <c r="CT25" s="102">
        <v>20</v>
      </c>
      <c r="CU25" s="102">
        <v>9</v>
      </c>
      <c r="CV25" s="103">
        <v>121</v>
      </c>
      <c r="CW25" s="104">
        <v>148</v>
      </c>
      <c r="CX25" s="105">
        <v>1</v>
      </c>
      <c r="CY25" s="97">
        <v>4</v>
      </c>
      <c r="CZ25" s="98">
        <v>5</v>
      </c>
      <c r="DA25" s="412">
        <v>0</v>
      </c>
      <c r="DB25" s="97">
        <v>8</v>
      </c>
      <c r="DC25" s="97">
        <v>3</v>
      </c>
      <c r="DD25" s="97">
        <v>4</v>
      </c>
      <c r="DE25" s="97">
        <v>5</v>
      </c>
      <c r="DF25" s="97">
        <v>1</v>
      </c>
      <c r="DG25" s="99">
        <v>21</v>
      </c>
      <c r="DH25" s="100">
        <v>26</v>
      </c>
      <c r="DI25" s="101">
        <v>0</v>
      </c>
      <c r="DJ25" s="102">
        <v>0</v>
      </c>
      <c r="DK25" s="103">
        <v>0</v>
      </c>
      <c r="DL25" s="412">
        <v>0</v>
      </c>
      <c r="DM25" s="102">
        <v>0</v>
      </c>
      <c r="DN25" s="102">
        <v>0</v>
      </c>
      <c r="DO25" s="102">
        <v>0</v>
      </c>
      <c r="DP25" s="102">
        <v>0</v>
      </c>
      <c r="DQ25" s="102">
        <v>0</v>
      </c>
      <c r="DR25" s="103">
        <v>0</v>
      </c>
      <c r="DS25" s="104">
        <v>0</v>
      </c>
      <c r="DT25" s="101">
        <v>0</v>
      </c>
      <c r="DU25" s="102">
        <v>1</v>
      </c>
      <c r="DV25" s="103">
        <v>1</v>
      </c>
      <c r="DW25" s="412">
        <v>0</v>
      </c>
      <c r="DX25" s="102">
        <v>0</v>
      </c>
      <c r="DY25" s="102">
        <v>0</v>
      </c>
      <c r="DZ25" s="102">
        <v>0</v>
      </c>
      <c r="EA25" s="102">
        <v>0</v>
      </c>
      <c r="EB25" s="102">
        <v>0</v>
      </c>
      <c r="EC25" s="103">
        <v>0</v>
      </c>
      <c r="ED25" s="104">
        <v>1</v>
      </c>
      <c r="EE25" s="101">
        <v>0</v>
      </c>
      <c r="EF25" s="102">
        <v>0</v>
      </c>
      <c r="EG25" s="103">
        <v>0</v>
      </c>
      <c r="EH25" s="412">
        <v>0</v>
      </c>
      <c r="EI25" s="102">
        <v>0</v>
      </c>
      <c r="EJ25" s="102">
        <v>0</v>
      </c>
      <c r="EK25" s="102">
        <v>0</v>
      </c>
      <c r="EL25" s="102">
        <v>1</v>
      </c>
      <c r="EM25" s="102">
        <v>1</v>
      </c>
      <c r="EN25" s="103">
        <v>2</v>
      </c>
      <c r="EO25" s="104">
        <v>2</v>
      </c>
      <c r="EP25" s="101">
        <v>1</v>
      </c>
      <c r="EQ25" s="102">
        <v>3</v>
      </c>
      <c r="ER25" s="103">
        <v>4</v>
      </c>
      <c r="ES25" s="412">
        <v>0</v>
      </c>
      <c r="ET25" s="102">
        <v>1</v>
      </c>
      <c r="EU25" s="102">
        <v>1</v>
      </c>
      <c r="EV25" s="102">
        <v>1</v>
      </c>
      <c r="EW25" s="102">
        <v>0</v>
      </c>
      <c r="EX25" s="102">
        <v>0</v>
      </c>
      <c r="EY25" s="103">
        <v>3</v>
      </c>
      <c r="EZ25" s="104">
        <v>7</v>
      </c>
      <c r="FA25" s="101">
        <v>0</v>
      </c>
      <c r="FB25" s="102">
        <v>0</v>
      </c>
      <c r="FC25" s="103">
        <v>0</v>
      </c>
      <c r="FD25" s="412">
        <v>0</v>
      </c>
      <c r="FE25" s="102">
        <v>2</v>
      </c>
      <c r="FF25" s="102">
        <v>2</v>
      </c>
      <c r="FG25" s="102">
        <v>0</v>
      </c>
      <c r="FH25" s="102">
        <v>0</v>
      </c>
      <c r="FI25" s="102">
        <v>0</v>
      </c>
      <c r="FJ25" s="103">
        <v>4</v>
      </c>
      <c r="FK25" s="104">
        <v>4</v>
      </c>
      <c r="FL25" s="101">
        <v>0</v>
      </c>
      <c r="FM25" s="102">
        <v>0</v>
      </c>
      <c r="FN25" s="103">
        <v>0</v>
      </c>
      <c r="FO25" s="412">
        <v>0</v>
      </c>
      <c r="FP25" s="102">
        <v>5</v>
      </c>
      <c r="FQ25" s="102">
        <v>0</v>
      </c>
      <c r="FR25" s="102">
        <v>3</v>
      </c>
      <c r="FS25" s="102">
        <v>4</v>
      </c>
      <c r="FT25" s="102">
        <v>0</v>
      </c>
      <c r="FU25" s="103">
        <v>12</v>
      </c>
      <c r="FV25" s="104">
        <v>12</v>
      </c>
      <c r="FW25" s="101">
        <v>0</v>
      </c>
      <c r="FX25" s="102">
        <v>0</v>
      </c>
      <c r="FY25" s="103">
        <v>0</v>
      </c>
      <c r="FZ25" s="412">
        <v>0</v>
      </c>
      <c r="GA25" s="102">
        <v>0</v>
      </c>
      <c r="GB25" s="102">
        <v>0</v>
      </c>
      <c r="GC25" s="102">
        <v>0</v>
      </c>
      <c r="GD25" s="102">
        <v>0</v>
      </c>
      <c r="GE25" s="102">
        <v>0</v>
      </c>
      <c r="GF25" s="103">
        <v>0</v>
      </c>
      <c r="GG25" s="104">
        <v>0</v>
      </c>
      <c r="GH25" s="101">
        <v>1</v>
      </c>
      <c r="GI25" s="102">
        <v>4</v>
      </c>
      <c r="GJ25" s="103">
        <v>5</v>
      </c>
      <c r="GK25" s="412">
        <v>0</v>
      </c>
      <c r="GL25" s="102">
        <v>8</v>
      </c>
      <c r="GM25" s="102">
        <v>3</v>
      </c>
      <c r="GN25" s="102">
        <v>4</v>
      </c>
      <c r="GO25" s="102">
        <v>5</v>
      </c>
      <c r="GP25" s="102">
        <v>1</v>
      </c>
      <c r="GQ25" s="103">
        <v>21</v>
      </c>
      <c r="GR25" s="104">
        <v>26</v>
      </c>
      <c r="GS25" s="105">
        <v>13</v>
      </c>
      <c r="GT25" s="97">
        <v>19</v>
      </c>
      <c r="GU25" s="98">
        <v>32</v>
      </c>
      <c r="GV25" s="412">
        <v>0</v>
      </c>
      <c r="GW25" s="97">
        <v>55</v>
      </c>
      <c r="GX25" s="97">
        <v>29</v>
      </c>
      <c r="GY25" s="97">
        <v>23</v>
      </c>
      <c r="GZ25" s="97">
        <v>25</v>
      </c>
      <c r="HA25" s="97">
        <v>10</v>
      </c>
      <c r="HB25" s="99">
        <v>142</v>
      </c>
      <c r="HC25" s="100">
        <v>174</v>
      </c>
      <c r="HD25" s="101">
        <v>0</v>
      </c>
      <c r="HE25" s="102">
        <v>0</v>
      </c>
      <c r="HF25" s="103">
        <v>0</v>
      </c>
      <c r="HG25" s="412">
        <v>0</v>
      </c>
      <c r="HH25" s="102">
        <v>0</v>
      </c>
      <c r="HI25" s="102">
        <v>0</v>
      </c>
      <c r="HJ25" s="102">
        <v>0</v>
      </c>
      <c r="HK25" s="102">
        <v>0</v>
      </c>
      <c r="HL25" s="102">
        <v>0</v>
      </c>
      <c r="HM25" s="103">
        <v>0</v>
      </c>
      <c r="HN25" s="104">
        <v>0</v>
      </c>
      <c r="HO25" s="101">
        <v>0</v>
      </c>
      <c r="HP25" s="102">
        <v>1</v>
      </c>
      <c r="HQ25" s="103">
        <v>1</v>
      </c>
      <c r="HR25" s="412">
        <v>0</v>
      </c>
      <c r="HS25" s="102">
        <v>0</v>
      </c>
      <c r="HT25" s="102">
        <v>0</v>
      </c>
      <c r="HU25" s="102">
        <v>0</v>
      </c>
      <c r="HV25" s="102">
        <v>0</v>
      </c>
      <c r="HW25" s="102">
        <v>1</v>
      </c>
      <c r="HX25" s="103">
        <v>1</v>
      </c>
      <c r="HY25" s="104">
        <v>2</v>
      </c>
      <c r="HZ25" s="101">
        <v>0</v>
      </c>
      <c r="IA25" s="102">
        <v>1</v>
      </c>
      <c r="IB25" s="103">
        <v>1</v>
      </c>
      <c r="IC25" s="412">
        <v>0</v>
      </c>
      <c r="ID25" s="102">
        <v>6</v>
      </c>
      <c r="IE25" s="102">
        <v>3</v>
      </c>
      <c r="IF25" s="102">
        <v>2</v>
      </c>
      <c r="IG25" s="102">
        <v>3</v>
      </c>
      <c r="IH25" s="102">
        <v>2</v>
      </c>
      <c r="II25" s="103">
        <v>16</v>
      </c>
      <c r="IJ25" s="104">
        <v>17</v>
      </c>
      <c r="IK25" s="101">
        <v>3</v>
      </c>
      <c r="IL25" s="102">
        <v>6</v>
      </c>
      <c r="IM25" s="103">
        <v>9</v>
      </c>
      <c r="IN25" s="412">
        <v>0</v>
      </c>
      <c r="IO25" s="102">
        <v>6</v>
      </c>
      <c r="IP25" s="102">
        <v>8</v>
      </c>
      <c r="IQ25" s="102">
        <v>5</v>
      </c>
      <c r="IR25" s="102">
        <v>1</v>
      </c>
      <c r="IS25" s="102">
        <v>2</v>
      </c>
      <c r="IT25" s="103">
        <v>22</v>
      </c>
      <c r="IU25" s="104">
        <v>31</v>
      </c>
      <c r="IV25" s="101">
        <v>6</v>
      </c>
      <c r="IW25" s="102">
        <v>7</v>
      </c>
      <c r="IX25" s="103">
        <v>13</v>
      </c>
      <c r="IY25" s="412">
        <v>0</v>
      </c>
      <c r="IZ25" s="102">
        <v>18</v>
      </c>
      <c r="JA25" s="102">
        <v>8</v>
      </c>
      <c r="JB25" s="102">
        <v>5</v>
      </c>
      <c r="JC25" s="102">
        <v>10</v>
      </c>
      <c r="JD25" s="102">
        <v>1</v>
      </c>
      <c r="JE25" s="103">
        <v>42</v>
      </c>
      <c r="JF25" s="104">
        <v>55</v>
      </c>
      <c r="JG25" s="101">
        <v>4</v>
      </c>
      <c r="JH25" s="102">
        <v>4</v>
      </c>
      <c r="JI25" s="103">
        <v>8</v>
      </c>
      <c r="JJ25" s="412">
        <v>0</v>
      </c>
      <c r="JK25" s="102">
        <v>25</v>
      </c>
      <c r="JL25" s="102">
        <v>10</v>
      </c>
      <c r="JM25" s="102">
        <v>11</v>
      </c>
      <c r="JN25" s="102">
        <v>11</v>
      </c>
      <c r="JO25" s="102">
        <v>4</v>
      </c>
      <c r="JP25" s="103">
        <v>61</v>
      </c>
      <c r="JQ25" s="104">
        <v>69</v>
      </c>
      <c r="JR25" s="101">
        <v>0</v>
      </c>
      <c r="JS25" s="102">
        <v>0</v>
      </c>
      <c r="JT25" s="103">
        <v>0</v>
      </c>
      <c r="JU25" s="412">
        <v>0</v>
      </c>
      <c r="JV25" s="102">
        <v>0</v>
      </c>
      <c r="JW25" s="102">
        <v>0</v>
      </c>
      <c r="JX25" s="102">
        <v>0</v>
      </c>
      <c r="JY25" s="102">
        <v>0</v>
      </c>
      <c r="JZ25" s="102">
        <v>0</v>
      </c>
      <c r="KA25" s="103">
        <v>0</v>
      </c>
      <c r="KB25" s="104">
        <v>0</v>
      </c>
      <c r="KC25" s="101">
        <v>13</v>
      </c>
      <c r="KD25" s="102">
        <v>19</v>
      </c>
      <c r="KE25" s="103">
        <v>32</v>
      </c>
      <c r="KF25" s="412">
        <v>0</v>
      </c>
      <c r="KG25" s="102">
        <v>55</v>
      </c>
      <c r="KH25" s="102">
        <v>29</v>
      </c>
      <c r="KI25" s="102">
        <v>23</v>
      </c>
      <c r="KJ25" s="102">
        <v>25</v>
      </c>
      <c r="KK25" s="102">
        <v>10</v>
      </c>
      <c r="KL25" s="103">
        <v>142</v>
      </c>
      <c r="KM25" s="104">
        <v>174</v>
      </c>
    </row>
    <row r="26" spans="2:299" s="70" customFormat="1" ht="21" customHeight="1" x14ac:dyDescent="0.2">
      <c r="B26" s="106" t="s">
        <v>23</v>
      </c>
      <c r="C26" s="96">
        <v>40</v>
      </c>
      <c r="D26" s="97">
        <v>31</v>
      </c>
      <c r="E26" s="98">
        <v>71</v>
      </c>
      <c r="F26" s="412">
        <v>0</v>
      </c>
      <c r="G26" s="97">
        <v>50</v>
      </c>
      <c r="H26" s="97">
        <v>31</v>
      </c>
      <c r="I26" s="97">
        <v>26</v>
      </c>
      <c r="J26" s="97">
        <v>14</v>
      </c>
      <c r="K26" s="97">
        <v>11</v>
      </c>
      <c r="L26" s="99">
        <v>132</v>
      </c>
      <c r="M26" s="100">
        <v>203</v>
      </c>
      <c r="N26" s="101">
        <v>0</v>
      </c>
      <c r="O26" s="102">
        <v>2</v>
      </c>
      <c r="P26" s="103">
        <v>2</v>
      </c>
      <c r="Q26" s="412">
        <v>0</v>
      </c>
      <c r="R26" s="102">
        <v>1</v>
      </c>
      <c r="S26" s="102">
        <v>2</v>
      </c>
      <c r="T26" s="102">
        <v>0</v>
      </c>
      <c r="U26" s="102">
        <v>1</v>
      </c>
      <c r="V26" s="102">
        <v>1</v>
      </c>
      <c r="W26" s="103">
        <v>5</v>
      </c>
      <c r="X26" s="104">
        <v>7</v>
      </c>
      <c r="Y26" s="101">
        <v>1</v>
      </c>
      <c r="Z26" s="102">
        <v>0</v>
      </c>
      <c r="AA26" s="103">
        <v>1</v>
      </c>
      <c r="AB26" s="412">
        <v>0</v>
      </c>
      <c r="AC26" s="102">
        <v>1</v>
      </c>
      <c r="AD26" s="102">
        <v>3</v>
      </c>
      <c r="AE26" s="102">
        <v>2</v>
      </c>
      <c r="AF26" s="102">
        <v>0</v>
      </c>
      <c r="AG26" s="102">
        <v>0</v>
      </c>
      <c r="AH26" s="103">
        <v>6</v>
      </c>
      <c r="AI26" s="104">
        <v>7</v>
      </c>
      <c r="AJ26" s="101">
        <v>6</v>
      </c>
      <c r="AK26" s="102">
        <v>3</v>
      </c>
      <c r="AL26" s="103">
        <v>9</v>
      </c>
      <c r="AM26" s="412">
        <v>0</v>
      </c>
      <c r="AN26" s="102">
        <v>8</v>
      </c>
      <c r="AO26" s="102">
        <v>0</v>
      </c>
      <c r="AP26" s="102">
        <v>1</v>
      </c>
      <c r="AQ26" s="102">
        <v>2</v>
      </c>
      <c r="AR26" s="102">
        <v>2</v>
      </c>
      <c r="AS26" s="103">
        <v>13</v>
      </c>
      <c r="AT26" s="104">
        <v>22</v>
      </c>
      <c r="AU26" s="101">
        <v>11</v>
      </c>
      <c r="AV26" s="102">
        <v>11</v>
      </c>
      <c r="AW26" s="103">
        <v>22</v>
      </c>
      <c r="AX26" s="412">
        <v>0</v>
      </c>
      <c r="AY26" s="102">
        <v>9</v>
      </c>
      <c r="AZ26" s="102">
        <v>9</v>
      </c>
      <c r="BA26" s="102">
        <v>7</v>
      </c>
      <c r="BB26" s="102">
        <v>5</v>
      </c>
      <c r="BC26" s="102">
        <v>3</v>
      </c>
      <c r="BD26" s="103">
        <v>33</v>
      </c>
      <c r="BE26" s="104">
        <v>55</v>
      </c>
      <c r="BF26" s="101">
        <v>12</v>
      </c>
      <c r="BG26" s="102">
        <v>12</v>
      </c>
      <c r="BH26" s="103">
        <v>24</v>
      </c>
      <c r="BI26" s="412">
        <v>0</v>
      </c>
      <c r="BJ26" s="102">
        <v>21</v>
      </c>
      <c r="BK26" s="102">
        <v>6</v>
      </c>
      <c r="BL26" s="102">
        <v>9</v>
      </c>
      <c r="BM26" s="102">
        <v>2</v>
      </c>
      <c r="BN26" s="102">
        <v>3</v>
      </c>
      <c r="BO26" s="103">
        <v>41</v>
      </c>
      <c r="BP26" s="104">
        <v>65</v>
      </c>
      <c r="BQ26" s="101">
        <v>10</v>
      </c>
      <c r="BR26" s="102">
        <v>3</v>
      </c>
      <c r="BS26" s="103">
        <v>13</v>
      </c>
      <c r="BT26" s="412">
        <v>0</v>
      </c>
      <c r="BU26" s="102">
        <v>10</v>
      </c>
      <c r="BV26" s="102">
        <v>11</v>
      </c>
      <c r="BW26" s="102">
        <v>7</v>
      </c>
      <c r="BX26" s="102">
        <v>4</v>
      </c>
      <c r="BY26" s="102">
        <v>2</v>
      </c>
      <c r="BZ26" s="103">
        <v>34</v>
      </c>
      <c r="CA26" s="104">
        <v>47</v>
      </c>
      <c r="CB26" s="101">
        <v>0</v>
      </c>
      <c r="CC26" s="102">
        <v>0</v>
      </c>
      <c r="CD26" s="103">
        <v>0</v>
      </c>
      <c r="CE26" s="412">
        <v>0</v>
      </c>
      <c r="CF26" s="102">
        <v>0</v>
      </c>
      <c r="CG26" s="102">
        <v>0</v>
      </c>
      <c r="CH26" s="102">
        <v>0</v>
      </c>
      <c r="CI26" s="102">
        <v>0</v>
      </c>
      <c r="CJ26" s="102">
        <v>0</v>
      </c>
      <c r="CK26" s="103">
        <v>0</v>
      </c>
      <c r="CL26" s="104">
        <v>0</v>
      </c>
      <c r="CM26" s="101">
        <v>40</v>
      </c>
      <c r="CN26" s="102">
        <v>31</v>
      </c>
      <c r="CO26" s="103">
        <v>71</v>
      </c>
      <c r="CP26" s="412">
        <v>0</v>
      </c>
      <c r="CQ26" s="102">
        <v>50</v>
      </c>
      <c r="CR26" s="102">
        <v>31</v>
      </c>
      <c r="CS26" s="102">
        <v>26</v>
      </c>
      <c r="CT26" s="102">
        <v>14</v>
      </c>
      <c r="CU26" s="102">
        <v>11</v>
      </c>
      <c r="CV26" s="103">
        <v>132</v>
      </c>
      <c r="CW26" s="104">
        <v>203</v>
      </c>
      <c r="CX26" s="105">
        <v>2</v>
      </c>
      <c r="CY26" s="97">
        <v>3</v>
      </c>
      <c r="CZ26" s="98">
        <v>5</v>
      </c>
      <c r="DA26" s="412">
        <v>0</v>
      </c>
      <c r="DB26" s="97">
        <v>3</v>
      </c>
      <c r="DC26" s="97">
        <v>6</v>
      </c>
      <c r="DD26" s="97">
        <v>2</v>
      </c>
      <c r="DE26" s="97">
        <v>5</v>
      </c>
      <c r="DF26" s="97">
        <v>0</v>
      </c>
      <c r="DG26" s="99">
        <v>16</v>
      </c>
      <c r="DH26" s="100">
        <v>21</v>
      </c>
      <c r="DI26" s="101">
        <v>0</v>
      </c>
      <c r="DJ26" s="102">
        <v>0</v>
      </c>
      <c r="DK26" s="103">
        <v>0</v>
      </c>
      <c r="DL26" s="412">
        <v>0</v>
      </c>
      <c r="DM26" s="102">
        <v>0</v>
      </c>
      <c r="DN26" s="102">
        <v>0</v>
      </c>
      <c r="DO26" s="102">
        <v>0</v>
      </c>
      <c r="DP26" s="102">
        <v>0</v>
      </c>
      <c r="DQ26" s="102">
        <v>0</v>
      </c>
      <c r="DR26" s="103">
        <v>0</v>
      </c>
      <c r="DS26" s="104">
        <v>0</v>
      </c>
      <c r="DT26" s="101">
        <v>0</v>
      </c>
      <c r="DU26" s="102">
        <v>2</v>
      </c>
      <c r="DV26" s="103">
        <v>2</v>
      </c>
      <c r="DW26" s="412">
        <v>0</v>
      </c>
      <c r="DX26" s="102">
        <v>0</v>
      </c>
      <c r="DY26" s="102">
        <v>0</v>
      </c>
      <c r="DZ26" s="102">
        <v>0</v>
      </c>
      <c r="EA26" s="102">
        <v>1</v>
      </c>
      <c r="EB26" s="102">
        <v>0</v>
      </c>
      <c r="EC26" s="103">
        <v>1</v>
      </c>
      <c r="ED26" s="104">
        <v>3</v>
      </c>
      <c r="EE26" s="101">
        <v>1</v>
      </c>
      <c r="EF26" s="102">
        <v>0</v>
      </c>
      <c r="EG26" s="103">
        <v>1</v>
      </c>
      <c r="EH26" s="412">
        <v>0</v>
      </c>
      <c r="EI26" s="102">
        <v>1</v>
      </c>
      <c r="EJ26" s="102">
        <v>2</v>
      </c>
      <c r="EK26" s="102">
        <v>0</v>
      </c>
      <c r="EL26" s="102">
        <v>1</v>
      </c>
      <c r="EM26" s="102">
        <v>0</v>
      </c>
      <c r="EN26" s="103">
        <v>4</v>
      </c>
      <c r="EO26" s="104">
        <v>5</v>
      </c>
      <c r="EP26" s="101">
        <v>1</v>
      </c>
      <c r="EQ26" s="102">
        <v>0</v>
      </c>
      <c r="ER26" s="103">
        <v>1</v>
      </c>
      <c r="ES26" s="412">
        <v>0</v>
      </c>
      <c r="ET26" s="102">
        <v>1</v>
      </c>
      <c r="EU26" s="102">
        <v>1</v>
      </c>
      <c r="EV26" s="102">
        <v>0</v>
      </c>
      <c r="EW26" s="102">
        <v>0</v>
      </c>
      <c r="EX26" s="102">
        <v>0</v>
      </c>
      <c r="EY26" s="103">
        <v>2</v>
      </c>
      <c r="EZ26" s="104">
        <v>3</v>
      </c>
      <c r="FA26" s="101">
        <v>0</v>
      </c>
      <c r="FB26" s="102">
        <v>1</v>
      </c>
      <c r="FC26" s="103">
        <v>1</v>
      </c>
      <c r="FD26" s="412">
        <v>0</v>
      </c>
      <c r="FE26" s="102">
        <v>1</v>
      </c>
      <c r="FF26" s="102">
        <v>3</v>
      </c>
      <c r="FG26" s="102">
        <v>1</v>
      </c>
      <c r="FH26" s="102">
        <v>1</v>
      </c>
      <c r="FI26" s="102">
        <v>0</v>
      </c>
      <c r="FJ26" s="103">
        <v>6</v>
      </c>
      <c r="FK26" s="104">
        <v>7</v>
      </c>
      <c r="FL26" s="101">
        <v>0</v>
      </c>
      <c r="FM26" s="102">
        <v>0</v>
      </c>
      <c r="FN26" s="103">
        <v>0</v>
      </c>
      <c r="FO26" s="412">
        <v>0</v>
      </c>
      <c r="FP26" s="102">
        <v>0</v>
      </c>
      <c r="FQ26" s="102">
        <v>0</v>
      </c>
      <c r="FR26" s="102">
        <v>1</v>
      </c>
      <c r="FS26" s="102">
        <v>2</v>
      </c>
      <c r="FT26" s="102">
        <v>0</v>
      </c>
      <c r="FU26" s="103">
        <v>3</v>
      </c>
      <c r="FV26" s="104">
        <v>3</v>
      </c>
      <c r="FW26" s="101">
        <v>0</v>
      </c>
      <c r="FX26" s="102">
        <v>0</v>
      </c>
      <c r="FY26" s="103">
        <v>0</v>
      </c>
      <c r="FZ26" s="412">
        <v>0</v>
      </c>
      <c r="GA26" s="102">
        <v>0</v>
      </c>
      <c r="GB26" s="102">
        <v>0</v>
      </c>
      <c r="GC26" s="102">
        <v>0</v>
      </c>
      <c r="GD26" s="102">
        <v>0</v>
      </c>
      <c r="GE26" s="102">
        <v>0</v>
      </c>
      <c r="GF26" s="103">
        <v>0</v>
      </c>
      <c r="GG26" s="104">
        <v>0</v>
      </c>
      <c r="GH26" s="101">
        <v>2</v>
      </c>
      <c r="GI26" s="102">
        <v>3</v>
      </c>
      <c r="GJ26" s="103">
        <v>5</v>
      </c>
      <c r="GK26" s="412">
        <v>0</v>
      </c>
      <c r="GL26" s="102">
        <v>3</v>
      </c>
      <c r="GM26" s="102">
        <v>6</v>
      </c>
      <c r="GN26" s="102">
        <v>2</v>
      </c>
      <c r="GO26" s="102">
        <v>5</v>
      </c>
      <c r="GP26" s="102">
        <v>0</v>
      </c>
      <c r="GQ26" s="103">
        <v>16</v>
      </c>
      <c r="GR26" s="104">
        <v>21</v>
      </c>
      <c r="GS26" s="105">
        <v>42</v>
      </c>
      <c r="GT26" s="97">
        <v>34</v>
      </c>
      <c r="GU26" s="98">
        <v>76</v>
      </c>
      <c r="GV26" s="412">
        <v>0</v>
      </c>
      <c r="GW26" s="97">
        <v>53</v>
      </c>
      <c r="GX26" s="97">
        <v>37</v>
      </c>
      <c r="GY26" s="97">
        <v>28</v>
      </c>
      <c r="GZ26" s="97">
        <v>19</v>
      </c>
      <c r="HA26" s="97">
        <v>11</v>
      </c>
      <c r="HB26" s="99">
        <v>148</v>
      </c>
      <c r="HC26" s="100">
        <v>224</v>
      </c>
      <c r="HD26" s="101">
        <v>0</v>
      </c>
      <c r="HE26" s="102">
        <v>2</v>
      </c>
      <c r="HF26" s="103">
        <v>2</v>
      </c>
      <c r="HG26" s="412">
        <v>0</v>
      </c>
      <c r="HH26" s="102">
        <v>1</v>
      </c>
      <c r="HI26" s="102">
        <v>2</v>
      </c>
      <c r="HJ26" s="102">
        <v>0</v>
      </c>
      <c r="HK26" s="102">
        <v>1</v>
      </c>
      <c r="HL26" s="102">
        <v>1</v>
      </c>
      <c r="HM26" s="103">
        <v>5</v>
      </c>
      <c r="HN26" s="104">
        <v>7</v>
      </c>
      <c r="HO26" s="101">
        <v>1</v>
      </c>
      <c r="HP26" s="102">
        <v>2</v>
      </c>
      <c r="HQ26" s="103">
        <v>3</v>
      </c>
      <c r="HR26" s="412">
        <v>0</v>
      </c>
      <c r="HS26" s="102">
        <v>1</v>
      </c>
      <c r="HT26" s="102">
        <v>3</v>
      </c>
      <c r="HU26" s="102">
        <v>2</v>
      </c>
      <c r="HV26" s="102">
        <v>1</v>
      </c>
      <c r="HW26" s="102">
        <v>0</v>
      </c>
      <c r="HX26" s="103">
        <v>7</v>
      </c>
      <c r="HY26" s="104">
        <v>10</v>
      </c>
      <c r="HZ26" s="101">
        <v>7</v>
      </c>
      <c r="IA26" s="102">
        <v>3</v>
      </c>
      <c r="IB26" s="103">
        <v>10</v>
      </c>
      <c r="IC26" s="412">
        <v>0</v>
      </c>
      <c r="ID26" s="102">
        <v>9</v>
      </c>
      <c r="IE26" s="102">
        <v>2</v>
      </c>
      <c r="IF26" s="102">
        <v>1</v>
      </c>
      <c r="IG26" s="102">
        <v>3</v>
      </c>
      <c r="IH26" s="102">
        <v>2</v>
      </c>
      <c r="II26" s="103">
        <v>17</v>
      </c>
      <c r="IJ26" s="104">
        <v>27</v>
      </c>
      <c r="IK26" s="101">
        <v>12</v>
      </c>
      <c r="IL26" s="102">
        <v>11</v>
      </c>
      <c r="IM26" s="103">
        <v>23</v>
      </c>
      <c r="IN26" s="412">
        <v>0</v>
      </c>
      <c r="IO26" s="102">
        <v>10</v>
      </c>
      <c r="IP26" s="102">
        <v>10</v>
      </c>
      <c r="IQ26" s="102">
        <v>7</v>
      </c>
      <c r="IR26" s="102">
        <v>5</v>
      </c>
      <c r="IS26" s="102">
        <v>3</v>
      </c>
      <c r="IT26" s="103">
        <v>35</v>
      </c>
      <c r="IU26" s="104">
        <v>58</v>
      </c>
      <c r="IV26" s="101">
        <v>12</v>
      </c>
      <c r="IW26" s="102">
        <v>13</v>
      </c>
      <c r="IX26" s="103">
        <v>25</v>
      </c>
      <c r="IY26" s="412">
        <v>0</v>
      </c>
      <c r="IZ26" s="102">
        <v>22</v>
      </c>
      <c r="JA26" s="102">
        <v>9</v>
      </c>
      <c r="JB26" s="102">
        <v>10</v>
      </c>
      <c r="JC26" s="102">
        <v>3</v>
      </c>
      <c r="JD26" s="102">
        <v>3</v>
      </c>
      <c r="JE26" s="103">
        <v>47</v>
      </c>
      <c r="JF26" s="104">
        <v>72</v>
      </c>
      <c r="JG26" s="101">
        <v>10</v>
      </c>
      <c r="JH26" s="102">
        <v>3</v>
      </c>
      <c r="JI26" s="103">
        <v>13</v>
      </c>
      <c r="JJ26" s="412">
        <v>0</v>
      </c>
      <c r="JK26" s="102">
        <v>10</v>
      </c>
      <c r="JL26" s="102">
        <v>11</v>
      </c>
      <c r="JM26" s="102">
        <v>8</v>
      </c>
      <c r="JN26" s="102">
        <v>6</v>
      </c>
      <c r="JO26" s="102">
        <v>2</v>
      </c>
      <c r="JP26" s="103">
        <v>37</v>
      </c>
      <c r="JQ26" s="104">
        <v>50</v>
      </c>
      <c r="JR26" s="101">
        <v>0</v>
      </c>
      <c r="JS26" s="102">
        <v>0</v>
      </c>
      <c r="JT26" s="103">
        <v>0</v>
      </c>
      <c r="JU26" s="412">
        <v>0</v>
      </c>
      <c r="JV26" s="102">
        <v>0</v>
      </c>
      <c r="JW26" s="102">
        <v>0</v>
      </c>
      <c r="JX26" s="102">
        <v>0</v>
      </c>
      <c r="JY26" s="102">
        <v>0</v>
      </c>
      <c r="JZ26" s="102">
        <v>0</v>
      </c>
      <c r="KA26" s="103">
        <v>0</v>
      </c>
      <c r="KB26" s="104">
        <v>0</v>
      </c>
      <c r="KC26" s="101">
        <v>42</v>
      </c>
      <c r="KD26" s="102">
        <v>34</v>
      </c>
      <c r="KE26" s="103">
        <v>76</v>
      </c>
      <c r="KF26" s="412">
        <v>0</v>
      </c>
      <c r="KG26" s="102">
        <v>53</v>
      </c>
      <c r="KH26" s="102">
        <v>37</v>
      </c>
      <c r="KI26" s="102">
        <v>28</v>
      </c>
      <c r="KJ26" s="102">
        <v>19</v>
      </c>
      <c r="KK26" s="102">
        <v>11</v>
      </c>
      <c r="KL26" s="103">
        <v>148</v>
      </c>
      <c r="KM26" s="104">
        <v>224</v>
      </c>
    </row>
    <row r="27" spans="2:299" s="70" customFormat="1" ht="21" customHeight="1" x14ac:dyDescent="0.2">
      <c r="B27" s="106" t="s">
        <v>24</v>
      </c>
      <c r="C27" s="96">
        <v>37</v>
      </c>
      <c r="D27" s="97">
        <v>20</v>
      </c>
      <c r="E27" s="98">
        <v>57</v>
      </c>
      <c r="F27" s="412">
        <v>0</v>
      </c>
      <c r="G27" s="97">
        <v>39</v>
      </c>
      <c r="H27" s="97">
        <v>27</v>
      </c>
      <c r="I27" s="97">
        <v>21</v>
      </c>
      <c r="J27" s="97">
        <v>19</v>
      </c>
      <c r="K27" s="97">
        <v>7</v>
      </c>
      <c r="L27" s="99">
        <v>113</v>
      </c>
      <c r="M27" s="100">
        <v>170</v>
      </c>
      <c r="N27" s="101">
        <v>1</v>
      </c>
      <c r="O27" s="102">
        <v>0</v>
      </c>
      <c r="P27" s="103">
        <v>1</v>
      </c>
      <c r="Q27" s="412">
        <v>0</v>
      </c>
      <c r="R27" s="102">
        <v>1</v>
      </c>
      <c r="S27" s="102">
        <v>0</v>
      </c>
      <c r="T27" s="102">
        <v>0</v>
      </c>
      <c r="U27" s="102">
        <v>0</v>
      </c>
      <c r="V27" s="102">
        <v>0</v>
      </c>
      <c r="W27" s="103">
        <v>1</v>
      </c>
      <c r="X27" s="104">
        <v>2</v>
      </c>
      <c r="Y27" s="101">
        <v>0</v>
      </c>
      <c r="Z27" s="102">
        <v>2</v>
      </c>
      <c r="AA27" s="103">
        <v>2</v>
      </c>
      <c r="AB27" s="412">
        <v>0</v>
      </c>
      <c r="AC27" s="102">
        <v>1</v>
      </c>
      <c r="AD27" s="102">
        <v>0</v>
      </c>
      <c r="AE27" s="102">
        <v>1</v>
      </c>
      <c r="AF27" s="102">
        <v>0</v>
      </c>
      <c r="AG27" s="102">
        <v>2</v>
      </c>
      <c r="AH27" s="103">
        <v>4</v>
      </c>
      <c r="AI27" s="104">
        <v>6</v>
      </c>
      <c r="AJ27" s="101">
        <v>3</v>
      </c>
      <c r="AK27" s="102">
        <v>1</v>
      </c>
      <c r="AL27" s="103">
        <v>4</v>
      </c>
      <c r="AM27" s="412">
        <v>0</v>
      </c>
      <c r="AN27" s="102">
        <v>2</v>
      </c>
      <c r="AO27" s="102">
        <v>3</v>
      </c>
      <c r="AP27" s="102">
        <v>1</v>
      </c>
      <c r="AQ27" s="102">
        <v>4</v>
      </c>
      <c r="AR27" s="102">
        <v>0</v>
      </c>
      <c r="AS27" s="103">
        <v>10</v>
      </c>
      <c r="AT27" s="104">
        <v>14</v>
      </c>
      <c r="AU27" s="101">
        <v>6</v>
      </c>
      <c r="AV27" s="102">
        <v>1</v>
      </c>
      <c r="AW27" s="103">
        <v>7</v>
      </c>
      <c r="AX27" s="412">
        <v>0</v>
      </c>
      <c r="AY27" s="102">
        <v>12</v>
      </c>
      <c r="AZ27" s="102">
        <v>1</v>
      </c>
      <c r="BA27" s="102">
        <v>2</v>
      </c>
      <c r="BB27" s="102">
        <v>4</v>
      </c>
      <c r="BC27" s="102">
        <v>2</v>
      </c>
      <c r="BD27" s="103">
        <v>21</v>
      </c>
      <c r="BE27" s="104">
        <v>28</v>
      </c>
      <c r="BF27" s="101">
        <v>14</v>
      </c>
      <c r="BG27" s="102">
        <v>8</v>
      </c>
      <c r="BH27" s="103">
        <v>22</v>
      </c>
      <c r="BI27" s="412">
        <v>0</v>
      </c>
      <c r="BJ27" s="102">
        <v>8</v>
      </c>
      <c r="BK27" s="102">
        <v>10</v>
      </c>
      <c r="BL27" s="102">
        <v>10</v>
      </c>
      <c r="BM27" s="102">
        <v>6</v>
      </c>
      <c r="BN27" s="102">
        <v>1</v>
      </c>
      <c r="BO27" s="103">
        <v>35</v>
      </c>
      <c r="BP27" s="104">
        <v>57</v>
      </c>
      <c r="BQ27" s="101">
        <v>13</v>
      </c>
      <c r="BR27" s="102">
        <v>8</v>
      </c>
      <c r="BS27" s="103">
        <v>21</v>
      </c>
      <c r="BT27" s="412">
        <v>0</v>
      </c>
      <c r="BU27" s="102">
        <v>15</v>
      </c>
      <c r="BV27" s="102">
        <v>13</v>
      </c>
      <c r="BW27" s="102">
        <v>7</v>
      </c>
      <c r="BX27" s="102">
        <v>5</v>
      </c>
      <c r="BY27" s="102">
        <v>2</v>
      </c>
      <c r="BZ27" s="103">
        <v>42</v>
      </c>
      <c r="CA27" s="104">
        <v>63</v>
      </c>
      <c r="CB27" s="101">
        <v>0</v>
      </c>
      <c r="CC27" s="102">
        <v>0</v>
      </c>
      <c r="CD27" s="103">
        <v>0</v>
      </c>
      <c r="CE27" s="412">
        <v>0</v>
      </c>
      <c r="CF27" s="102">
        <v>0</v>
      </c>
      <c r="CG27" s="102">
        <v>0</v>
      </c>
      <c r="CH27" s="102">
        <v>0</v>
      </c>
      <c r="CI27" s="102">
        <v>0</v>
      </c>
      <c r="CJ27" s="102">
        <v>0</v>
      </c>
      <c r="CK27" s="103">
        <v>0</v>
      </c>
      <c r="CL27" s="104">
        <v>0</v>
      </c>
      <c r="CM27" s="101">
        <v>37</v>
      </c>
      <c r="CN27" s="102">
        <v>20</v>
      </c>
      <c r="CO27" s="103">
        <v>57</v>
      </c>
      <c r="CP27" s="412">
        <v>0</v>
      </c>
      <c r="CQ27" s="102">
        <v>39</v>
      </c>
      <c r="CR27" s="102">
        <v>27</v>
      </c>
      <c r="CS27" s="102">
        <v>21</v>
      </c>
      <c r="CT27" s="102">
        <v>19</v>
      </c>
      <c r="CU27" s="102">
        <v>7</v>
      </c>
      <c r="CV27" s="103">
        <v>113</v>
      </c>
      <c r="CW27" s="104">
        <v>170</v>
      </c>
      <c r="CX27" s="105">
        <v>3</v>
      </c>
      <c r="CY27" s="97">
        <v>2</v>
      </c>
      <c r="CZ27" s="98">
        <v>5</v>
      </c>
      <c r="DA27" s="412">
        <v>0</v>
      </c>
      <c r="DB27" s="97">
        <v>6</v>
      </c>
      <c r="DC27" s="97">
        <v>2</v>
      </c>
      <c r="DD27" s="97">
        <v>4</v>
      </c>
      <c r="DE27" s="97">
        <v>4</v>
      </c>
      <c r="DF27" s="97">
        <v>3</v>
      </c>
      <c r="DG27" s="99">
        <v>19</v>
      </c>
      <c r="DH27" s="100">
        <v>24</v>
      </c>
      <c r="DI27" s="101">
        <v>0</v>
      </c>
      <c r="DJ27" s="102">
        <v>0</v>
      </c>
      <c r="DK27" s="103">
        <v>0</v>
      </c>
      <c r="DL27" s="412">
        <v>0</v>
      </c>
      <c r="DM27" s="102">
        <v>0</v>
      </c>
      <c r="DN27" s="102">
        <v>0</v>
      </c>
      <c r="DO27" s="102">
        <v>0</v>
      </c>
      <c r="DP27" s="102">
        <v>0</v>
      </c>
      <c r="DQ27" s="102">
        <v>0</v>
      </c>
      <c r="DR27" s="103">
        <v>0</v>
      </c>
      <c r="DS27" s="104">
        <v>0</v>
      </c>
      <c r="DT27" s="101">
        <v>1</v>
      </c>
      <c r="DU27" s="102">
        <v>0</v>
      </c>
      <c r="DV27" s="103">
        <v>1</v>
      </c>
      <c r="DW27" s="412">
        <v>0</v>
      </c>
      <c r="DX27" s="102">
        <v>0</v>
      </c>
      <c r="DY27" s="102">
        <v>0</v>
      </c>
      <c r="DZ27" s="102">
        <v>0</v>
      </c>
      <c r="EA27" s="102">
        <v>0</v>
      </c>
      <c r="EB27" s="102">
        <v>0</v>
      </c>
      <c r="EC27" s="103">
        <v>0</v>
      </c>
      <c r="ED27" s="104">
        <v>1</v>
      </c>
      <c r="EE27" s="101">
        <v>0</v>
      </c>
      <c r="EF27" s="102">
        <v>0</v>
      </c>
      <c r="EG27" s="103">
        <v>0</v>
      </c>
      <c r="EH27" s="412">
        <v>0</v>
      </c>
      <c r="EI27" s="102">
        <v>1</v>
      </c>
      <c r="EJ27" s="102">
        <v>0</v>
      </c>
      <c r="EK27" s="102">
        <v>0</v>
      </c>
      <c r="EL27" s="102">
        <v>0</v>
      </c>
      <c r="EM27" s="102">
        <v>0</v>
      </c>
      <c r="EN27" s="103">
        <v>1</v>
      </c>
      <c r="EO27" s="104">
        <v>1</v>
      </c>
      <c r="EP27" s="101">
        <v>0</v>
      </c>
      <c r="EQ27" s="102">
        <v>0</v>
      </c>
      <c r="ER27" s="103">
        <v>0</v>
      </c>
      <c r="ES27" s="412">
        <v>0</v>
      </c>
      <c r="ET27" s="102">
        <v>2</v>
      </c>
      <c r="EU27" s="102">
        <v>0</v>
      </c>
      <c r="EV27" s="102">
        <v>1</v>
      </c>
      <c r="EW27" s="102">
        <v>1</v>
      </c>
      <c r="EX27" s="102">
        <v>2</v>
      </c>
      <c r="EY27" s="103">
        <v>6</v>
      </c>
      <c r="EZ27" s="104">
        <v>6</v>
      </c>
      <c r="FA27" s="101">
        <v>1</v>
      </c>
      <c r="FB27" s="102">
        <v>2</v>
      </c>
      <c r="FC27" s="103">
        <v>3</v>
      </c>
      <c r="FD27" s="412">
        <v>0</v>
      </c>
      <c r="FE27" s="102">
        <v>1</v>
      </c>
      <c r="FF27" s="102">
        <v>1</v>
      </c>
      <c r="FG27" s="102">
        <v>0</v>
      </c>
      <c r="FH27" s="102">
        <v>1</v>
      </c>
      <c r="FI27" s="102">
        <v>1</v>
      </c>
      <c r="FJ27" s="103">
        <v>4</v>
      </c>
      <c r="FK27" s="104">
        <v>7</v>
      </c>
      <c r="FL27" s="101">
        <v>1</v>
      </c>
      <c r="FM27" s="102">
        <v>0</v>
      </c>
      <c r="FN27" s="103">
        <v>1</v>
      </c>
      <c r="FO27" s="412">
        <v>0</v>
      </c>
      <c r="FP27" s="102">
        <v>2</v>
      </c>
      <c r="FQ27" s="102">
        <v>1</v>
      </c>
      <c r="FR27" s="102">
        <v>3</v>
      </c>
      <c r="FS27" s="102">
        <v>2</v>
      </c>
      <c r="FT27" s="102">
        <v>0</v>
      </c>
      <c r="FU27" s="103">
        <v>8</v>
      </c>
      <c r="FV27" s="104">
        <v>9</v>
      </c>
      <c r="FW27" s="101">
        <v>0</v>
      </c>
      <c r="FX27" s="102">
        <v>0</v>
      </c>
      <c r="FY27" s="103">
        <v>0</v>
      </c>
      <c r="FZ27" s="412">
        <v>0</v>
      </c>
      <c r="GA27" s="102">
        <v>0</v>
      </c>
      <c r="GB27" s="102">
        <v>0</v>
      </c>
      <c r="GC27" s="102">
        <v>0</v>
      </c>
      <c r="GD27" s="102">
        <v>0</v>
      </c>
      <c r="GE27" s="102">
        <v>0</v>
      </c>
      <c r="GF27" s="103">
        <v>0</v>
      </c>
      <c r="GG27" s="104">
        <v>0</v>
      </c>
      <c r="GH27" s="101">
        <v>3</v>
      </c>
      <c r="GI27" s="102">
        <v>2</v>
      </c>
      <c r="GJ27" s="103">
        <v>5</v>
      </c>
      <c r="GK27" s="412">
        <v>0</v>
      </c>
      <c r="GL27" s="102">
        <v>6</v>
      </c>
      <c r="GM27" s="102">
        <v>2</v>
      </c>
      <c r="GN27" s="102">
        <v>4</v>
      </c>
      <c r="GO27" s="102">
        <v>4</v>
      </c>
      <c r="GP27" s="102">
        <v>3</v>
      </c>
      <c r="GQ27" s="103">
        <v>19</v>
      </c>
      <c r="GR27" s="104">
        <v>24</v>
      </c>
      <c r="GS27" s="105">
        <v>40</v>
      </c>
      <c r="GT27" s="97">
        <v>22</v>
      </c>
      <c r="GU27" s="98">
        <v>62</v>
      </c>
      <c r="GV27" s="412">
        <v>0</v>
      </c>
      <c r="GW27" s="97">
        <v>45</v>
      </c>
      <c r="GX27" s="97">
        <v>29</v>
      </c>
      <c r="GY27" s="97">
        <v>25</v>
      </c>
      <c r="GZ27" s="97">
        <v>23</v>
      </c>
      <c r="HA27" s="97">
        <v>10</v>
      </c>
      <c r="HB27" s="99">
        <v>132</v>
      </c>
      <c r="HC27" s="100">
        <v>194</v>
      </c>
      <c r="HD27" s="101">
        <v>1</v>
      </c>
      <c r="HE27" s="102">
        <v>0</v>
      </c>
      <c r="HF27" s="103">
        <v>1</v>
      </c>
      <c r="HG27" s="412">
        <v>0</v>
      </c>
      <c r="HH27" s="102">
        <v>1</v>
      </c>
      <c r="HI27" s="102">
        <v>0</v>
      </c>
      <c r="HJ27" s="102">
        <v>0</v>
      </c>
      <c r="HK27" s="102">
        <v>0</v>
      </c>
      <c r="HL27" s="102">
        <v>0</v>
      </c>
      <c r="HM27" s="103">
        <v>1</v>
      </c>
      <c r="HN27" s="104">
        <v>2</v>
      </c>
      <c r="HO27" s="101">
        <v>1</v>
      </c>
      <c r="HP27" s="102">
        <v>2</v>
      </c>
      <c r="HQ27" s="103">
        <v>3</v>
      </c>
      <c r="HR27" s="412">
        <v>0</v>
      </c>
      <c r="HS27" s="102">
        <v>1</v>
      </c>
      <c r="HT27" s="102">
        <v>0</v>
      </c>
      <c r="HU27" s="102">
        <v>1</v>
      </c>
      <c r="HV27" s="102">
        <v>0</v>
      </c>
      <c r="HW27" s="102">
        <v>2</v>
      </c>
      <c r="HX27" s="103">
        <v>4</v>
      </c>
      <c r="HY27" s="104">
        <v>7</v>
      </c>
      <c r="HZ27" s="101">
        <v>3</v>
      </c>
      <c r="IA27" s="102">
        <v>1</v>
      </c>
      <c r="IB27" s="103">
        <v>4</v>
      </c>
      <c r="IC27" s="412">
        <v>0</v>
      </c>
      <c r="ID27" s="102">
        <v>3</v>
      </c>
      <c r="IE27" s="102">
        <v>3</v>
      </c>
      <c r="IF27" s="102">
        <v>1</v>
      </c>
      <c r="IG27" s="102">
        <v>4</v>
      </c>
      <c r="IH27" s="102">
        <v>0</v>
      </c>
      <c r="II27" s="103">
        <v>11</v>
      </c>
      <c r="IJ27" s="104">
        <v>15</v>
      </c>
      <c r="IK27" s="101">
        <v>6</v>
      </c>
      <c r="IL27" s="102">
        <v>1</v>
      </c>
      <c r="IM27" s="103">
        <v>7</v>
      </c>
      <c r="IN27" s="412">
        <v>0</v>
      </c>
      <c r="IO27" s="102">
        <v>14</v>
      </c>
      <c r="IP27" s="102">
        <v>1</v>
      </c>
      <c r="IQ27" s="102">
        <v>3</v>
      </c>
      <c r="IR27" s="102">
        <v>5</v>
      </c>
      <c r="IS27" s="102">
        <v>4</v>
      </c>
      <c r="IT27" s="103">
        <v>27</v>
      </c>
      <c r="IU27" s="104">
        <v>34</v>
      </c>
      <c r="IV27" s="101">
        <v>15</v>
      </c>
      <c r="IW27" s="102">
        <v>10</v>
      </c>
      <c r="IX27" s="103">
        <v>25</v>
      </c>
      <c r="IY27" s="412">
        <v>0</v>
      </c>
      <c r="IZ27" s="102">
        <v>9</v>
      </c>
      <c r="JA27" s="102">
        <v>11</v>
      </c>
      <c r="JB27" s="102">
        <v>10</v>
      </c>
      <c r="JC27" s="102">
        <v>7</v>
      </c>
      <c r="JD27" s="102">
        <v>2</v>
      </c>
      <c r="JE27" s="103">
        <v>39</v>
      </c>
      <c r="JF27" s="104">
        <v>64</v>
      </c>
      <c r="JG27" s="101">
        <v>14</v>
      </c>
      <c r="JH27" s="102">
        <v>8</v>
      </c>
      <c r="JI27" s="103">
        <v>22</v>
      </c>
      <c r="JJ27" s="412">
        <v>0</v>
      </c>
      <c r="JK27" s="102">
        <v>17</v>
      </c>
      <c r="JL27" s="102">
        <v>14</v>
      </c>
      <c r="JM27" s="102">
        <v>10</v>
      </c>
      <c r="JN27" s="102">
        <v>7</v>
      </c>
      <c r="JO27" s="102">
        <v>2</v>
      </c>
      <c r="JP27" s="103">
        <v>50</v>
      </c>
      <c r="JQ27" s="104">
        <v>72</v>
      </c>
      <c r="JR27" s="101">
        <v>0</v>
      </c>
      <c r="JS27" s="102">
        <v>0</v>
      </c>
      <c r="JT27" s="103">
        <v>0</v>
      </c>
      <c r="JU27" s="412">
        <v>0</v>
      </c>
      <c r="JV27" s="102">
        <v>0</v>
      </c>
      <c r="JW27" s="102">
        <v>0</v>
      </c>
      <c r="JX27" s="102">
        <v>0</v>
      </c>
      <c r="JY27" s="102">
        <v>0</v>
      </c>
      <c r="JZ27" s="102">
        <v>0</v>
      </c>
      <c r="KA27" s="103">
        <v>0</v>
      </c>
      <c r="KB27" s="104">
        <v>0</v>
      </c>
      <c r="KC27" s="101">
        <v>40</v>
      </c>
      <c r="KD27" s="102">
        <v>22</v>
      </c>
      <c r="KE27" s="103">
        <v>62</v>
      </c>
      <c r="KF27" s="412">
        <v>0</v>
      </c>
      <c r="KG27" s="102">
        <v>45</v>
      </c>
      <c r="KH27" s="102">
        <v>29</v>
      </c>
      <c r="KI27" s="102">
        <v>25</v>
      </c>
      <c r="KJ27" s="102">
        <v>23</v>
      </c>
      <c r="KK27" s="102">
        <v>10</v>
      </c>
      <c r="KL27" s="103">
        <v>132</v>
      </c>
      <c r="KM27" s="104">
        <v>194</v>
      </c>
    </row>
    <row r="28" spans="2:299" s="70" customFormat="1" ht="21" customHeight="1" x14ac:dyDescent="0.2">
      <c r="B28" s="106" t="s">
        <v>25</v>
      </c>
      <c r="C28" s="96">
        <v>14</v>
      </c>
      <c r="D28" s="97">
        <v>22</v>
      </c>
      <c r="E28" s="98">
        <v>36</v>
      </c>
      <c r="F28" s="412">
        <v>0</v>
      </c>
      <c r="G28" s="97">
        <v>28</v>
      </c>
      <c r="H28" s="97">
        <v>16</v>
      </c>
      <c r="I28" s="97">
        <v>9</v>
      </c>
      <c r="J28" s="97">
        <v>14</v>
      </c>
      <c r="K28" s="97">
        <v>7</v>
      </c>
      <c r="L28" s="99">
        <v>74</v>
      </c>
      <c r="M28" s="100">
        <v>110</v>
      </c>
      <c r="N28" s="101">
        <v>0</v>
      </c>
      <c r="O28" s="102">
        <v>0</v>
      </c>
      <c r="P28" s="103">
        <v>0</v>
      </c>
      <c r="Q28" s="412">
        <v>0</v>
      </c>
      <c r="R28" s="102">
        <v>1</v>
      </c>
      <c r="S28" s="102">
        <v>1</v>
      </c>
      <c r="T28" s="102">
        <v>0</v>
      </c>
      <c r="U28" s="102">
        <v>0</v>
      </c>
      <c r="V28" s="102">
        <v>0</v>
      </c>
      <c r="W28" s="103">
        <v>2</v>
      </c>
      <c r="X28" s="104">
        <v>2</v>
      </c>
      <c r="Y28" s="101">
        <v>1</v>
      </c>
      <c r="Z28" s="102">
        <v>0</v>
      </c>
      <c r="AA28" s="103">
        <v>1</v>
      </c>
      <c r="AB28" s="412">
        <v>0</v>
      </c>
      <c r="AC28" s="102">
        <v>1</v>
      </c>
      <c r="AD28" s="102">
        <v>1</v>
      </c>
      <c r="AE28" s="102">
        <v>0</v>
      </c>
      <c r="AF28" s="102">
        <v>4</v>
      </c>
      <c r="AG28" s="102">
        <v>0</v>
      </c>
      <c r="AH28" s="103">
        <v>6</v>
      </c>
      <c r="AI28" s="104">
        <v>7</v>
      </c>
      <c r="AJ28" s="101">
        <v>2</v>
      </c>
      <c r="AK28" s="102">
        <v>4</v>
      </c>
      <c r="AL28" s="103">
        <v>6</v>
      </c>
      <c r="AM28" s="412">
        <v>0</v>
      </c>
      <c r="AN28" s="102">
        <v>7</v>
      </c>
      <c r="AO28" s="102">
        <v>1</v>
      </c>
      <c r="AP28" s="102">
        <v>1</v>
      </c>
      <c r="AQ28" s="102">
        <v>4</v>
      </c>
      <c r="AR28" s="102">
        <v>2</v>
      </c>
      <c r="AS28" s="103">
        <v>15</v>
      </c>
      <c r="AT28" s="104">
        <v>21</v>
      </c>
      <c r="AU28" s="101">
        <v>3</v>
      </c>
      <c r="AV28" s="102">
        <v>8</v>
      </c>
      <c r="AW28" s="103">
        <v>11</v>
      </c>
      <c r="AX28" s="412">
        <v>0</v>
      </c>
      <c r="AY28" s="102">
        <v>5</v>
      </c>
      <c r="AZ28" s="102">
        <v>1</v>
      </c>
      <c r="BA28" s="102">
        <v>4</v>
      </c>
      <c r="BB28" s="102">
        <v>1</v>
      </c>
      <c r="BC28" s="102">
        <v>2</v>
      </c>
      <c r="BD28" s="103">
        <v>13</v>
      </c>
      <c r="BE28" s="104">
        <v>24</v>
      </c>
      <c r="BF28" s="101">
        <v>3</v>
      </c>
      <c r="BG28" s="102">
        <v>6</v>
      </c>
      <c r="BH28" s="103">
        <v>9</v>
      </c>
      <c r="BI28" s="412">
        <v>0</v>
      </c>
      <c r="BJ28" s="102">
        <v>10</v>
      </c>
      <c r="BK28" s="102">
        <v>4</v>
      </c>
      <c r="BL28" s="102">
        <v>3</v>
      </c>
      <c r="BM28" s="102">
        <v>1</v>
      </c>
      <c r="BN28" s="102">
        <v>2</v>
      </c>
      <c r="BO28" s="103">
        <v>20</v>
      </c>
      <c r="BP28" s="104">
        <v>29</v>
      </c>
      <c r="BQ28" s="101">
        <v>5</v>
      </c>
      <c r="BR28" s="102">
        <v>4</v>
      </c>
      <c r="BS28" s="103">
        <v>9</v>
      </c>
      <c r="BT28" s="412">
        <v>0</v>
      </c>
      <c r="BU28" s="102">
        <v>4</v>
      </c>
      <c r="BV28" s="102">
        <v>8</v>
      </c>
      <c r="BW28" s="102">
        <v>1</v>
      </c>
      <c r="BX28" s="102">
        <v>4</v>
      </c>
      <c r="BY28" s="102">
        <v>1</v>
      </c>
      <c r="BZ28" s="103">
        <v>18</v>
      </c>
      <c r="CA28" s="104">
        <v>27</v>
      </c>
      <c r="CB28" s="101">
        <v>0</v>
      </c>
      <c r="CC28" s="102">
        <v>0</v>
      </c>
      <c r="CD28" s="103">
        <v>0</v>
      </c>
      <c r="CE28" s="412">
        <v>0</v>
      </c>
      <c r="CF28" s="102">
        <v>0</v>
      </c>
      <c r="CG28" s="102">
        <v>0</v>
      </c>
      <c r="CH28" s="102">
        <v>0</v>
      </c>
      <c r="CI28" s="102">
        <v>0</v>
      </c>
      <c r="CJ28" s="102">
        <v>0</v>
      </c>
      <c r="CK28" s="103">
        <v>0</v>
      </c>
      <c r="CL28" s="104">
        <v>0</v>
      </c>
      <c r="CM28" s="101">
        <v>14</v>
      </c>
      <c r="CN28" s="102">
        <v>22</v>
      </c>
      <c r="CO28" s="103">
        <v>36</v>
      </c>
      <c r="CP28" s="412">
        <v>0</v>
      </c>
      <c r="CQ28" s="102">
        <v>28</v>
      </c>
      <c r="CR28" s="102">
        <v>16</v>
      </c>
      <c r="CS28" s="102">
        <v>9</v>
      </c>
      <c r="CT28" s="102">
        <v>14</v>
      </c>
      <c r="CU28" s="102">
        <v>7</v>
      </c>
      <c r="CV28" s="103">
        <v>74</v>
      </c>
      <c r="CW28" s="104">
        <v>110</v>
      </c>
      <c r="CX28" s="105">
        <v>2</v>
      </c>
      <c r="CY28" s="97">
        <v>2</v>
      </c>
      <c r="CZ28" s="98">
        <v>4</v>
      </c>
      <c r="DA28" s="412">
        <v>0</v>
      </c>
      <c r="DB28" s="97">
        <v>4</v>
      </c>
      <c r="DC28" s="97">
        <v>1</v>
      </c>
      <c r="DD28" s="97">
        <v>1</v>
      </c>
      <c r="DE28" s="97">
        <v>0</v>
      </c>
      <c r="DF28" s="97">
        <v>1</v>
      </c>
      <c r="DG28" s="99">
        <v>7</v>
      </c>
      <c r="DH28" s="100">
        <v>11</v>
      </c>
      <c r="DI28" s="101">
        <v>0</v>
      </c>
      <c r="DJ28" s="102">
        <v>0</v>
      </c>
      <c r="DK28" s="103">
        <v>0</v>
      </c>
      <c r="DL28" s="412">
        <v>0</v>
      </c>
      <c r="DM28" s="102">
        <v>0</v>
      </c>
      <c r="DN28" s="102">
        <v>0</v>
      </c>
      <c r="DO28" s="102">
        <v>0</v>
      </c>
      <c r="DP28" s="102">
        <v>0</v>
      </c>
      <c r="DQ28" s="102">
        <v>0</v>
      </c>
      <c r="DR28" s="103">
        <v>0</v>
      </c>
      <c r="DS28" s="104">
        <v>0</v>
      </c>
      <c r="DT28" s="101">
        <v>0</v>
      </c>
      <c r="DU28" s="102">
        <v>0</v>
      </c>
      <c r="DV28" s="103">
        <v>0</v>
      </c>
      <c r="DW28" s="412">
        <v>0</v>
      </c>
      <c r="DX28" s="102">
        <v>0</v>
      </c>
      <c r="DY28" s="102">
        <v>0</v>
      </c>
      <c r="DZ28" s="102">
        <v>0</v>
      </c>
      <c r="EA28" s="102">
        <v>0</v>
      </c>
      <c r="EB28" s="102">
        <v>0</v>
      </c>
      <c r="EC28" s="103">
        <v>0</v>
      </c>
      <c r="ED28" s="104">
        <v>0</v>
      </c>
      <c r="EE28" s="101">
        <v>0</v>
      </c>
      <c r="EF28" s="102">
        <v>0</v>
      </c>
      <c r="EG28" s="103">
        <v>0</v>
      </c>
      <c r="EH28" s="412">
        <v>0</v>
      </c>
      <c r="EI28" s="102">
        <v>0</v>
      </c>
      <c r="EJ28" s="102">
        <v>0</v>
      </c>
      <c r="EK28" s="102">
        <v>0</v>
      </c>
      <c r="EL28" s="102">
        <v>0</v>
      </c>
      <c r="EM28" s="102">
        <v>1</v>
      </c>
      <c r="EN28" s="103">
        <v>1</v>
      </c>
      <c r="EO28" s="104">
        <v>1</v>
      </c>
      <c r="EP28" s="101">
        <v>0</v>
      </c>
      <c r="EQ28" s="102">
        <v>0</v>
      </c>
      <c r="ER28" s="103">
        <v>0</v>
      </c>
      <c r="ES28" s="412">
        <v>0</v>
      </c>
      <c r="ET28" s="102">
        <v>0</v>
      </c>
      <c r="EU28" s="102">
        <v>1</v>
      </c>
      <c r="EV28" s="102">
        <v>0</v>
      </c>
      <c r="EW28" s="102">
        <v>0</v>
      </c>
      <c r="EX28" s="102">
        <v>0</v>
      </c>
      <c r="EY28" s="103">
        <v>1</v>
      </c>
      <c r="EZ28" s="104">
        <v>1</v>
      </c>
      <c r="FA28" s="101">
        <v>0</v>
      </c>
      <c r="FB28" s="102">
        <v>1</v>
      </c>
      <c r="FC28" s="103">
        <v>1</v>
      </c>
      <c r="FD28" s="412">
        <v>0</v>
      </c>
      <c r="FE28" s="102">
        <v>0</v>
      </c>
      <c r="FF28" s="102">
        <v>0</v>
      </c>
      <c r="FG28" s="102">
        <v>1</v>
      </c>
      <c r="FH28" s="102">
        <v>0</v>
      </c>
      <c r="FI28" s="102">
        <v>0</v>
      </c>
      <c r="FJ28" s="103">
        <v>1</v>
      </c>
      <c r="FK28" s="104">
        <v>2</v>
      </c>
      <c r="FL28" s="101">
        <v>2</v>
      </c>
      <c r="FM28" s="102">
        <v>1</v>
      </c>
      <c r="FN28" s="103">
        <v>3</v>
      </c>
      <c r="FO28" s="412">
        <v>0</v>
      </c>
      <c r="FP28" s="102">
        <v>4</v>
      </c>
      <c r="FQ28" s="102">
        <v>0</v>
      </c>
      <c r="FR28" s="102">
        <v>0</v>
      </c>
      <c r="FS28" s="102">
        <v>0</v>
      </c>
      <c r="FT28" s="102">
        <v>0</v>
      </c>
      <c r="FU28" s="103">
        <v>4</v>
      </c>
      <c r="FV28" s="104">
        <v>7</v>
      </c>
      <c r="FW28" s="101">
        <v>0</v>
      </c>
      <c r="FX28" s="102">
        <v>0</v>
      </c>
      <c r="FY28" s="103">
        <v>0</v>
      </c>
      <c r="FZ28" s="412">
        <v>0</v>
      </c>
      <c r="GA28" s="102">
        <v>0</v>
      </c>
      <c r="GB28" s="102">
        <v>0</v>
      </c>
      <c r="GC28" s="102">
        <v>0</v>
      </c>
      <c r="GD28" s="102">
        <v>0</v>
      </c>
      <c r="GE28" s="102">
        <v>0</v>
      </c>
      <c r="GF28" s="103">
        <v>0</v>
      </c>
      <c r="GG28" s="104">
        <v>0</v>
      </c>
      <c r="GH28" s="101">
        <v>2</v>
      </c>
      <c r="GI28" s="102">
        <v>2</v>
      </c>
      <c r="GJ28" s="103">
        <v>4</v>
      </c>
      <c r="GK28" s="412">
        <v>0</v>
      </c>
      <c r="GL28" s="102">
        <v>4</v>
      </c>
      <c r="GM28" s="102">
        <v>1</v>
      </c>
      <c r="GN28" s="102">
        <v>1</v>
      </c>
      <c r="GO28" s="102">
        <v>0</v>
      </c>
      <c r="GP28" s="102">
        <v>1</v>
      </c>
      <c r="GQ28" s="103">
        <v>7</v>
      </c>
      <c r="GR28" s="104">
        <v>11</v>
      </c>
      <c r="GS28" s="105">
        <v>16</v>
      </c>
      <c r="GT28" s="97">
        <v>24</v>
      </c>
      <c r="GU28" s="98">
        <v>40</v>
      </c>
      <c r="GV28" s="412">
        <v>0</v>
      </c>
      <c r="GW28" s="97">
        <v>32</v>
      </c>
      <c r="GX28" s="97">
        <v>17</v>
      </c>
      <c r="GY28" s="97">
        <v>10</v>
      </c>
      <c r="GZ28" s="97">
        <v>14</v>
      </c>
      <c r="HA28" s="97">
        <v>8</v>
      </c>
      <c r="HB28" s="99">
        <v>81</v>
      </c>
      <c r="HC28" s="100">
        <v>121</v>
      </c>
      <c r="HD28" s="101">
        <v>0</v>
      </c>
      <c r="HE28" s="102">
        <v>0</v>
      </c>
      <c r="HF28" s="103">
        <v>0</v>
      </c>
      <c r="HG28" s="412">
        <v>0</v>
      </c>
      <c r="HH28" s="102">
        <v>1</v>
      </c>
      <c r="HI28" s="102">
        <v>1</v>
      </c>
      <c r="HJ28" s="102">
        <v>0</v>
      </c>
      <c r="HK28" s="102">
        <v>0</v>
      </c>
      <c r="HL28" s="102">
        <v>0</v>
      </c>
      <c r="HM28" s="103">
        <v>2</v>
      </c>
      <c r="HN28" s="104">
        <v>2</v>
      </c>
      <c r="HO28" s="101">
        <v>1</v>
      </c>
      <c r="HP28" s="102">
        <v>0</v>
      </c>
      <c r="HQ28" s="103">
        <v>1</v>
      </c>
      <c r="HR28" s="412">
        <v>0</v>
      </c>
      <c r="HS28" s="102">
        <v>1</v>
      </c>
      <c r="HT28" s="102">
        <v>1</v>
      </c>
      <c r="HU28" s="102">
        <v>0</v>
      </c>
      <c r="HV28" s="102">
        <v>4</v>
      </c>
      <c r="HW28" s="102">
        <v>0</v>
      </c>
      <c r="HX28" s="103">
        <v>6</v>
      </c>
      <c r="HY28" s="104">
        <v>7</v>
      </c>
      <c r="HZ28" s="101">
        <v>2</v>
      </c>
      <c r="IA28" s="102">
        <v>4</v>
      </c>
      <c r="IB28" s="103">
        <v>6</v>
      </c>
      <c r="IC28" s="412">
        <v>0</v>
      </c>
      <c r="ID28" s="102">
        <v>7</v>
      </c>
      <c r="IE28" s="102">
        <v>1</v>
      </c>
      <c r="IF28" s="102">
        <v>1</v>
      </c>
      <c r="IG28" s="102">
        <v>4</v>
      </c>
      <c r="IH28" s="102">
        <v>3</v>
      </c>
      <c r="II28" s="103">
        <v>16</v>
      </c>
      <c r="IJ28" s="104">
        <v>22</v>
      </c>
      <c r="IK28" s="101">
        <v>3</v>
      </c>
      <c r="IL28" s="102">
        <v>8</v>
      </c>
      <c r="IM28" s="103">
        <v>11</v>
      </c>
      <c r="IN28" s="412">
        <v>0</v>
      </c>
      <c r="IO28" s="102">
        <v>5</v>
      </c>
      <c r="IP28" s="102">
        <v>2</v>
      </c>
      <c r="IQ28" s="102">
        <v>4</v>
      </c>
      <c r="IR28" s="102">
        <v>1</v>
      </c>
      <c r="IS28" s="102">
        <v>2</v>
      </c>
      <c r="IT28" s="103">
        <v>14</v>
      </c>
      <c r="IU28" s="104">
        <v>25</v>
      </c>
      <c r="IV28" s="101">
        <v>3</v>
      </c>
      <c r="IW28" s="102">
        <v>7</v>
      </c>
      <c r="IX28" s="103">
        <v>10</v>
      </c>
      <c r="IY28" s="412">
        <v>0</v>
      </c>
      <c r="IZ28" s="102">
        <v>10</v>
      </c>
      <c r="JA28" s="102">
        <v>4</v>
      </c>
      <c r="JB28" s="102">
        <v>4</v>
      </c>
      <c r="JC28" s="102">
        <v>1</v>
      </c>
      <c r="JD28" s="102">
        <v>2</v>
      </c>
      <c r="JE28" s="103">
        <v>21</v>
      </c>
      <c r="JF28" s="104">
        <v>31</v>
      </c>
      <c r="JG28" s="101">
        <v>7</v>
      </c>
      <c r="JH28" s="102">
        <v>5</v>
      </c>
      <c r="JI28" s="103">
        <v>12</v>
      </c>
      <c r="JJ28" s="412">
        <v>0</v>
      </c>
      <c r="JK28" s="102">
        <v>8</v>
      </c>
      <c r="JL28" s="102">
        <v>8</v>
      </c>
      <c r="JM28" s="102">
        <v>1</v>
      </c>
      <c r="JN28" s="102">
        <v>4</v>
      </c>
      <c r="JO28" s="102">
        <v>1</v>
      </c>
      <c r="JP28" s="103">
        <v>22</v>
      </c>
      <c r="JQ28" s="104">
        <v>34</v>
      </c>
      <c r="JR28" s="101">
        <v>0</v>
      </c>
      <c r="JS28" s="102">
        <v>0</v>
      </c>
      <c r="JT28" s="103">
        <v>0</v>
      </c>
      <c r="JU28" s="412">
        <v>0</v>
      </c>
      <c r="JV28" s="102">
        <v>0</v>
      </c>
      <c r="JW28" s="102">
        <v>0</v>
      </c>
      <c r="JX28" s="102">
        <v>0</v>
      </c>
      <c r="JY28" s="102">
        <v>0</v>
      </c>
      <c r="JZ28" s="102">
        <v>0</v>
      </c>
      <c r="KA28" s="103">
        <v>0</v>
      </c>
      <c r="KB28" s="104">
        <v>0</v>
      </c>
      <c r="KC28" s="101">
        <v>16</v>
      </c>
      <c r="KD28" s="102">
        <v>24</v>
      </c>
      <c r="KE28" s="103">
        <v>40</v>
      </c>
      <c r="KF28" s="412">
        <v>0</v>
      </c>
      <c r="KG28" s="102">
        <v>32</v>
      </c>
      <c r="KH28" s="102">
        <v>17</v>
      </c>
      <c r="KI28" s="102">
        <v>10</v>
      </c>
      <c r="KJ28" s="102">
        <v>14</v>
      </c>
      <c r="KK28" s="102">
        <v>8</v>
      </c>
      <c r="KL28" s="103">
        <v>81</v>
      </c>
      <c r="KM28" s="104">
        <v>121</v>
      </c>
    </row>
    <row r="29" spans="2:299" s="70" customFormat="1" ht="21" customHeight="1" x14ac:dyDescent="0.2">
      <c r="B29" s="106" t="s">
        <v>26</v>
      </c>
      <c r="C29" s="96">
        <v>23</v>
      </c>
      <c r="D29" s="97">
        <v>16</v>
      </c>
      <c r="E29" s="98">
        <v>39</v>
      </c>
      <c r="F29" s="412">
        <v>0</v>
      </c>
      <c r="G29" s="97">
        <v>23</v>
      </c>
      <c r="H29" s="97">
        <v>19</v>
      </c>
      <c r="I29" s="97">
        <v>18</v>
      </c>
      <c r="J29" s="97">
        <v>10</v>
      </c>
      <c r="K29" s="97">
        <v>8</v>
      </c>
      <c r="L29" s="99">
        <v>78</v>
      </c>
      <c r="M29" s="100">
        <v>117</v>
      </c>
      <c r="N29" s="101">
        <v>0</v>
      </c>
      <c r="O29" s="102">
        <v>0</v>
      </c>
      <c r="P29" s="103">
        <v>0</v>
      </c>
      <c r="Q29" s="412">
        <v>0</v>
      </c>
      <c r="R29" s="102">
        <v>0</v>
      </c>
      <c r="S29" s="102">
        <v>0</v>
      </c>
      <c r="T29" s="102">
        <v>0</v>
      </c>
      <c r="U29" s="102">
        <v>1</v>
      </c>
      <c r="V29" s="102">
        <v>0</v>
      </c>
      <c r="W29" s="103">
        <v>1</v>
      </c>
      <c r="X29" s="104">
        <v>1</v>
      </c>
      <c r="Y29" s="101">
        <v>0</v>
      </c>
      <c r="Z29" s="102">
        <v>0</v>
      </c>
      <c r="AA29" s="103">
        <v>0</v>
      </c>
      <c r="AB29" s="412">
        <v>0</v>
      </c>
      <c r="AC29" s="102">
        <v>2</v>
      </c>
      <c r="AD29" s="102">
        <v>0</v>
      </c>
      <c r="AE29" s="102">
        <v>0</v>
      </c>
      <c r="AF29" s="102">
        <v>0</v>
      </c>
      <c r="AG29" s="102">
        <v>0</v>
      </c>
      <c r="AH29" s="103">
        <v>2</v>
      </c>
      <c r="AI29" s="104">
        <v>2</v>
      </c>
      <c r="AJ29" s="101">
        <v>0</v>
      </c>
      <c r="AK29" s="102">
        <v>2</v>
      </c>
      <c r="AL29" s="103">
        <v>2</v>
      </c>
      <c r="AM29" s="412">
        <v>0</v>
      </c>
      <c r="AN29" s="102">
        <v>1</v>
      </c>
      <c r="AO29" s="102">
        <v>0</v>
      </c>
      <c r="AP29" s="102">
        <v>1</v>
      </c>
      <c r="AQ29" s="102">
        <v>0</v>
      </c>
      <c r="AR29" s="102">
        <v>0</v>
      </c>
      <c r="AS29" s="103">
        <v>2</v>
      </c>
      <c r="AT29" s="104">
        <v>4</v>
      </c>
      <c r="AU29" s="101">
        <v>7</v>
      </c>
      <c r="AV29" s="102">
        <v>7</v>
      </c>
      <c r="AW29" s="103">
        <v>14</v>
      </c>
      <c r="AX29" s="412">
        <v>0</v>
      </c>
      <c r="AY29" s="102">
        <v>5</v>
      </c>
      <c r="AZ29" s="102">
        <v>6</v>
      </c>
      <c r="BA29" s="102">
        <v>4</v>
      </c>
      <c r="BB29" s="102">
        <v>1</v>
      </c>
      <c r="BC29" s="102">
        <v>1</v>
      </c>
      <c r="BD29" s="103">
        <v>17</v>
      </c>
      <c r="BE29" s="104">
        <v>31</v>
      </c>
      <c r="BF29" s="101">
        <v>4</v>
      </c>
      <c r="BG29" s="102">
        <v>2</v>
      </c>
      <c r="BH29" s="103">
        <v>6</v>
      </c>
      <c r="BI29" s="412">
        <v>0</v>
      </c>
      <c r="BJ29" s="102">
        <v>7</v>
      </c>
      <c r="BK29" s="102">
        <v>10</v>
      </c>
      <c r="BL29" s="102">
        <v>8</v>
      </c>
      <c r="BM29" s="102">
        <v>4</v>
      </c>
      <c r="BN29" s="102">
        <v>4</v>
      </c>
      <c r="BO29" s="103">
        <v>33</v>
      </c>
      <c r="BP29" s="104">
        <v>39</v>
      </c>
      <c r="BQ29" s="101">
        <v>12</v>
      </c>
      <c r="BR29" s="102">
        <v>5</v>
      </c>
      <c r="BS29" s="103">
        <v>17</v>
      </c>
      <c r="BT29" s="412">
        <v>0</v>
      </c>
      <c r="BU29" s="102">
        <v>8</v>
      </c>
      <c r="BV29" s="102">
        <v>3</v>
      </c>
      <c r="BW29" s="102">
        <v>5</v>
      </c>
      <c r="BX29" s="102">
        <v>4</v>
      </c>
      <c r="BY29" s="102">
        <v>3</v>
      </c>
      <c r="BZ29" s="103">
        <v>23</v>
      </c>
      <c r="CA29" s="104">
        <v>40</v>
      </c>
      <c r="CB29" s="101">
        <v>0</v>
      </c>
      <c r="CC29" s="102">
        <v>0</v>
      </c>
      <c r="CD29" s="103">
        <v>0</v>
      </c>
      <c r="CE29" s="412">
        <v>0</v>
      </c>
      <c r="CF29" s="102">
        <v>0</v>
      </c>
      <c r="CG29" s="102">
        <v>0</v>
      </c>
      <c r="CH29" s="102">
        <v>0</v>
      </c>
      <c r="CI29" s="102">
        <v>0</v>
      </c>
      <c r="CJ29" s="102">
        <v>0</v>
      </c>
      <c r="CK29" s="103">
        <v>0</v>
      </c>
      <c r="CL29" s="104">
        <v>0</v>
      </c>
      <c r="CM29" s="101">
        <v>23</v>
      </c>
      <c r="CN29" s="102">
        <v>16</v>
      </c>
      <c r="CO29" s="103">
        <v>39</v>
      </c>
      <c r="CP29" s="412">
        <v>0</v>
      </c>
      <c r="CQ29" s="102">
        <v>23</v>
      </c>
      <c r="CR29" s="102">
        <v>19</v>
      </c>
      <c r="CS29" s="102">
        <v>18</v>
      </c>
      <c r="CT29" s="102">
        <v>10</v>
      </c>
      <c r="CU29" s="102">
        <v>8</v>
      </c>
      <c r="CV29" s="103">
        <v>78</v>
      </c>
      <c r="CW29" s="104">
        <v>117</v>
      </c>
      <c r="CX29" s="105">
        <v>3</v>
      </c>
      <c r="CY29" s="97">
        <v>2</v>
      </c>
      <c r="CZ29" s="98">
        <v>5</v>
      </c>
      <c r="DA29" s="412">
        <v>0</v>
      </c>
      <c r="DB29" s="97">
        <v>2</v>
      </c>
      <c r="DC29" s="97">
        <v>2</v>
      </c>
      <c r="DD29" s="97">
        <v>4</v>
      </c>
      <c r="DE29" s="97">
        <v>1</v>
      </c>
      <c r="DF29" s="97">
        <v>0</v>
      </c>
      <c r="DG29" s="99">
        <v>9</v>
      </c>
      <c r="DH29" s="100">
        <v>14</v>
      </c>
      <c r="DI29" s="101">
        <v>0</v>
      </c>
      <c r="DJ29" s="102">
        <v>0</v>
      </c>
      <c r="DK29" s="103">
        <v>0</v>
      </c>
      <c r="DL29" s="412">
        <v>0</v>
      </c>
      <c r="DM29" s="102">
        <v>0</v>
      </c>
      <c r="DN29" s="102">
        <v>0</v>
      </c>
      <c r="DO29" s="102">
        <v>0</v>
      </c>
      <c r="DP29" s="102">
        <v>0</v>
      </c>
      <c r="DQ29" s="102">
        <v>0</v>
      </c>
      <c r="DR29" s="103">
        <v>0</v>
      </c>
      <c r="DS29" s="104">
        <v>0</v>
      </c>
      <c r="DT29" s="101">
        <v>1</v>
      </c>
      <c r="DU29" s="102">
        <v>0</v>
      </c>
      <c r="DV29" s="103">
        <v>1</v>
      </c>
      <c r="DW29" s="412">
        <v>0</v>
      </c>
      <c r="DX29" s="102">
        <v>0</v>
      </c>
      <c r="DY29" s="102">
        <v>0</v>
      </c>
      <c r="DZ29" s="102">
        <v>0</v>
      </c>
      <c r="EA29" s="102">
        <v>1</v>
      </c>
      <c r="EB29" s="102">
        <v>0</v>
      </c>
      <c r="EC29" s="103">
        <v>1</v>
      </c>
      <c r="ED29" s="104">
        <v>2</v>
      </c>
      <c r="EE29" s="101">
        <v>1</v>
      </c>
      <c r="EF29" s="102">
        <v>0</v>
      </c>
      <c r="EG29" s="103">
        <v>1</v>
      </c>
      <c r="EH29" s="412">
        <v>0</v>
      </c>
      <c r="EI29" s="102">
        <v>0</v>
      </c>
      <c r="EJ29" s="102">
        <v>0</v>
      </c>
      <c r="EK29" s="102">
        <v>0</v>
      </c>
      <c r="EL29" s="102">
        <v>0</v>
      </c>
      <c r="EM29" s="102">
        <v>0</v>
      </c>
      <c r="EN29" s="103">
        <v>0</v>
      </c>
      <c r="EO29" s="104">
        <v>1</v>
      </c>
      <c r="EP29" s="101">
        <v>0</v>
      </c>
      <c r="EQ29" s="102">
        <v>0</v>
      </c>
      <c r="ER29" s="103">
        <v>0</v>
      </c>
      <c r="ES29" s="412">
        <v>0</v>
      </c>
      <c r="ET29" s="102">
        <v>1</v>
      </c>
      <c r="EU29" s="102">
        <v>1</v>
      </c>
      <c r="EV29" s="102">
        <v>1</v>
      </c>
      <c r="EW29" s="102">
        <v>0</v>
      </c>
      <c r="EX29" s="102">
        <v>0</v>
      </c>
      <c r="EY29" s="103">
        <v>3</v>
      </c>
      <c r="EZ29" s="104">
        <v>3</v>
      </c>
      <c r="FA29" s="101">
        <v>0</v>
      </c>
      <c r="FB29" s="102">
        <v>0</v>
      </c>
      <c r="FC29" s="103">
        <v>0</v>
      </c>
      <c r="FD29" s="412">
        <v>0</v>
      </c>
      <c r="FE29" s="102">
        <v>0</v>
      </c>
      <c r="FF29" s="102">
        <v>1</v>
      </c>
      <c r="FG29" s="102">
        <v>0</v>
      </c>
      <c r="FH29" s="102">
        <v>0</v>
      </c>
      <c r="FI29" s="102">
        <v>0</v>
      </c>
      <c r="FJ29" s="103">
        <v>1</v>
      </c>
      <c r="FK29" s="104">
        <v>1</v>
      </c>
      <c r="FL29" s="101">
        <v>1</v>
      </c>
      <c r="FM29" s="102">
        <v>2</v>
      </c>
      <c r="FN29" s="103">
        <v>3</v>
      </c>
      <c r="FO29" s="412">
        <v>0</v>
      </c>
      <c r="FP29" s="102">
        <v>1</v>
      </c>
      <c r="FQ29" s="102">
        <v>0</v>
      </c>
      <c r="FR29" s="102">
        <v>3</v>
      </c>
      <c r="FS29" s="102">
        <v>0</v>
      </c>
      <c r="FT29" s="102">
        <v>0</v>
      </c>
      <c r="FU29" s="103">
        <v>4</v>
      </c>
      <c r="FV29" s="104">
        <v>7</v>
      </c>
      <c r="FW29" s="101">
        <v>0</v>
      </c>
      <c r="FX29" s="102">
        <v>0</v>
      </c>
      <c r="FY29" s="103">
        <v>0</v>
      </c>
      <c r="FZ29" s="412">
        <v>0</v>
      </c>
      <c r="GA29" s="102">
        <v>0</v>
      </c>
      <c r="GB29" s="102">
        <v>0</v>
      </c>
      <c r="GC29" s="102">
        <v>0</v>
      </c>
      <c r="GD29" s="102">
        <v>0</v>
      </c>
      <c r="GE29" s="102">
        <v>0</v>
      </c>
      <c r="GF29" s="103">
        <v>0</v>
      </c>
      <c r="GG29" s="104">
        <v>0</v>
      </c>
      <c r="GH29" s="101">
        <v>3</v>
      </c>
      <c r="GI29" s="102">
        <v>2</v>
      </c>
      <c r="GJ29" s="103">
        <v>5</v>
      </c>
      <c r="GK29" s="412">
        <v>0</v>
      </c>
      <c r="GL29" s="102">
        <v>2</v>
      </c>
      <c r="GM29" s="102">
        <v>2</v>
      </c>
      <c r="GN29" s="102">
        <v>4</v>
      </c>
      <c r="GO29" s="102">
        <v>1</v>
      </c>
      <c r="GP29" s="102">
        <v>0</v>
      </c>
      <c r="GQ29" s="103">
        <v>9</v>
      </c>
      <c r="GR29" s="104">
        <v>14</v>
      </c>
      <c r="GS29" s="105">
        <v>26</v>
      </c>
      <c r="GT29" s="97">
        <v>18</v>
      </c>
      <c r="GU29" s="98">
        <v>44</v>
      </c>
      <c r="GV29" s="412">
        <v>0</v>
      </c>
      <c r="GW29" s="97">
        <v>25</v>
      </c>
      <c r="GX29" s="97">
        <v>21</v>
      </c>
      <c r="GY29" s="97">
        <v>22</v>
      </c>
      <c r="GZ29" s="97">
        <v>11</v>
      </c>
      <c r="HA29" s="97">
        <v>8</v>
      </c>
      <c r="HB29" s="99">
        <v>87</v>
      </c>
      <c r="HC29" s="100">
        <v>131</v>
      </c>
      <c r="HD29" s="101">
        <v>0</v>
      </c>
      <c r="HE29" s="102">
        <v>0</v>
      </c>
      <c r="HF29" s="103">
        <v>0</v>
      </c>
      <c r="HG29" s="412">
        <v>0</v>
      </c>
      <c r="HH29" s="102">
        <v>0</v>
      </c>
      <c r="HI29" s="102">
        <v>0</v>
      </c>
      <c r="HJ29" s="102">
        <v>0</v>
      </c>
      <c r="HK29" s="102">
        <v>1</v>
      </c>
      <c r="HL29" s="102">
        <v>0</v>
      </c>
      <c r="HM29" s="103">
        <v>1</v>
      </c>
      <c r="HN29" s="104">
        <v>1</v>
      </c>
      <c r="HO29" s="101">
        <v>1</v>
      </c>
      <c r="HP29" s="102">
        <v>0</v>
      </c>
      <c r="HQ29" s="103">
        <v>1</v>
      </c>
      <c r="HR29" s="412">
        <v>0</v>
      </c>
      <c r="HS29" s="102">
        <v>2</v>
      </c>
      <c r="HT29" s="102">
        <v>0</v>
      </c>
      <c r="HU29" s="102">
        <v>0</v>
      </c>
      <c r="HV29" s="102">
        <v>1</v>
      </c>
      <c r="HW29" s="102">
        <v>0</v>
      </c>
      <c r="HX29" s="103">
        <v>3</v>
      </c>
      <c r="HY29" s="104">
        <v>4</v>
      </c>
      <c r="HZ29" s="101">
        <v>1</v>
      </c>
      <c r="IA29" s="102">
        <v>2</v>
      </c>
      <c r="IB29" s="103">
        <v>3</v>
      </c>
      <c r="IC29" s="412">
        <v>0</v>
      </c>
      <c r="ID29" s="102">
        <v>1</v>
      </c>
      <c r="IE29" s="102">
        <v>0</v>
      </c>
      <c r="IF29" s="102">
        <v>1</v>
      </c>
      <c r="IG29" s="102">
        <v>0</v>
      </c>
      <c r="IH29" s="102">
        <v>0</v>
      </c>
      <c r="II29" s="103">
        <v>2</v>
      </c>
      <c r="IJ29" s="104">
        <v>5</v>
      </c>
      <c r="IK29" s="101">
        <v>7</v>
      </c>
      <c r="IL29" s="102">
        <v>7</v>
      </c>
      <c r="IM29" s="103">
        <v>14</v>
      </c>
      <c r="IN29" s="412">
        <v>0</v>
      </c>
      <c r="IO29" s="102">
        <v>6</v>
      </c>
      <c r="IP29" s="102">
        <v>7</v>
      </c>
      <c r="IQ29" s="102">
        <v>5</v>
      </c>
      <c r="IR29" s="102">
        <v>1</v>
      </c>
      <c r="IS29" s="102">
        <v>1</v>
      </c>
      <c r="IT29" s="103">
        <v>20</v>
      </c>
      <c r="IU29" s="104">
        <v>34</v>
      </c>
      <c r="IV29" s="101">
        <v>4</v>
      </c>
      <c r="IW29" s="102">
        <v>2</v>
      </c>
      <c r="IX29" s="103">
        <v>6</v>
      </c>
      <c r="IY29" s="412">
        <v>0</v>
      </c>
      <c r="IZ29" s="102">
        <v>7</v>
      </c>
      <c r="JA29" s="102">
        <v>11</v>
      </c>
      <c r="JB29" s="102">
        <v>8</v>
      </c>
      <c r="JC29" s="102">
        <v>4</v>
      </c>
      <c r="JD29" s="102">
        <v>4</v>
      </c>
      <c r="JE29" s="103">
        <v>34</v>
      </c>
      <c r="JF29" s="104">
        <v>40</v>
      </c>
      <c r="JG29" s="101">
        <v>13</v>
      </c>
      <c r="JH29" s="102">
        <v>7</v>
      </c>
      <c r="JI29" s="103">
        <v>20</v>
      </c>
      <c r="JJ29" s="412">
        <v>0</v>
      </c>
      <c r="JK29" s="102">
        <v>9</v>
      </c>
      <c r="JL29" s="102">
        <v>3</v>
      </c>
      <c r="JM29" s="102">
        <v>8</v>
      </c>
      <c r="JN29" s="102">
        <v>4</v>
      </c>
      <c r="JO29" s="102">
        <v>3</v>
      </c>
      <c r="JP29" s="103">
        <v>27</v>
      </c>
      <c r="JQ29" s="104">
        <v>47</v>
      </c>
      <c r="JR29" s="101">
        <v>0</v>
      </c>
      <c r="JS29" s="102">
        <v>0</v>
      </c>
      <c r="JT29" s="103">
        <v>0</v>
      </c>
      <c r="JU29" s="412">
        <v>0</v>
      </c>
      <c r="JV29" s="102">
        <v>0</v>
      </c>
      <c r="JW29" s="102">
        <v>0</v>
      </c>
      <c r="JX29" s="102">
        <v>0</v>
      </c>
      <c r="JY29" s="102">
        <v>0</v>
      </c>
      <c r="JZ29" s="102">
        <v>0</v>
      </c>
      <c r="KA29" s="103">
        <v>0</v>
      </c>
      <c r="KB29" s="104">
        <v>0</v>
      </c>
      <c r="KC29" s="101">
        <v>26</v>
      </c>
      <c r="KD29" s="102">
        <v>18</v>
      </c>
      <c r="KE29" s="103">
        <v>44</v>
      </c>
      <c r="KF29" s="412">
        <v>0</v>
      </c>
      <c r="KG29" s="102">
        <v>25</v>
      </c>
      <c r="KH29" s="102">
        <v>21</v>
      </c>
      <c r="KI29" s="102">
        <v>22</v>
      </c>
      <c r="KJ29" s="102">
        <v>11</v>
      </c>
      <c r="KK29" s="102">
        <v>8</v>
      </c>
      <c r="KL29" s="103">
        <v>87</v>
      </c>
      <c r="KM29" s="104">
        <v>131</v>
      </c>
    </row>
    <row r="30" spans="2:299" s="70" customFormat="1" ht="21" customHeight="1" x14ac:dyDescent="0.2">
      <c r="B30" s="106" t="s">
        <v>27</v>
      </c>
      <c r="C30" s="96">
        <v>24</v>
      </c>
      <c r="D30" s="97">
        <v>24</v>
      </c>
      <c r="E30" s="98">
        <v>48</v>
      </c>
      <c r="F30" s="412">
        <v>0</v>
      </c>
      <c r="G30" s="97">
        <v>24</v>
      </c>
      <c r="H30" s="97">
        <v>17</v>
      </c>
      <c r="I30" s="97">
        <v>9</v>
      </c>
      <c r="J30" s="97">
        <v>15</v>
      </c>
      <c r="K30" s="97">
        <v>9</v>
      </c>
      <c r="L30" s="99">
        <v>74</v>
      </c>
      <c r="M30" s="100">
        <v>122</v>
      </c>
      <c r="N30" s="101">
        <v>0</v>
      </c>
      <c r="O30" s="102">
        <v>0</v>
      </c>
      <c r="P30" s="103">
        <v>0</v>
      </c>
      <c r="Q30" s="412">
        <v>0</v>
      </c>
      <c r="R30" s="102">
        <v>0</v>
      </c>
      <c r="S30" s="102">
        <v>0</v>
      </c>
      <c r="T30" s="102">
        <v>0</v>
      </c>
      <c r="U30" s="102">
        <v>0</v>
      </c>
      <c r="V30" s="102">
        <v>1</v>
      </c>
      <c r="W30" s="103">
        <v>1</v>
      </c>
      <c r="X30" s="104">
        <v>1</v>
      </c>
      <c r="Y30" s="101">
        <v>1</v>
      </c>
      <c r="Z30" s="102">
        <v>2</v>
      </c>
      <c r="AA30" s="103">
        <v>3</v>
      </c>
      <c r="AB30" s="412">
        <v>0</v>
      </c>
      <c r="AC30" s="102">
        <v>2</v>
      </c>
      <c r="AD30" s="102">
        <v>0</v>
      </c>
      <c r="AE30" s="102">
        <v>0</v>
      </c>
      <c r="AF30" s="102">
        <v>0</v>
      </c>
      <c r="AG30" s="102">
        <v>1</v>
      </c>
      <c r="AH30" s="103">
        <v>3</v>
      </c>
      <c r="AI30" s="104">
        <v>6</v>
      </c>
      <c r="AJ30" s="101">
        <v>2</v>
      </c>
      <c r="AK30" s="102">
        <v>4</v>
      </c>
      <c r="AL30" s="103">
        <v>6</v>
      </c>
      <c r="AM30" s="412">
        <v>0</v>
      </c>
      <c r="AN30" s="102">
        <v>0</v>
      </c>
      <c r="AO30" s="102">
        <v>1</v>
      </c>
      <c r="AP30" s="102">
        <v>0</v>
      </c>
      <c r="AQ30" s="102">
        <v>0</v>
      </c>
      <c r="AR30" s="102">
        <v>1</v>
      </c>
      <c r="AS30" s="103">
        <v>2</v>
      </c>
      <c r="AT30" s="104">
        <v>8</v>
      </c>
      <c r="AU30" s="101">
        <v>5</v>
      </c>
      <c r="AV30" s="102">
        <v>3</v>
      </c>
      <c r="AW30" s="103">
        <v>8</v>
      </c>
      <c r="AX30" s="412">
        <v>0</v>
      </c>
      <c r="AY30" s="102">
        <v>4</v>
      </c>
      <c r="AZ30" s="102">
        <v>4</v>
      </c>
      <c r="BA30" s="102">
        <v>4</v>
      </c>
      <c r="BB30" s="102">
        <v>2</v>
      </c>
      <c r="BC30" s="102">
        <v>1</v>
      </c>
      <c r="BD30" s="103">
        <v>15</v>
      </c>
      <c r="BE30" s="104">
        <v>23</v>
      </c>
      <c r="BF30" s="101">
        <v>9</v>
      </c>
      <c r="BG30" s="102">
        <v>7</v>
      </c>
      <c r="BH30" s="103">
        <v>16</v>
      </c>
      <c r="BI30" s="412">
        <v>0</v>
      </c>
      <c r="BJ30" s="102">
        <v>8</v>
      </c>
      <c r="BK30" s="102">
        <v>4</v>
      </c>
      <c r="BL30" s="102">
        <v>4</v>
      </c>
      <c r="BM30" s="102">
        <v>5</v>
      </c>
      <c r="BN30" s="102">
        <v>2</v>
      </c>
      <c r="BO30" s="103">
        <v>23</v>
      </c>
      <c r="BP30" s="104">
        <v>39</v>
      </c>
      <c r="BQ30" s="101">
        <v>7</v>
      </c>
      <c r="BR30" s="102">
        <v>8</v>
      </c>
      <c r="BS30" s="103">
        <v>15</v>
      </c>
      <c r="BT30" s="412">
        <v>0</v>
      </c>
      <c r="BU30" s="102">
        <v>10</v>
      </c>
      <c r="BV30" s="102">
        <v>8</v>
      </c>
      <c r="BW30" s="102">
        <v>1</v>
      </c>
      <c r="BX30" s="102">
        <v>8</v>
      </c>
      <c r="BY30" s="102">
        <v>3</v>
      </c>
      <c r="BZ30" s="103">
        <v>30</v>
      </c>
      <c r="CA30" s="104">
        <v>45</v>
      </c>
      <c r="CB30" s="101">
        <v>0</v>
      </c>
      <c r="CC30" s="102">
        <v>0</v>
      </c>
      <c r="CD30" s="103">
        <v>0</v>
      </c>
      <c r="CE30" s="412">
        <v>0</v>
      </c>
      <c r="CF30" s="102">
        <v>0</v>
      </c>
      <c r="CG30" s="102">
        <v>0</v>
      </c>
      <c r="CH30" s="102">
        <v>0</v>
      </c>
      <c r="CI30" s="102">
        <v>0</v>
      </c>
      <c r="CJ30" s="102">
        <v>0</v>
      </c>
      <c r="CK30" s="103">
        <v>0</v>
      </c>
      <c r="CL30" s="104">
        <v>0</v>
      </c>
      <c r="CM30" s="101">
        <v>24</v>
      </c>
      <c r="CN30" s="102">
        <v>24</v>
      </c>
      <c r="CO30" s="103">
        <v>48</v>
      </c>
      <c r="CP30" s="412">
        <v>0</v>
      </c>
      <c r="CQ30" s="102">
        <v>24</v>
      </c>
      <c r="CR30" s="102">
        <v>17</v>
      </c>
      <c r="CS30" s="102">
        <v>9</v>
      </c>
      <c r="CT30" s="102">
        <v>15</v>
      </c>
      <c r="CU30" s="102">
        <v>9</v>
      </c>
      <c r="CV30" s="103">
        <v>74</v>
      </c>
      <c r="CW30" s="104">
        <v>122</v>
      </c>
      <c r="CX30" s="105">
        <v>4</v>
      </c>
      <c r="CY30" s="97">
        <v>4</v>
      </c>
      <c r="CZ30" s="98">
        <v>8</v>
      </c>
      <c r="DA30" s="412">
        <v>0</v>
      </c>
      <c r="DB30" s="97">
        <v>3</v>
      </c>
      <c r="DC30" s="97">
        <v>1</v>
      </c>
      <c r="DD30" s="97">
        <v>2</v>
      </c>
      <c r="DE30" s="97">
        <v>3</v>
      </c>
      <c r="DF30" s="97">
        <v>1</v>
      </c>
      <c r="DG30" s="99">
        <v>10</v>
      </c>
      <c r="DH30" s="100">
        <v>18</v>
      </c>
      <c r="DI30" s="101">
        <v>0</v>
      </c>
      <c r="DJ30" s="102">
        <v>0</v>
      </c>
      <c r="DK30" s="103">
        <v>0</v>
      </c>
      <c r="DL30" s="412">
        <v>0</v>
      </c>
      <c r="DM30" s="102">
        <v>0</v>
      </c>
      <c r="DN30" s="102">
        <v>0</v>
      </c>
      <c r="DO30" s="102">
        <v>0</v>
      </c>
      <c r="DP30" s="102">
        <v>0</v>
      </c>
      <c r="DQ30" s="102">
        <v>0</v>
      </c>
      <c r="DR30" s="103">
        <v>0</v>
      </c>
      <c r="DS30" s="104">
        <v>0</v>
      </c>
      <c r="DT30" s="101">
        <v>0</v>
      </c>
      <c r="DU30" s="102">
        <v>0</v>
      </c>
      <c r="DV30" s="103">
        <v>0</v>
      </c>
      <c r="DW30" s="412">
        <v>0</v>
      </c>
      <c r="DX30" s="102">
        <v>0</v>
      </c>
      <c r="DY30" s="102">
        <v>0</v>
      </c>
      <c r="DZ30" s="102">
        <v>0</v>
      </c>
      <c r="EA30" s="102">
        <v>1</v>
      </c>
      <c r="EB30" s="102">
        <v>0</v>
      </c>
      <c r="EC30" s="103">
        <v>1</v>
      </c>
      <c r="ED30" s="104">
        <v>1</v>
      </c>
      <c r="EE30" s="101">
        <v>0</v>
      </c>
      <c r="EF30" s="102">
        <v>0</v>
      </c>
      <c r="EG30" s="103">
        <v>0</v>
      </c>
      <c r="EH30" s="412">
        <v>0</v>
      </c>
      <c r="EI30" s="102">
        <v>0</v>
      </c>
      <c r="EJ30" s="102">
        <v>0</v>
      </c>
      <c r="EK30" s="102">
        <v>0</v>
      </c>
      <c r="EL30" s="102">
        <v>0</v>
      </c>
      <c r="EM30" s="102">
        <v>0</v>
      </c>
      <c r="EN30" s="103">
        <v>0</v>
      </c>
      <c r="EO30" s="104">
        <v>0</v>
      </c>
      <c r="EP30" s="101">
        <v>1</v>
      </c>
      <c r="EQ30" s="102">
        <v>0</v>
      </c>
      <c r="ER30" s="103">
        <v>1</v>
      </c>
      <c r="ES30" s="412">
        <v>0</v>
      </c>
      <c r="ET30" s="102">
        <v>1</v>
      </c>
      <c r="EU30" s="102">
        <v>0</v>
      </c>
      <c r="EV30" s="102">
        <v>0</v>
      </c>
      <c r="EW30" s="102">
        <v>0</v>
      </c>
      <c r="EX30" s="102">
        <v>0</v>
      </c>
      <c r="EY30" s="103">
        <v>1</v>
      </c>
      <c r="EZ30" s="104">
        <v>2</v>
      </c>
      <c r="FA30" s="101">
        <v>0</v>
      </c>
      <c r="FB30" s="102">
        <v>1</v>
      </c>
      <c r="FC30" s="103">
        <v>1</v>
      </c>
      <c r="FD30" s="412">
        <v>0</v>
      </c>
      <c r="FE30" s="102">
        <v>2</v>
      </c>
      <c r="FF30" s="102">
        <v>1</v>
      </c>
      <c r="FG30" s="102">
        <v>0</v>
      </c>
      <c r="FH30" s="102">
        <v>0</v>
      </c>
      <c r="FI30" s="102">
        <v>0</v>
      </c>
      <c r="FJ30" s="103">
        <v>3</v>
      </c>
      <c r="FK30" s="104">
        <v>4</v>
      </c>
      <c r="FL30" s="101">
        <v>3</v>
      </c>
      <c r="FM30" s="102">
        <v>3</v>
      </c>
      <c r="FN30" s="103">
        <v>6</v>
      </c>
      <c r="FO30" s="412">
        <v>0</v>
      </c>
      <c r="FP30" s="102">
        <v>0</v>
      </c>
      <c r="FQ30" s="102">
        <v>0</v>
      </c>
      <c r="FR30" s="102">
        <v>2</v>
      </c>
      <c r="FS30" s="102">
        <v>2</v>
      </c>
      <c r="FT30" s="102">
        <v>1</v>
      </c>
      <c r="FU30" s="103">
        <v>5</v>
      </c>
      <c r="FV30" s="104">
        <v>11</v>
      </c>
      <c r="FW30" s="101">
        <v>0</v>
      </c>
      <c r="FX30" s="102">
        <v>0</v>
      </c>
      <c r="FY30" s="103">
        <v>0</v>
      </c>
      <c r="FZ30" s="412">
        <v>0</v>
      </c>
      <c r="GA30" s="102">
        <v>0</v>
      </c>
      <c r="GB30" s="102">
        <v>0</v>
      </c>
      <c r="GC30" s="102">
        <v>0</v>
      </c>
      <c r="GD30" s="102">
        <v>0</v>
      </c>
      <c r="GE30" s="102">
        <v>0</v>
      </c>
      <c r="GF30" s="103">
        <v>0</v>
      </c>
      <c r="GG30" s="104">
        <v>0</v>
      </c>
      <c r="GH30" s="101">
        <v>4</v>
      </c>
      <c r="GI30" s="102">
        <v>4</v>
      </c>
      <c r="GJ30" s="103">
        <v>8</v>
      </c>
      <c r="GK30" s="412">
        <v>0</v>
      </c>
      <c r="GL30" s="102">
        <v>3</v>
      </c>
      <c r="GM30" s="102">
        <v>1</v>
      </c>
      <c r="GN30" s="102">
        <v>2</v>
      </c>
      <c r="GO30" s="102">
        <v>3</v>
      </c>
      <c r="GP30" s="102">
        <v>1</v>
      </c>
      <c r="GQ30" s="103">
        <v>10</v>
      </c>
      <c r="GR30" s="104">
        <v>18</v>
      </c>
      <c r="GS30" s="105">
        <v>28</v>
      </c>
      <c r="GT30" s="97">
        <v>28</v>
      </c>
      <c r="GU30" s="98">
        <v>56</v>
      </c>
      <c r="GV30" s="412">
        <v>0</v>
      </c>
      <c r="GW30" s="97">
        <v>27</v>
      </c>
      <c r="GX30" s="97">
        <v>18</v>
      </c>
      <c r="GY30" s="97">
        <v>11</v>
      </c>
      <c r="GZ30" s="97">
        <v>18</v>
      </c>
      <c r="HA30" s="97">
        <v>10</v>
      </c>
      <c r="HB30" s="99">
        <v>84</v>
      </c>
      <c r="HC30" s="100">
        <v>140</v>
      </c>
      <c r="HD30" s="101">
        <v>0</v>
      </c>
      <c r="HE30" s="102">
        <v>0</v>
      </c>
      <c r="HF30" s="103">
        <v>0</v>
      </c>
      <c r="HG30" s="412">
        <v>0</v>
      </c>
      <c r="HH30" s="102">
        <v>0</v>
      </c>
      <c r="HI30" s="102">
        <v>0</v>
      </c>
      <c r="HJ30" s="102">
        <v>0</v>
      </c>
      <c r="HK30" s="102">
        <v>0</v>
      </c>
      <c r="HL30" s="102">
        <v>1</v>
      </c>
      <c r="HM30" s="103">
        <v>1</v>
      </c>
      <c r="HN30" s="104">
        <v>1</v>
      </c>
      <c r="HO30" s="101">
        <v>1</v>
      </c>
      <c r="HP30" s="102">
        <v>2</v>
      </c>
      <c r="HQ30" s="103">
        <v>3</v>
      </c>
      <c r="HR30" s="412">
        <v>0</v>
      </c>
      <c r="HS30" s="102">
        <v>2</v>
      </c>
      <c r="HT30" s="102">
        <v>0</v>
      </c>
      <c r="HU30" s="102">
        <v>0</v>
      </c>
      <c r="HV30" s="102">
        <v>1</v>
      </c>
      <c r="HW30" s="102">
        <v>1</v>
      </c>
      <c r="HX30" s="103">
        <v>4</v>
      </c>
      <c r="HY30" s="104">
        <v>7</v>
      </c>
      <c r="HZ30" s="101">
        <v>2</v>
      </c>
      <c r="IA30" s="102">
        <v>4</v>
      </c>
      <c r="IB30" s="103">
        <v>6</v>
      </c>
      <c r="IC30" s="412">
        <v>0</v>
      </c>
      <c r="ID30" s="102">
        <v>0</v>
      </c>
      <c r="IE30" s="102">
        <v>1</v>
      </c>
      <c r="IF30" s="102">
        <v>0</v>
      </c>
      <c r="IG30" s="102">
        <v>0</v>
      </c>
      <c r="IH30" s="102">
        <v>1</v>
      </c>
      <c r="II30" s="103">
        <v>2</v>
      </c>
      <c r="IJ30" s="104">
        <v>8</v>
      </c>
      <c r="IK30" s="101">
        <v>6</v>
      </c>
      <c r="IL30" s="102">
        <v>3</v>
      </c>
      <c r="IM30" s="103">
        <v>9</v>
      </c>
      <c r="IN30" s="412">
        <v>0</v>
      </c>
      <c r="IO30" s="102">
        <v>5</v>
      </c>
      <c r="IP30" s="102">
        <v>4</v>
      </c>
      <c r="IQ30" s="102">
        <v>4</v>
      </c>
      <c r="IR30" s="102">
        <v>2</v>
      </c>
      <c r="IS30" s="102">
        <v>1</v>
      </c>
      <c r="IT30" s="103">
        <v>16</v>
      </c>
      <c r="IU30" s="104">
        <v>25</v>
      </c>
      <c r="IV30" s="101">
        <v>9</v>
      </c>
      <c r="IW30" s="102">
        <v>8</v>
      </c>
      <c r="IX30" s="103">
        <v>17</v>
      </c>
      <c r="IY30" s="412">
        <v>0</v>
      </c>
      <c r="IZ30" s="102">
        <v>10</v>
      </c>
      <c r="JA30" s="102">
        <v>5</v>
      </c>
      <c r="JB30" s="102">
        <v>4</v>
      </c>
      <c r="JC30" s="102">
        <v>5</v>
      </c>
      <c r="JD30" s="102">
        <v>2</v>
      </c>
      <c r="JE30" s="103">
        <v>26</v>
      </c>
      <c r="JF30" s="104">
        <v>43</v>
      </c>
      <c r="JG30" s="101">
        <v>10</v>
      </c>
      <c r="JH30" s="102">
        <v>11</v>
      </c>
      <c r="JI30" s="103">
        <v>21</v>
      </c>
      <c r="JJ30" s="412">
        <v>0</v>
      </c>
      <c r="JK30" s="102">
        <v>10</v>
      </c>
      <c r="JL30" s="102">
        <v>8</v>
      </c>
      <c r="JM30" s="102">
        <v>3</v>
      </c>
      <c r="JN30" s="102">
        <v>10</v>
      </c>
      <c r="JO30" s="102">
        <v>4</v>
      </c>
      <c r="JP30" s="103">
        <v>35</v>
      </c>
      <c r="JQ30" s="104">
        <v>56</v>
      </c>
      <c r="JR30" s="101">
        <v>0</v>
      </c>
      <c r="JS30" s="102">
        <v>0</v>
      </c>
      <c r="JT30" s="103">
        <v>0</v>
      </c>
      <c r="JU30" s="412">
        <v>0</v>
      </c>
      <c r="JV30" s="102">
        <v>0</v>
      </c>
      <c r="JW30" s="102">
        <v>0</v>
      </c>
      <c r="JX30" s="102">
        <v>0</v>
      </c>
      <c r="JY30" s="102">
        <v>0</v>
      </c>
      <c r="JZ30" s="102">
        <v>0</v>
      </c>
      <c r="KA30" s="103">
        <v>0</v>
      </c>
      <c r="KB30" s="104">
        <v>0</v>
      </c>
      <c r="KC30" s="101">
        <v>28</v>
      </c>
      <c r="KD30" s="102">
        <v>28</v>
      </c>
      <c r="KE30" s="103">
        <v>56</v>
      </c>
      <c r="KF30" s="412">
        <v>0</v>
      </c>
      <c r="KG30" s="102">
        <v>27</v>
      </c>
      <c r="KH30" s="102">
        <v>18</v>
      </c>
      <c r="KI30" s="102">
        <v>11</v>
      </c>
      <c r="KJ30" s="102">
        <v>18</v>
      </c>
      <c r="KK30" s="102">
        <v>10</v>
      </c>
      <c r="KL30" s="103">
        <v>84</v>
      </c>
      <c r="KM30" s="104">
        <v>140</v>
      </c>
    </row>
    <row r="31" spans="2:299" s="70" customFormat="1" ht="21" customHeight="1" x14ac:dyDescent="0.2">
      <c r="B31" s="106" t="s">
        <v>28</v>
      </c>
      <c r="C31" s="96">
        <v>1</v>
      </c>
      <c r="D31" s="97">
        <v>5</v>
      </c>
      <c r="E31" s="98">
        <v>6</v>
      </c>
      <c r="F31" s="412">
        <v>0</v>
      </c>
      <c r="G31" s="97">
        <v>11</v>
      </c>
      <c r="H31" s="97">
        <v>8</v>
      </c>
      <c r="I31" s="97">
        <v>3</v>
      </c>
      <c r="J31" s="97">
        <v>1</v>
      </c>
      <c r="K31" s="97">
        <v>1</v>
      </c>
      <c r="L31" s="99">
        <v>24</v>
      </c>
      <c r="M31" s="100">
        <v>30</v>
      </c>
      <c r="N31" s="101">
        <v>0</v>
      </c>
      <c r="O31" s="102">
        <v>0</v>
      </c>
      <c r="P31" s="103">
        <v>0</v>
      </c>
      <c r="Q31" s="412">
        <v>0</v>
      </c>
      <c r="R31" s="102">
        <v>0</v>
      </c>
      <c r="S31" s="102">
        <v>0</v>
      </c>
      <c r="T31" s="102">
        <v>0</v>
      </c>
      <c r="U31" s="102">
        <v>0</v>
      </c>
      <c r="V31" s="102">
        <v>0</v>
      </c>
      <c r="W31" s="103">
        <v>0</v>
      </c>
      <c r="X31" s="104">
        <v>0</v>
      </c>
      <c r="Y31" s="101">
        <v>0</v>
      </c>
      <c r="Z31" s="102">
        <v>0</v>
      </c>
      <c r="AA31" s="103">
        <v>0</v>
      </c>
      <c r="AB31" s="412">
        <v>0</v>
      </c>
      <c r="AC31" s="102">
        <v>1</v>
      </c>
      <c r="AD31" s="102">
        <v>0</v>
      </c>
      <c r="AE31" s="102">
        <v>0</v>
      </c>
      <c r="AF31" s="102">
        <v>0</v>
      </c>
      <c r="AG31" s="102">
        <v>0</v>
      </c>
      <c r="AH31" s="103">
        <v>1</v>
      </c>
      <c r="AI31" s="104">
        <v>1</v>
      </c>
      <c r="AJ31" s="101">
        <v>0</v>
      </c>
      <c r="AK31" s="102">
        <v>1</v>
      </c>
      <c r="AL31" s="103">
        <v>1</v>
      </c>
      <c r="AM31" s="412">
        <v>0</v>
      </c>
      <c r="AN31" s="102">
        <v>2</v>
      </c>
      <c r="AO31" s="102">
        <v>2</v>
      </c>
      <c r="AP31" s="102">
        <v>0</v>
      </c>
      <c r="AQ31" s="102">
        <v>0</v>
      </c>
      <c r="AR31" s="102">
        <v>0</v>
      </c>
      <c r="AS31" s="103">
        <v>4</v>
      </c>
      <c r="AT31" s="104">
        <v>5</v>
      </c>
      <c r="AU31" s="101">
        <v>1</v>
      </c>
      <c r="AV31" s="102">
        <v>2</v>
      </c>
      <c r="AW31" s="103">
        <v>3</v>
      </c>
      <c r="AX31" s="412">
        <v>0</v>
      </c>
      <c r="AY31" s="102">
        <v>2</v>
      </c>
      <c r="AZ31" s="102">
        <v>2</v>
      </c>
      <c r="BA31" s="102">
        <v>0</v>
      </c>
      <c r="BB31" s="102">
        <v>0</v>
      </c>
      <c r="BC31" s="102">
        <v>0</v>
      </c>
      <c r="BD31" s="103">
        <v>4</v>
      </c>
      <c r="BE31" s="104">
        <v>7</v>
      </c>
      <c r="BF31" s="101">
        <v>0</v>
      </c>
      <c r="BG31" s="102">
        <v>2</v>
      </c>
      <c r="BH31" s="103">
        <v>2</v>
      </c>
      <c r="BI31" s="412">
        <v>0</v>
      </c>
      <c r="BJ31" s="102">
        <v>4</v>
      </c>
      <c r="BK31" s="102">
        <v>3</v>
      </c>
      <c r="BL31" s="102">
        <v>1</v>
      </c>
      <c r="BM31" s="102">
        <v>0</v>
      </c>
      <c r="BN31" s="102">
        <v>0</v>
      </c>
      <c r="BO31" s="103">
        <v>8</v>
      </c>
      <c r="BP31" s="104">
        <v>10</v>
      </c>
      <c r="BQ31" s="101">
        <v>0</v>
      </c>
      <c r="BR31" s="102">
        <v>0</v>
      </c>
      <c r="BS31" s="103">
        <v>0</v>
      </c>
      <c r="BT31" s="412">
        <v>0</v>
      </c>
      <c r="BU31" s="102">
        <v>2</v>
      </c>
      <c r="BV31" s="102">
        <v>1</v>
      </c>
      <c r="BW31" s="102">
        <v>2</v>
      </c>
      <c r="BX31" s="102">
        <v>1</v>
      </c>
      <c r="BY31" s="102">
        <v>1</v>
      </c>
      <c r="BZ31" s="103">
        <v>7</v>
      </c>
      <c r="CA31" s="104">
        <v>7</v>
      </c>
      <c r="CB31" s="101">
        <v>0</v>
      </c>
      <c r="CC31" s="102">
        <v>0</v>
      </c>
      <c r="CD31" s="103">
        <v>0</v>
      </c>
      <c r="CE31" s="412">
        <v>0</v>
      </c>
      <c r="CF31" s="102">
        <v>0</v>
      </c>
      <c r="CG31" s="102">
        <v>0</v>
      </c>
      <c r="CH31" s="102">
        <v>0</v>
      </c>
      <c r="CI31" s="102">
        <v>0</v>
      </c>
      <c r="CJ31" s="102">
        <v>0</v>
      </c>
      <c r="CK31" s="103">
        <v>0</v>
      </c>
      <c r="CL31" s="104">
        <v>0</v>
      </c>
      <c r="CM31" s="101">
        <v>1</v>
      </c>
      <c r="CN31" s="102">
        <v>5</v>
      </c>
      <c r="CO31" s="103">
        <v>6</v>
      </c>
      <c r="CP31" s="412">
        <v>0</v>
      </c>
      <c r="CQ31" s="102">
        <v>11</v>
      </c>
      <c r="CR31" s="102">
        <v>8</v>
      </c>
      <c r="CS31" s="102">
        <v>3</v>
      </c>
      <c r="CT31" s="102">
        <v>1</v>
      </c>
      <c r="CU31" s="102">
        <v>1</v>
      </c>
      <c r="CV31" s="103">
        <v>24</v>
      </c>
      <c r="CW31" s="104">
        <v>30</v>
      </c>
      <c r="CX31" s="105">
        <v>0</v>
      </c>
      <c r="CY31" s="97">
        <v>0</v>
      </c>
      <c r="CZ31" s="98">
        <v>0</v>
      </c>
      <c r="DA31" s="412">
        <v>0</v>
      </c>
      <c r="DB31" s="97">
        <v>1</v>
      </c>
      <c r="DC31" s="97">
        <v>1</v>
      </c>
      <c r="DD31" s="97">
        <v>0</v>
      </c>
      <c r="DE31" s="97">
        <v>2</v>
      </c>
      <c r="DF31" s="97">
        <v>1</v>
      </c>
      <c r="DG31" s="99">
        <v>5</v>
      </c>
      <c r="DH31" s="100">
        <v>5</v>
      </c>
      <c r="DI31" s="101">
        <v>0</v>
      </c>
      <c r="DJ31" s="102">
        <v>0</v>
      </c>
      <c r="DK31" s="103">
        <v>0</v>
      </c>
      <c r="DL31" s="412">
        <v>0</v>
      </c>
      <c r="DM31" s="102">
        <v>0</v>
      </c>
      <c r="DN31" s="102">
        <v>0</v>
      </c>
      <c r="DO31" s="102">
        <v>0</v>
      </c>
      <c r="DP31" s="102">
        <v>0</v>
      </c>
      <c r="DQ31" s="102">
        <v>0</v>
      </c>
      <c r="DR31" s="103">
        <v>0</v>
      </c>
      <c r="DS31" s="104">
        <v>0</v>
      </c>
      <c r="DT31" s="101">
        <v>0</v>
      </c>
      <c r="DU31" s="102">
        <v>0</v>
      </c>
      <c r="DV31" s="103">
        <v>0</v>
      </c>
      <c r="DW31" s="412">
        <v>0</v>
      </c>
      <c r="DX31" s="102">
        <v>0</v>
      </c>
      <c r="DY31" s="102">
        <v>0</v>
      </c>
      <c r="DZ31" s="102">
        <v>0</v>
      </c>
      <c r="EA31" s="102">
        <v>1</v>
      </c>
      <c r="EB31" s="102">
        <v>0</v>
      </c>
      <c r="EC31" s="103">
        <v>1</v>
      </c>
      <c r="ED31" s="104">
        <v>1</v>
      </c>
      <c r="EE31" s="101">
        <v>0</v>
      </c>
      <c r="EF31" s="102">
        <v>0</v>
      </c>
      <c r="EG31" s="103">
        <v>0</v>
      </c>
      <c r="EH31" s="412">
        <v>0</v>
      </c>
      <c r="EI31" s="102">
        <v>0</v>
      </c>
      <c r="EJ31" s="102">
        <v>0</v>
      </c>
      <c r="EK31" s="102">
        <v>0</v>
      </c>
      <c r="EL31" s="102">
        <v>0</v>
      </c>
      <c r="EM31" s="102">
        <v>0</v>
      </c>
      <c r="EN31" s="103">
        <v>0</v>
      </c>
      <c r="EO31" s="104">
        <v>0</v>
      </c>
      <c r="EP31" s="101">
        <v>0</v>
      </c>
      <c r="EQ31" s="102">
        <v>0</v>
      </c>
      <c r="ER31" s="103">
        <v>0</v>
      </c>
      <c r="ES31" s="412">
        <v>0</v>
      </c>
      <c r="ET31" s="102">
        <v>0</v>
      </c>
      <c r="EU31" s="102">
        <v>0</v>
      </c>
      <c r="EV31" s="102">
        <v>0</v>
      </c>
      <c r="EW31" s="102">
        <v>0</v>
      </c>
      <c r="EX31" s="102">
        <v>0</v>
      </c>
      <c r="EY31" s="103">
        <v>0</v>
      </c>
      <c r="EZ31" s="104">
        <v>0</v>
      </c>
      <c r="FA31" s="101">
        <v>0</v>
      </c>
      <c r="FB31" s="102">
        <v>0</v>
      </c>
      <c r="FC31" s="103">
        <v>0</v>
      </c>
      <c r="FD31" s="412">
        <v>0</v>
      </c>
      <c r="FE31" s="102">
        <v>1</v>
      </c>
      <c r="FF31" s="102">
        <v>1</v>
      </c>
      <c r="FG31" s="102">
        <v>0</v>
      </c>
      <c r="FH31" s="102">
        <v>0</v>
      </c>
      <c r="FI31" s="102">
        <v>1</v>
      </c>
      <c r="FJ31" s="103">
        <v>3</v>
      </c>
      <c r="FK31" s="104">
        <v>3</v>
      </c>
      <c r="FL31" s="101">
        <v>0</v>
      </c>
      <c r="FM31" s="102">
        <v>0</v>
      </c>
      <c r="FN31" s="103">
        <v>0</v>
      </c>
      <c r="FO31" s="412">
        <v>0</v>
      </c>
      <c r="FP31" s="102">
        <v>0</v>
      </c>
      <c r="FQ31" s="102">
        <v>0</v>
      </c>
      <c r="FR31" s="102">
        <v>0</v>
      </c>
      <c r="FS31" s="102">
        <v>1</v>
      </c>
      <c r="FT31" s="102">
        <v>0</v>
      </c>
      <c r="FU31" s="103">
        <v>1</v>
      </c>
      <c r="FV31" s="104">
        <v>1</v>
      </c>
      <c r="FW31" s="101">
        <v>0</v>
      </c>
      <c r="FX31" s="102">
        <v>0</v>
      </c>
      <c r="FY31" s="103">
        <v>0</v>
      </c>
      <c r="FZ31" s="412">
        <v>0</v>
      </c>
      <c r="GA31" s="102">
        <v>0</v>
      </c>
      <c r="GB31" s="102">
        <v>0</v>
      </c>
      <c r="GC31" s="102">
        <v>0</v>
      </c>
      <c r="GD31" s="102">
        <v>0</v>
      </c>
      <c r="GE31" s="102">
        <v>0</v>
      </c>
      <c r="GF31" s="103">
        <v>0</v>
      </c>
      <c r="GG31" s="104">
        <v>0</v>
      </c>
      <c r="GH31" s="101">
        <v>0</v>
      </c>
      <c r="GI31" s="102">
        <v>0</v>
      </c>
      <c r="GJ31" s="103">
        <v>0</v>
      </c>
      <c r="GK31" s="412">
        <v>0</v>
      </c>
      <c r="GL31" s="102">
        <v>1</v>
      </c>
      <c r="GM31" s="102">
        <v>1</v>
      </c>
      <c r="GN31" s="102">
        <v>0</v>
      </c>
      <c r="GO31" s="102">
        <v>2</v>
      </c>
      <c r="GP31" s="102">
        <v>1</v>
      </c>
      <c r="GQ31" s="103">
        <v>5</v>
      </c>
      <c r="GR31" s="104">
        <v>5</v>
      </c>
      <c r="GS31" s="105">
        <v>1</v>
      </c>
      <c r="GT31" s="97">
        <v>5</v>
      </c>
      <c r="GU31" s="98">
        <v>6</v>
      </c>
      <c r="GV31" s="412">
        <v>0</v>
      </c>
      <c r="GW31" s="97">
        <v>12</v>
      </c>
      <c r="GX31" s="97">
        <v>9</v>
      </c>
      <c r="GY31" s="97">
        <v>3</v>
      </c>
      <c r="GZ31" s="97">
        <v>3</v>
      </c>
      <c r="HA31" s="97">
        <v>2</v>
      </c>
      <c r="HB31" s="99">
        <v>29</v>
      </c>
      <c r="HC31" s="100">
        <v>35</v>
      </c>
      <c r="HD31" s="101">
        <v>0</v>
      </c>
      <c r="HE31" s="102">
        <v>0</v>
      </c>
      <c r="HF31" s="103">
        <v>0</v>
      </c>
      <c r="HG31" s="412">
        <v>0</v>
      </c>
      <c r="HH31" s="102">
        <v>0</v>
      </c>
      <c r="HI31" s="102">
        <v>0</v>
      </c>
      <c r="HJ31" s="102">
        <v>0</v>
      </c>
      <c r="HK31" s="102">
        <v>0</v>
      </c>
      <c r="HL31" s="102">
        <v>0</v>
      </c>
      <c r="HM31" s="103">
        <v>0</v>
      </c>
      <c r="HN31" s="104">
        <v>0</v>
      </c>
      <c r="HO31" s="101">
        <v>0</v>
      </c>
      <c r="HP31" s="102">
        <v>0</v>
      </c>
      <c r="HQ31" s="103">
        <v>0</v>
      </c>
      <c r="HR31" s="412">
        <v>0</v>
      </c>
      <c r="HS31" s="102">
        <v>1</v>
      </c>
      <c r="HT31" s="102">
        <v>0</v>
      </c>
      <c r="HU31" s="102">
        <v>0</v>
      </c>
      <c r="HV31" s="102">
        <v>1</v>
      </c>
      <c r="HW31" s="102">
        <v>0</v>
      </c>
      <c r="HX31" s="103">
        <v>2</v>
      </c>
      <c r="HY31" s="104">
        <v>2</v>
      </c>
      <c r="HZ31" s="101">
        <v>0</v>
      </c>
      <c r="IA31" s="102">
        <v>1</v>
      </c>
      <c r="IB31" s="103">
        <v>1</v>
      </c>
      <c r="IC31" s="412">
        <v>0</v>
      </c>
      <c r="ID31" s="102">
        <v>2</v>
      </c>
      <c r="IE31" s="102">
        <v>2</v>
      </c>
      <c r="IF31" s="102">
        <v>0</v>
      </c>
      <c r="IG31" s="102">
        <v>0</v>
      </c>
      <c r="IH31" s="102">
        <v>0</v>
      </c>
      <c r="II31" s="103">
        <v>4</v>
      </c>
      <c r="IJ31" s="104">
        <v>5</v>
      </c>
      <c r="IK31" s="101">
        <v>1</v>
      </c>
      <c r="IL31" s="102">
        <v>2</v>
      </c>
      <c r="IM31" s="103">
        <v>3</v>
      </c>
      <c r="IN31" s="412">
        <v>0</v>
      </c>
      <c r="IO31" s="102">
        <v>2</v>
      </c>
      <c r="IP31" s="102">
        <v>2</v>
      </c>
      <c r="IQ31" s="102">
        <v>0</v>
      </c>
      <c r="IR31" s="102">
        <v>0</v>
      </c>
      <c r="IS31" s="102">
        <v>0</v>
      </c>
      <c r="IT31" s="103">
        <v>4</v>
      </c>
      <c r="IU31" s="104">
        <v>7</v>
      </c>
      <c r="IV31" s="101">
        <v>0</v>
      </c>
      <c r="IW31" s="102">
        <v>2</v>
      </c>
      <c r="IX31" s="103">
        <v>2</v>
      </c>
      <c r="IY31" s="412">
        <v>0</v>
      </c>
      <c r="IZ31" s="102">
        <v>5</v>
      </c>
      <c r="JA31" s="102">
        <v>4</v>
      </c>
      <c r="JB31" s="102">
        <v>1</v>
      </c>
      <c r="JC31" s="102">
        <v>0</v>
      </c>
      <c r="JD31" s="102">
        <v>1</v>
      </c>
      <c r="JE31" s="103">
        <v>11</v>
      </c>
      <c r="JF31" s="104">
        <v>13</v>
      </c>
      <c r="JG31" s="101">
        <v>0</v>
      </c>
      <c r="JH31" s="102">
        <v>0</v>
      </c>
      <c r="JI31" s="103">
        <v>0</v>
      </c>
      <c r="JJ31" s="412">
        <v>0</v>
      </c>
      <c r="JK31" s="102">
        <v>2</v>
      </c>
      <c r="JL31" s="102">
        <v>1</v>
      </c>
      <c r="JM31" s="102">
        <v>2</v>
      </c>
      <c r="JN31" s="102">
        <v>2</v>
      </c>
      <c r="JO31" s="102">
        <v>1</v>
      </c>
      <c r="JP31" s="103">
        <v>8</v>
      </c>
      <c r="JQ31" s="104">
        <v>8</v>
      </c>
      <c r="JR31" s="101">
        <v>0</v>
      </c>
      <c r="JS31" s="102">
        <v>0</v>
      </c>
      <c r="JT31" s="103">
        <v>0</v>
      </c>
      <c r="JU31" s="412">
        <v>0</v>
      </c>
      <c r="JV31" s="102">
        <v>0</v>
      </c>
      <c r="JW31" s="102">
        <v>0</v>
      </c>
      <c r="JX31" s="102">
        <v>0</v>
      </c>
      <c r="JY31" s="102">
        <v>0</v>
      </c>
      <c r="JZ31" s="102">
        <v>0</v>
      </c>
      <c r="KA31" s="103">
        <v>0</v>
      </c>
      <c r="KB31" s="104">
        <v>0</v>
      </c>
      <c r="KC31" s="101">
        <v>1</v>
      </c>
      <c r="KD31" s="102">
        <v>5</v>
      </c>
      <c r="KE31" s="103">
        <v>6</v>
      </c>
      <c r="KF31" s="412">
        <v>0</v>
      </c>
      <c r="KG31" s="102">
        <v>12</v>
      </c>
      <c r="KH31" s="102">
        <v>9</v>
      </c>
      <c r="KI31" s="102">
        <v>3</v>
      </c>
      <c r="KJ31" s="102">
        <v>3</v>
      </c>
      <c r="KK31" s="102">
        <v>2</v>
      </c>
      <c r="KL31" s="103">
        <v>29</v>
      </c>
      <c r="KM31" s="104">
        <v>35</v>
      </c>
    </row>
    <row r="32" spans="2:299" s="70" customFormat="1" ht="21" customHeight="1" x14ac:dyDescent="0.2">
      <c r="B32" s="106" t="s">
        <v>29</v>
      </c>
      <c r="C32" s="96">
        <v>6</v>
      </c>
      <c r="D32" s="97">
        <v>2</v>
      </c>
      <c r="E32" s="98">
        <v>8</v>
      </c>
      <c r="F32" s="412">
        <v>0</v>
      </c>
      <c r="G32" s="97">
        <v>2</v>
      </c>
      <c r="H32" s="97">
        <v>4</v>
      </c>
      <c r="I32" s="97">
        <v>4</v>
      </c>
      <c r="J32" s="97">
        <v>2</v>
      </c>
      <c r="K32" s="97">
        <v>4</v>
      </c>
      <c r="L32" s="99">
        <v>16</v>
      </c>
      <c r="M32" s="100">
        <v>24</v>
      </c>
      <c r="N32" s="101">
        <v>0</v>
      </c>
      <c r="O32" s="102">
        <v>0</v>
      </c>
      <c r="P32" s="103">
        <v>0</v>
      </c>
      <c r="Q32" s="412">
        <v>0</v>
      </c>
      <c r="R32" s="102">
        <v>0</v>
      </c>
      <c r="S32" s="102">
        <v>0</v>
      </c>
      <c r="T32" s="102">
        <v>1</v>
      </c>
      <c r="U32" s="102">
        <v>0</v>
      </c>
      <c r="V32" s="102">
        <v>0</v>
      </c>
      <c r="W32" s="103">
        <v>1</v>
      </c>
      <c r="X32" s="104">
        <v>1</v>
      </c>
      <c r="Y32" s="101">
        <v>0</v>
      </c>
      <c r="Z32" s="102">
        <v>0</v>
      </c>
      <c r="AA32" s="103">
        <v>0</v>
      </c>
      <c r="AB32" s="412">
        <v>0</v>
      </c>
      <c r="AC32" s="102">
        <v>0</v>
      </c>
      <c r="AD32" s="102">
        <v>0</v>
      </c>
      <c r="AE32" s="102">
        <v>0</v>
      </c>
      <c r="AF32" s="102">
        <v>0</v>
      </c>
      <c r="AG32" s="102">
        <v>0</v>
      </c>
      <c r="AH32" s="103">
        <v>0</v>
      </c>
      <c r="AI32" s="104">
        <v>0</v>
      </c>
      <c r="AJ32" s="101">
        <v>1</v>
      </c>
      <c r="AK32" s="102">
        <v>0</v>
      </c>
      <c r="AL32" s="103">
        <v>1</v>
      </c>
      <c r="AM32" s="412">
        <v>0</v>
      </c>
      <c r="AN32" s="102">
        <v>0</v>
      </c>
      <c r="AO32" s="102">
        <v>0</v>
      </c>
      <c r="AP32" s="102">
        <v>0</v>
      </c>
      <c r="AQ32" s="102">
        <v>0</v>
      </c>
      <c r="AR32" s="102">
        <v>2</v>
      </c>
      <c r="AS32" s="103">
        <v>2</v>
      </c>
      <c r="AT32" s="104">
        <v>3</v>
      </c>
      <c r="AU32" s="101">
        <v>3</v>
      </c>
      <c r="AV32" s="102">
        <v>1</v>
      </c>
      <c r="AW32" s="103">
        <v>4</v>
      </c>
      <c r="AX32" s="412">
        <v>0</v>
      </c>
      <c r="AY32" s="102">
        <v>1</v>
      </c>
      <c r="AZ32" s="102">
        <v>0</v>
      </c>
      <c r="BA32" s="102">
        <v>0</v>
      </c>
      <c r="BB32" s="102">
        <v>1</v>
      </c>
      <c r="BC32" s="102">
        <v>0</v>
      </c>
      <c r="BD32" s="103">
        <v>2</v>
      </c>
      <c r="BE32" s="104">
        <v>6</v>
      </c>
      <c r="BF32" s="101">
        <v>1</v>
      </c>
      <c r="BG32" s="102">
        <v>1</v>
      </c>
      <c r="BH32" s="103">
        <v>2</v>
      </c>
      <c r="BI32" s="412">
        <v>0</v>
      </c>
      <c r="BJ32" s="102">
        <v>1</v>
      </c>
      <c r="BK32" s="102">
        <v>2</v>
      </c>
      <c r="BL32" s="102">
        <v>1</v>
      </c>
      <c r="BM32" s="102">
        <v>0</v>
      </c>
      <c r="BN32" s="102">
        <v>0</v>
      </c>
      <c r="BO32" s="103">
        <v>4</v>
      </c>
      <c r="BP32" s="104">
        <v>6</v>
      </c>
      <c r="BQ32" s="101">
        <v>1</v>
      </c>
      <c r="BR32" s="102">
        <v>0</v>
      </c>
      <c r="BS32" s="103">
        <v>1</v>
      </c>
      <c r="BT32" s="412">
        <v>0</v>
      </c>
      <c r="BU32" s="102">
        <v>0</v>
      </c>
      <c r="BV32" s="102">
        <v>2</v>
      </c>
      <c r="BW32" s="102">
        <v>2</v>
      </c>
      <c r="BX32" s="102">
        <v>1</v>
      </c>
      <c r="BY32" s="102">
        <v>2</v>
      </c>
      <c r="BZ32" s="103">
        <v>7</v>
      </c>
      <c r="CA32" s="104">
        <v>8</v>
      </c>
      <c r="CB32" s="101">
        <v>0</v>
      </c>
      <c r="CC32" s="102">
        <v>0</v>
      </c>
      <c r="CD32" s="103">
        <v>0</v>
      </c>
      <c r="CE32" s="412">
        <v>0</v>
      </c>
      <c r="CF32" s="102">
        <v>0</v>
      </c>
      <c r="CG32" s="102">
        <v>0</v>
      </c>
      <c r="CH32" s="102">
        <v>0</v>
      </c>
      <c r="CI32" s="102">
        <v>0</v>
      </c>
      <c r="CJ32" s="102">
        <v>0</v>
      </c>
      <c r="CK32" s="103">
        <v>0</v>
      </c>
      <c r="CL32" s="104">
        <v>0</v>
      </c>
      <c r="CM32" s="101">
        <v>6</v>
      </c>
      <c r="CN32" s="102">
        <v>2</v>
      </c>
      <c r="CO32" s="103">
        <v>8</v>
      </c>
      <c r="CP32" s="412">
        <v>0</v>
      </c>
      <c r="CQ32" s="102">
        <v>2</v>
      </c>
      <c r="CR32" s="102">
        <v>4</v>
      </c>
      <c r="CS32" s="102">
        <v>4</v>
      </c>
      <c r="CT32" s="102">
        <v>2</v>
      </c>
      <c r="CU32" s="102">
        <v>4</v>
      </c>
      <c r="CV32" s="103">
        <v>16</v>
      </c>
      <c r="CW32" s="104">
        <v>24</v>
      </c>
      <c r="CX32" s="105">
        <v>2</v>
      </c>
      <c r="CY32" s="97">
        <v>0</v>
      </c>
      <c r="CZ32" s="98">
        <v>2</v>
      </c>
      <c r="DA32" s="412">
        <v>0</v>
      </c>
      <c r="DB32" s="97">
        <v>1</v>
      </c>
      <c r="DC32" s="97">
        <v>2</v>
      </c>
      <c r="DD32" s="97">
        <v>0</v>
      </c>
      <c r="DE32" s="97">
        <v>2</v>
      </c>
      <c r="DF32" s="97">
        <v>0</v>
      </c>
      <c r="DG32" s="99">
        <v>5</v>
      </c>
      <c r="DH32" s="100">
        <v>7</v>
      </c>
      <c r="DI32" s="101">
        <v>0</v>
      </c>
      <c r="DJ32" s="102">
        <v>0</v>
      </c>
      <c r="DK32" s="103">
        <v>0</v>
      </c>
      <c r="DL32" s="412">
        <v>0</v>
      </c>
      <c r="DM32" s="102">
        <v>0</v>
      </c>
      <c r="DN32" s="102">
        <v>0</v>
      </c>
      <c r="DO32" s="102">
        <v>0</v>
      </c>
      <c r="DP32" s="102">
        <v>0</v>
      </c>
      <c r="DQ32" s="102">
        <v>0</v>
      </c>
      <c r="DR32" s="103">
        <v>0</v>
      </c>
      <c r="DS32" s="104">
        <v>0</v>
      </c>
      <c r="DT32" s="101">
        <v>0</v>
      </c>
      <c r="DU32" s="102">
        <v>0</v>
      </c>
      <c r="DV32" s="103">
        <v>0</v>
      </c>
      <c r="DW32" s="412">
        <v>0</v>
      </c>
      <c r="DX32" s="102">
        <v>0</v>
      </c>
      <c r="DY32" s="102">
        <v>1</v>
      </c>
      <c r="DZ32" s="102">
        <v>0</v>
      </c>
      <c r="EA32" s="102">
        <v>0</v>
      </c>
      <c r="EB32" s="102">
        <v>0</v>
      </c>
      <c r="EC32" s="103">
        <v>1</v>
      </c>
      <c r="ED32" s="104">
        <v>1</v>
      </c>
      <c r="EE32" s="101">
        <v>0</v>
      </c>
      <c r="EF32" s="102">
        <v>0</v>
      </c>
      <c r="EG32" s="103">
        <v>0</v>
      </c>
      <c r="EH32" s="412">
        <v>0</v>
      </c>
      <c r="EI32" s="102">
        <v>0</v>
      </c>
      <c r="EJ32" s="102">
        <v>0</v>
      </c>
      <c r="EK32" s="102">
        <v>0</v>
      </c>
      <c r="EL32" s="102">
        <v>0</v>
      </c>
      <c r="EM32" s="102">
        <v>0</v>
      </c>
      <c r="EN32" s="103">
        <v>0</v>
      </c>
      <c r="EO32" s="104">
        <v>0</v>
      </c>
      <c r="EP32" s="101">
        <v>2</v>
      </c>
      <c r="EQ32" s="102">
        <v>0</v>
      </c>
      <c r="ER32" s="103">
        <v>2</v>
      </c>
      <c r="ES32" s="412">
        <v>0</v>
      </c>
      <c r="ET32" s="102">
        <v>0</v>
      </c>
      <c r="EU32" s="102">
        <v>1</v>
      </c>
      <c r="EV32" s="102">
        <v>0</v>
      </c>
      <c r="EW32" s="102">
        <v>0</v>
      </c>
      <c r="EX32" s="102">
        <v>0</v>
      </c>
      <c r="EY32" s="103">
        <v>1</v>
      </c>
      <c r="EZ32" s="104">
        <v>3</v>
      </c>
      <c r="FA32" s="101">
        <v>0</v>
      </c>
      <c r="FB32" s="102">
        <v>0</v>
      </c>
      <c r="FC32" s="103">
        <v>0</v>
      </c>
      <c r="FD32" s="412">
        <v>0</v>
      </c>
      <c r="FE32" s="102">
        <v>0</v>
      </c>
      <c r="FF32" s="102">
        <v>0</v>
      </c>
      <c r="FG32" s="102">
        <v>0</v>
      </c>
      <c r="FH32" s="102">
        <v>0</v>
      </c>
      <c r="FI32" s="102">
        <v>0</v>
      </c>
      <c r="FJ32" s="103">
        <v>0</v>
      </c>
      <c r="FK32" s="104">
        <v>0</v>
      </c>
      <c r="FL32" s="101">
        <v>0</v>
      </c>
      <c r="FM32" s="102">
        <v>0</v>
      </c>
      <c r="FN32" s="103">
        <v>0</v>
      </c>
      <c r="FO32" s="412">
        <v>0</v>
      </c>
      <c r="FP32" s="102">
        <v>1</v>
      </c>
      <c r="FQ32" s="102">
        <v>0</v>
      </c>
      <c r="FR32" s="102">
        <v>0</v>
      </c>
      <c r="FS32" s="102">
        <v>2</v>
      </c>
      <c r="FT32" s="102">
        <v>0</v>
      </c>
      <c r="FU32" s="103">
        <v>3</v>
      </c>
      <c r="FV32" s="104">
        <v>3</v>
      </c>
      <c r="FW32" s="101">
        <v>0</v>
      </c>
      <c r="FX32" s="102">
        <v>0</v>
      </c>
      <c r="FY32" s="103">
        <v>0</v>
      </c>
      <c r="FZ32" s="412">
        <v>0</v>
      </c>
      <c r="GA32" s="102">
        <v>0</v>
      </c>
      <c r="GB32" s="102">
        <v>0</v>
      </c>
      <c r="GC32" s="102">
        <v>0</v>
      </c>
      <c r="GD32" s="102">
        <v>0</v>
      </c>
      <c r="GE32" s="102">
        <v>0</v>
      </c>
      <c r="GF32" s="103">
        <v>0</v>
      </c>
      <c r="GG32" s="104">
        <v>0</v>
      </c>
      <c r="GH32" s="101">
        <v>2</v>
      </c>
      <c r="GI32" s="102">
        <v>0</v>
      </c>
      <c r="GJ32" s="103">
        <v>2</v>
      </c>
      <c r="GK32" s="412">
        <v>0</v>
      </c>
      <c r="GL32" s="102">
        <v>1</v>
      </c>
      <c r="GM32" s="102">
        <v>2</v>
      </c>
      <c r="GN32" s="102">
        <v>0</v>
      </c>
      <c r="GO32" s="102">
        <v>2</v>
      </c>
      <c r="GP32" s="102">
        <v>0</v>
      </c>
      <c r="GQ32" s="103">
        <v>5</v>
      </c>
      <c r="GR32" s="104">
        <v>7</v>
      </c>
      <c r="GS32" s="105">
        <v>8</v>
      </c>
      <c r="GT32" s="97">
        <v>2</v>
      </c>
      <c r="GU32" s="98">
        <v>10</v>
      </c>
      <c r="GV32" s="412">
        <v>0</v>
      </c>
      <c r="GW32" s="97">
        <v>3</v>
      </c>
      <c r="GX32" s="97">
        <v>6</v>
      </c>
      <c r="GY32" s="97">
        <v>4</v>
      </c>
      <c r="GZ32" s="97">
        <v>4</v>
      </c>
      <c r="HA32" s="97">
        <v>4</v>
      </c>
      <c r="HB32" s="99">
        <v>21</v>
      </c>
      <c r="HC32" s="100">
        <v>31</v>
      </c>
      <c r="HD32" s="101">
        <v>0</v>
      </c>
      <c r="HE32" s="102">
        <v>0</v>
      </c>
      <c r="HF32" s="103">
        <v>0</v>
      </c>
      <c r="HG32" s="412">
        <v>0</v>
      </c>
      <c r="HH32" s="102">
        <v>0</v>
      </c>
      <c r="HI32" s="102">
        <v>0</v>
      </c>
      <c r="HJ32" s="102">
        <v>1</v>
      </c>
      <c r="HK32" s="102">
        <v>0</v>
      </c>
      <c r="HL32" s="102">
        <v>0</v>
      </c>
      <c r="HM32" s="103">
        <v>1</v>
      </c>
      <c r="HN32" s="104">
        <v>1</v>
      </c>
      <c r="HO32" s="101">
        <v>0</v>
      </c>
      <c r="HP32" s="102">
        <v>0</v>
      </c>
      <c r="HQ32" s="103">
        <v>0</v>
      </c>
      <c r="HR32" s="412">
        <v>0</v>
      </c>
      <c r="HS32" s="102">
        <v>0</v>
      </c>
      <c r="HT32" s="102">
        <v>1</v>
      </c>
      <c r="HU32" s="102">
        <v>0</v>
      </c>
      <c r="HV32" s="102">
        <v>0</v>
      </c>
      <c r="HW32" s="102">
        <v>0</v>
      </c>
      <c r="HX32" s="103">
        <v>1</v>
      </c>
      <c r="HY32" s="104">
        <v>1</v>
      </c>
      <c r="HZ32" s="101">
        <v>1</v>
      </c>
      <c r="IA32" s="102">
        <v>0</v>
      </c>
      <c r="IB32" s="103">
        <v>1</v>
      </c>
      <c r="IC32" s="412">
        <v>0</v>
      </c>
      <c r="ID32" s="102">
        <v>0</v>
      </c>
      <c r="IE32" s="102">
        <v>0</v>
      </c>
      <c r="IF32" s="102">
        <v>0</v>
      </c>
      <c r="IG32" s="102">
        <v>0</v>
      </c>
      <c r="IH32" s="102">
        <v>2</v>
      </c>
      <c r="II32" s="103">
        <v>2</v>
      </c>
      <c r="IJ32" s="104">
        <v>3</v>
      </c>
      <c r="IK32" s="101">
        <v>5</v>
      </c>
      <c r="IL32" s="102">
        <v>1</v>
      </c>
      <c r="IM32" s="103">
        <v>6</v>
      </c>
      <c r="IN32" s="412">
        <v>0</v>
      </c>
      <c r="IO32" s="102">
        <v>1</v>
      </c>
      <c r="IP32" s="102">
        <v>1</v>
      </c>
      <c r="IQ32" s="102">
        <v>0</v>
      </c>
      <c r="IR32" s="102">
        <v>1</v>
      </c>
      <c r="IS32" s="102">
        <v>0</v>
      </c>
      <c r="IT32" s="103">
        <v>3</v>
      </c>
      <c r="IU32" s="104">
        <v>9</v>
      </c>
      <c r="IV32" s="101">
        <v>1</v>
      </c>
      <c r="IW32" s="102">
        <v>1</v>
      </c>
      <c r="IX32" s="103">
        <v>2</v>
      </c>
      <c r="IY32" s="412">
        <v>0</v>
      </c>
      <c r="IZ32" s="102">
        <v>1</v>
      </c>
      <c r="JA32" s="102">
        <v>2</v>
      </c>
      <c r="JB32" s="102">
        <v>1</v>
      </c>
      <c r="JC32" s="102">
        <v>0</v>
      </c>
      <c r="JD32" s="102">
        <v>0</v>
      </c>
      <c r="JE32" s="103">
        <v>4</v>
      </c>
      <c r="JF32" s="104">
        <v>6</v>
      </c>
      <c r="JG32" s="101">
        <v>1</v>
      </c>
      <c r="JH32" s="102">
        <v>0</v>
      </c>
      <c r="JI32" s="103">
        <v>1</v>
      </c>
      <c r="JJ32" s="412">
        <v>0</v>
      </c>
      <c r="JK32" s="102">
        <v>1</v>
      </c>
      <c r="JL32" s="102">
        <v>2</v>
      </c>
      <c r="JM32" s="102">
        <v>2</v>
      </c>
      <c r="JN32" s="102">
        <v>3</v>
      </c>
      <c r="JO32" s="102">
        <v>2</v>
      </c>
      <c r="JP32" s="103">
        <v>10</v>
      </c>
      <c r="JQ32" s="104">
        <v>11</v>
      </c>
      <c r="JR32" s="101">
        <v>0</v>
      </c>
      <c r="JS32" s="102">
        <v>0</v>
      </c>
      <c r="JT32" s="103">
        <v>0</v>
      </c>
      <c r="JU32" s="412">
        <v>0</v>
      </c>
      <c r="JV32" s="102">
        <v>0</v>
      </c>
      <c r="JW32" s="102">
        <v>0</v>
      </c>
      <c r="JX32" s="102">
        <v>0</v>
      </c>
      <c r="JY32" s="102">
        <v>0</v>
      </c>
      <c r="JZ32" s="102">
        <v>0</v>
      </c>
      <c r="KA32" s="103">
        <v>0</v>
      </c>
      <c r="KB32" s="104">
        <v>0</v>
      </c>
      <c r="KC32" s="101">
        <v>8</v>
      </c>
      <c r="KD32" s="102">
        <v>2</v>
      </c>
      <c r="KE32" s="103">
        <v>10</v>
      </c>
      <c r="KF32" s="412">
        <v>0</v>
      </c>
      <c r="KG32" s="102">
        <v>3</v>
      </c>
      <c r="KH32" s="102">
        <v>6</v>
      </c>
      <c r="KI32" s="102">
        <v>4</v>
      </c>
      <c r="KJ32" s="102">
        <v>4</v>
      </c>
      <c r="KK32" s="102">
        <v>4</v>
      </c>
      <c r="KL32" s="103">
        <v>21</v>
      </c>
      <c r="KM32" s="104">
        <v>31</v>
      </c>
    </row>
    <row r="33" spans="2:299" s="70" customFormat="1" ht="21" customHeight="1" x14ac:dyDescent="0.2">
      <c r="B33" s="106" t="s">
        <v>30</v>
      </c>
      <c r="C33" s="96">
        <v>4</v>
      </c>
      <c r="D33" s="97">
        <v>2</v>
      </c>
      <c r="E33" s="98">
        <v>6</v>
      </c>
      <c r="F33" s="412">
        <v>0</v>
      </c>
      <c r="G33" s="97">
        <v>4</v>
      </c>
      <c r="H33" s="97">
        <v>2</v>
      </c>
      <c r="I33" s="97">
        <v>5</v>
      </c>
      <c r="J33" s="97">
        <v>5</v>
      </c>
      <c r="K33" s="97">
        <v>0</v>
      </c>
      <c r="L33" s="99">
        <v>16</v>
      </c>
      <c r="M33" s="100">
        <v>22</v>
      </c>
      <c r="N33" s="101">
        <v>0</v>
      </c>
      <c r="O33" s="102">
        <v>0</v>
      </c>
      <c r="P33" s="103">
        <v>0</v>
      </c>
      <c r="Q33" s="412">
        <v>0</v>
      </c>
      <c r="R33" s="102">
        <v>0</v>
      </c>
      <c r="S33" s="102">
        <v>0</v>
      </c>
      <c r="T33" s="102">
        <v>0</v>
      </c>
      <c r="U33" s="102">
        <v>0</v>
      </c>
      <c r="V33" s="102">
        <v>0</v>
      </c>
      <c r="W33" s="103">
        <v>0</v>
      </c>
      <c r="X33" s="104">
        <v>0</v>
      </c>
      <c r="Y33" s="101">
        <v>1</v>
      </c>
      <c r="Z33" s="102">
        <v>0</v>
      </c>
      <c r="AA33" s="103">
        <v>1</v>
      </c>
      <c r="AB33" s="412">
        <v>0</v>
      </c>
      <c r="AC33" s="102">
        <v>0</v>
      </c>
      <c r="AD33" s="102">
        <v>0</v>
      </c>
      <c r="AE33" s="102">
        <v>1</v>
      </c>
      <c r="AF33" s="102">
        <v>1</v>
      </c>
      <c r="AG33" s="102">
        <v>0</v>
      </c>
      <c r="AH33" s="103">
        <v>2</v>
      </c>
      <c r="AI33" s="104">
        <v>3</v>
      </c>
      <c r="AJ33" s="101">
        <v>0</v>
      </c>
      <c r="AK33" s="102">
        <v>0</v>
      </c>
      <c r="AL33" s="103">
        <v>0</v>
      </c>
      <c r="AM33" s="412">
        <v>0</v>
      </c>
      <c r="AN33" s="102">
        <v>0</v>
      </c>
      <c r="AO33" s="102">
        <v>0</v>
      </c>
      <c r="AP33" s="102">
        <v>0</v>
      </c>
      <c r="AQ33" s="102">
        <v>0</v>
      </c>
      <c r="AR33" s="102">
        <v>0</v>
      </c>
      <c r="AS33" s="103">
        <v>0</v>
      </c>
      <c r="AT33" s="104">
        <v>0</v>
      </c>
      <c r="AU33" s="101">
        <v>1</v>
      </c>
      <c r="AV33" s="102">
        <v>0</v>
      </c>
      <c r="AW33" s="103">
        <v>1</v>
      </c>
      <c r="AX33" s="412">
        <v>0</v>
      </c>
      <c r="AY33" s="102">
        <v>1</v>
      </c>
      <c r="AZ33" s="102">
        <v>0</v>
      </c>
      <c r="BA33" s="102">
        <v>1</v>
      </c>
      <c r="BB33" s="102">
        <v>1</v>
      </c>
      <c r="BC33" s="102">
        <v>0</v>
      </c>
      <c r="BD33" s="103">
        <v>3</v>
      </c>
      <c r="BE33" s="104">
        <v>4</v>
      </c>
      <c r="BF33" s="101">
        <v>1</v>
      </c>
      <c r="BG33" s="102">
        <v>1</v>
      </c>
      <c r="BH33" s="103">
        <v>2</v>
      </c>
      <c r="BI33" s="412">
        <v>0</v>
      </c>
      <c r="BJ33" s="102">
        <v>1</v>
      </c>
      <c r="BK33" s="102">
        <v>1</v>
      </c>
      <c r="BL33" s="102">
        <v>0</v>
      </c>
      <c r="BM33" s="102">
        <v>0</v>
      </c>
      <c r="BN33" s="102">
        <v>0</v>
      </c>
      <c r="BO33" s="103">
        <v>2</v>
      </c>
      <c r="BP33" s="104">
        <v>4</v>
      </c>
      <c r="BQ33" s="101">
        <v>1</v>
      </c>
      <c r="BR33" s="102">
        <v>1</v>
      </c>
      <c r="BS33" s="103">
        <v>2</v>
      </c>
      <c r="BT33" s="412">
        <v>0</v>
      </c>
      <c r="BU33" s="102">
        <v>2</v>
      </c>
      <c r="BV33" s="102">
        <v>1</v>
      </c>
      <c r="BW33" s="102">
        <v>3</v>
      </c>
      <c r="BX33" s="102">
        <v>3</v>
      </c>
      <c r="BY33" s="102">
        <v>0</v>
      </c>
      <c r="BZ33" s="103">
        <v>9</v>
      </c>
      <c r="CA33" s="104">
        <v>11</v>
      </c>
      <c r="CB33" s="101">
        <v>0</v>
      </c>
      <c r="CC33" s="102">
        <v>0</v>
      </c>
      <c r="CD33" s="103">
        <v>0</v>
      </c>
      <c r="CE33" s="412">
        <v>0</v>
      </c>
      <c r="CF33" s="102">
        <v>0</v>
      </c>
      <c r="CG33" s="102">
        <v>0</v>
      </c>
      <c r="CH33" s="102">
        <v>0</v>
      </c>
      <c r="CI33" s="102">
        <v>0</v>
      </c>
      <c r="CJ33" s="102">
        <v>0</v>
      </c>
      <c r="CK33" s="103">
        <v>0</v>
      </c>
      <c r="CL33" s="104">
        <v>0</v>
      </c>
      <c r="CM33" s="101">
        <v>4</v>
      </c>
      <c r="CN33" s="102">
        <v>2</v>
      </c>
      <c r="CO33" s="103">
        <v>6</v>
      </c>
      <c r="CP33" s="412">
        <v>0</v>
      </c>
      <c r="CQ33" s="102">
        <v>4</v>
      </c>
      <c r="CR33" s="102">
        <v>2</v>
      </c>
      <c r="CS33" s="102">
        <v>5</v>
      </c>
      <c r="CT33" s="102">
        <v>5</v>
      </c>
      <c r="CU33" s="102">
        <v>0</v>
      </c>
      <c r="CV33" s="103">
        <v>16</v>
      </c>
      <c r="CW33" s="104">
        <v>22</v>
      </c>
      <c r="CX33" s="105">
        <v>0</v>
      </c>
      <c r="CY33" s="97">
        <v>0</v>
      </c>
      <c r="CZ33" s="98">
        <v>0</v>
      </c>
      <c r="DA33" s="412">
        <v>0</v>
      </c>
      <c r="DB33" s="97">
        <v>1</v>
      </c>
      <c r="DC33" s="97">
        <v>2</v>
      </c>
      <c r="DD33" s="97">
        <v>0</v>
      </c>
      <c r="DE33" s="97">
        <v>1</v>
      </c>
      <c r="DF33" s="97">
        <v>1</v>
      </c>
      <c r="DG33" s="99">
        <v>5</v>
      </c>
      <c r="DH33" s="100">
        <v>5</v>
      </c>
      <c r="DI33" s="101">
        <v>0</v>
      </c>
      <c r="DJ33" s="102">
        <v>0</v>
      </c>
      <c r="DK33" s="103">
        <v>0</v>
      </c>
      <c r="DL33" s="412">
        <v>0</v>
      </c>
      <c r="DM33" s="102">
        <v>0</v>
      </c>
      <c r="DN33" s="102">
        <v>0</v>
      </c>
      <c r="DO33" s="102">
        <v>0</v>
      </c>
      <c r="DP33" s="102">
        <v>0</v>
      </c>
      <c r="DQ33" s="102">
        <v>0</v>
      </c>
      <c r="DR33" s="103">
        <v>0</v>
      </c>
      <c r="DS33" s="104">
        <v>0</v>
      </c>
      <c r="DT33" s="101">
        <v>0</v>
      </c>
      <c r="DU33" s="102">
        <v>0</v>
      </c>
      <c r="DV33" s="103">
        <v>0</v>
      </c>
      <c r="DW33" s="412">
        <v>0</v>
      </c>
      <c r="DX33" s="102">
        <v>0</v>
      </c>
      <c r="DY33" s="102">
        <v>0</v>
      </c>
      <c r="DZ33" s="102">
        <v>0</v>
      </c>
      <c r="EA33" s="102">
        <v>0</v>
      </c>
      <c r="EB33" s="102">
        <v>0</v>
      </c>
      <c r="EC33" s="103">
        <v>0</v>
      </c>
      <c r="ED33" s="104">
        <v>0</v>
      </c>
      <c r="EE33" s="101">
        <v>0</v>
      </c>
      <c r="EF33" s="102">
        <v>0</v>
      </c>
      <c r="EG33" s="103">
        <v>0</v>
      </c>
      <c r="EH33" s="412">
        <v>0</v>
      </c>
      <c r="EI33" s="102">
        <v>0</v>
      </c>
      <c r="EJ33" s="102">
        <v>0</v>
      </c>
      <c r="EK33" s="102">
        <v>0</v>
      </c>
      <c r="EL33" s="102">
        <v>0</v>
      </c>
      <c r="EM33" s="102">
        <v>0</v>
      </c>
      <c r="EN33" s="103">
        <v>0</v>
      </c>
      <c r="EO33" s="104">
        <v>0</v>
      </c>
      <c r="EP33" s="101">
        <v>0</v>
      </c>
      <c r="EQ33" s="102">
        <v>0</v>
      </c>
      <c r="ER33" s="103">
        <v>0</v>
      </c>
      <c r="ES33" s="412">
        <v>0</v>
      </c>
      <c r="ET33" s="102">
        <v>0</v>
      </c>
      <c r="EU33" s="102">
        <v>1</v>
      </c>
      <c r="EV33" s="102">
        <v>0</v>
      </c>
      <c r="EW33" s="102">
        <v>0</v>
      </c>
      <c r="EX33" s="102">
        <v>0</v>
      </c>
      <c r="EY33" s="103">
        <v>1</v>
      </c>
      <c r="EZ33" s="104">
        <v>1</v>
      </c>
      <c r="FA33" s="101">
        <v>0</v>
      </c>
      <c r="FB33" s="102">
        <v>0</v>
      </c>
      <c r="FC33" s="103">
        <v>0</v>
      </c>
      <c r="FD33" s="412">
        <v>0</v>
      </c>
      <c r="FE33" s="102">
        <v>1</v>
      </c>
      <c r="FF33" s="102">
        <v>0</v>
      </c>
      <c r="FG33" s="102">
        <v>0</v>
      </c>
      <c r="FH33" s="102">
        <v>0</v>
      </c>
      <c r="FI33" s="102">
        <v>0</v>
      </c>
      <c r="FJ33" s="103">
        <v>1</v>
      </c>
      <c r="FK33" s="104">
        <v>1</v>
      </c>
      <c r="FL33" s="101">
        <v>0</v>
      </c>
      <c r="FM33" s="102">
        <v>0</v>
      </c>
      <c r="FN33" s="103">
        <v>0</v>
      </c>
      <c r="FO33" s="412">
        <v>0</v>
      </c>
      <c r="FP33" s="102">
        <v>0</v>
      </c>
      <c r="FQ33" s="102">
        <v>1</v>
      </c>
      <c r="FR33" s="102">
        <v>0</v>
      </c>
      <c r="FS33" s="102">
        <v>1</v>
      </c>
      <c r="FT33" s="102">
        <v>1</v>
      </c>
      <c r="FU33" s="103">
        <v>3</v>
      </c>
      <c r="FV33" s="104">
        <v>3</v>
      </c>
      <c r="FW33" s="101">
        <v>0</v>
      </c>
      <c r="FX33" s="102">
        <v>0</v>
      </c>
      <c r="FY33" s="103">
        <v>0</v>
      </c>
      <c r="FZ33" s="412">
        <v>0</v>
      </c>
      <c r="GA33" s="102">
        <v>0</v>
      </c>
      <c r="GB33" s="102">
        <v>0</v>
      </c>
      <c r="GC33" s="102">
        <v>0</v>
      </c>
      <c r="GD33" s="102">
        <v>0</v>
      </c>
      <c r="GE33" s="102">
        <v>0</v>
      </c>
      <c r="GF33" s="103">
        <v>0</v>
      </c>
      <c r="GG33" s="104">
        <v>0</v>
      </c>
      <c r="GH33" s="101">
        <v>0</v>
      </c>
      <c r="GI33" s="102">
        <v>0</v>
      </c>
      <c r="GJ33" s="103">
        <v>0</v>
      </c>
      <c r="GK33" s="412">
        <v>0</v>
      </c>
      <c r="GL33" s="102">
        <v>1</v>
      </c>
      <c r="GM33" s="102">
        <v>2</v>
      </c>
      <c r="GN33" s="102">
        <v>0</v>
      </c>
      <c r="GO33" s="102">
        <v>1</v>
      </c>
      <c r="GP33" s="102">
        <v>1</v>
      </c>
      <c r="GQ33" s="103">
        <v>5</v>
      </c>
      <c r="GR33" s="104">
        <v>5</v>
      </c>
      <c r="GS33" s="105">
        <v>4</v>
      </c>
      <c r="GT33" s="97">
        <v>2</v>
      </c>
      <c r="GU33" s="98">
        <v>6</v>
      </c>
      <c r="GV33" s="412">
        <v>0</v>
      </c>
      <c r="GW33" s="97">
        <v>5</v>
      </c>
      <c r="GX33" s="97">
        <v>4</v>
      </c>
      <c r="GY33" s="97">
        <v>5</v>
      </c>
      <c r="GZ33" s="97">
        <v>6</v>
      </c>
      <c r="HA33" s="97">
        <v>1</v>
      </c>
      <c r="HB33" s="99">
        <v>21</v>
      </c>
      <c r="HC33" s="100">
        <v>27</v>
      </c>
      <c r="HD33" s="101">
        <v>0</v>
      </c>
      <c r="HE33" s="102">
        <v>0</v>
      </c>
      <c r="HF33" s="103">
        <v>0</v>
      </c>
      <c r="HG33" s="412">
        <v>0</v>
      </c>
      <c r="HH33" s="102">
        <v>0</v>
      </c>
      <c r="HI33" s="102">
        <v>0</v>
      </c>
      <c r="HJ33" s="102">
        <v>0</v>
      </c>
      <c r="HK33" s="102">
        <v>0</v>
      </c>
      <c r="HL33" s="102">
        <v>0</v>
      </c>
      <c r="HM33" s="103">
        <v>0</v>
      </c>
      <c r="HN33" s="104">
        <v>0</v>
      </c>
      <c r="HO33" s="101">
        <v>1</v>
      </c>
      <c r="HP33" s="102">
        <v>0</v>
      </c>
      <c r="HQ33" s="103">
        <v>1</v>
      </c>
      <c r="HR33" s="412">
        <v>0</v>
      </c>
      <c r="HS33" s="102">
        <v>0</v>
      </c>
      <c r="HT33" s="102">
        <v>0</v>
      </c>
      <c r="HU33" s="102">
        <v>1</v>
      </c>
      <c r="HV33" s="102">
        <v>1</v>
      </c>
      <c r="HW33" s="102">
        <v>0</v>
      </c>
      <c r="HX33" s="103">
        <v>2</v>
      </c>
      <c r="HY33" s="104">
        <v>3</v>
      </c>
      <c r="HZ33" s="101">
        <v>0</v>
      </c>
      <c r="IA33" s="102">
        <v>0</v>
      </c>
      <c r="IB33" s="103">
        <v>0</v>
      </c>
      <c r="IC33" s="412">
        <v>0</v>
      </c>
      <c r="ID33" s="102">
        <v>0</v>
      </c>
      <c r="IE33" s="102">
        <v>0</v>
      </c>
      <c r="IF33" s="102">
        <v>0</v>
      </c>
      <c r="IG33" s="102">
        <v>0</v>
      </c>
      <c r="IH33" s="102">
        <v>0</v>
      </c>
      <c r="II33" s="103">
        <v>0</v>
      </c>
      <c r="IJ33" s="104">
        <v>0</v>
      </c>
      <c r="IK33" s="101">
        <v>1</v>
      </c>
      <c r="IL33" s="102">
        <v>0</v>
      </c>
      <c r="IM33" s="103">
        <v>1</v>
      </c>
      <c r="IN33" s="412">
        <v>0</v>
      </c>
      <c r="IO33" s="102">
        <v>1</v>
      </c>
      <c r="IP33" s="102">
        <v>1</v>
      </c>
      <c r="IQ33" s="102">
        <v>1</v>
      </c>
      <c r="IR33" s="102">
        <v>1</v>
      </c>
      <c r="IS33" s="102">
        <v>0</v>
      </c>
      <c r="IT33" s="103">
        <v>4</v>
      </c>
      <c r="IU33" s="104">
        <v>5</v>
      </c>
      <c r="IV33" s="101">
        <v>1</v>
      </c>
      <c r="IW33" s="102">
        <v>1</v>
      </c>
      <c r="IX33" s="103">
        <v>2</v>
      </c>
      <c r="IY33" s="412">
        <v>0</v>
      </c>
      <c r="IZ33" s="102">
        <v>2</v>
      </c>
      <c r="JA33" s="102">
        <v>1</v>
      </c>
      <c r="JB33" s="102">
        <v>0</v>
      </c>
      <c r="JC33" s="102">
        <v>0</v>
      </c>
      <c r="JD33" s="102">
        <v>0</v>
      </c>
      <c r="JE33" s="103">
        <v>3</v>
      </c>
      <c r="JF33" s="104">
        <v>5</v>
      </c>
      <c r="JG33" s="101">
        <v>1</v>
      </c>
      <c r="JH33" s="102">
        <v>1</v>
      </c>
      <c r="JI33" s="103">
        <v>2</v>
      </c>
      <c r="JJ33" s="412">
        <v>0</v>
      </c>
      <c r="JK33" s="102">
        <v>2</v>
      </c>
      <c r="JL33" s="102">
        <v>2</v>
      </c>
      <c r="JM33" s="102">
        <v>3</v>
      </c>
      <c r="JN33" s="102">
        <v>4</v>
      </c>
      <c r="JO33" s="102">
        <v>1</v>
      </c>
      <c r="JP33" s="103">
        <v>12</v>
      </c>
      <c r="JQ33" s="104">
        <v>14</v>
      </c>
      <c r="JR33" s="101">
        <v>0</v>
      </c>
      <c r="JS33" s="102">
        <v>0</v>
      </c>
      <c r="JT33" s="103">
        <v>0</v>
      </c>
      <c r="JU33" s="412">
        <v>0</v>
      </c>
      <c r="JV33" s="102">
        <v>0</v>
      </c>
      <c r="JW33" s="102">
        <v>0</v>
      </c>
      <c r="JX33" s="102">
        <v>0</v>
      </c>
      <c r="JY33" s="102">
        <v>0</v>
      </c>
      <c r="JZ33" s="102">
        <v>0</v>
      </c>
      <c r="KA33" s="103">
        <v>0</v>
      </c>
      <c r="KB33" s="104">
        <v>0</v>
      </c>
      <c r="KC33" s="101">
        <v>4</v>
      </c>
      <c r="KD33" s="102">
        <v>2</v>
      </c>
      <c r="KE33" s="103">
        <v>6</v>
      </c>
      <c r="KF33" s="412">
        <v>0</v>
      </c>
      <c r="KG33" s="102">
        <v>5</v>
      </c>
      <c r="KH33" s="102">
        <v>4</v>
      </c>
      <c r="KI33" s="102">
        <v>5</v>
      </c>
      <c r="KJ33" s="102">
        <v>6</v>
      </c>
      <c r="KK33" s="102">
        <v>1</v>
      </c>
      <c r="KL33" s="103">
        <v>21</v>
      </c>
      <c r="KM33" s="104">
        <v>27</v>
      </c>
    </row>
    <row r="34" spans="2:299" s="70" customFormat="1" ht="21" customHeight="1" x14ac:dyDescent="0.2">
      <c r="B34" s="106" t="s">
        <v>31</v>
      </c>
      <c r="C34" s="96">
        <v>2</v>
      </c>
      <c r="D34" s="97">
        <v>8</v>
      </c>
      <c r="E34" s="98">
        <v>10</v>
      </c>
      <c r="F34" s="412">
        <v>0</v>
      </c>
      <c r="G34" s="97">
        <v>8</v>
      </c>
      <c r="H34" s="97">
        <v>3</v>
      </c>
      <c r="I34" s="97">
        <v>8</v>
      </c>
      <c r="J34" s="97">
        <v>4</v>
      </c>
      <c r="K34" s="97">
        <v>1</v>
      </c>
      <c r="L34" s="99">
        <v>24</v>
      </c>
      <c r="M34" s="100">
        <v>34</v>
      </c>
      <c r="N34" s="101">
        <v>0</v>
      </c>
      <c r="O34" s="102">
        <v>0</v>
      </c>
      <c r="P34" s="103">
        <v>0</v>
      </c>
      <c r="Q34" s="412">
        <v>0</v>
      </c>
      <c r="R34" s="102">
        <v>0</v>
      </c>
      <c r="S34" s="102">
        <v>0</v>
      </c>
      <c r="T34" s="102">
        <v>0</v>
      </c>
      <c r="U34" s="102">
        <v>1</v>
      </c>
      <c r="V34" s="102">
        <v>1</v>
      </c>
      <c r="W34" s="103">
        <v>2</v>
      </c>
      <c r="X34" s="104">
        <v>2</v>
      </c>
      <c r="Y34" s="101">
        <v>0</v>
      </c>
      <c r="Z34" s="102">
        <v>0</v>
      </c>
      <c r="AA34" s="103">
        <v>0</v>
      </c>
      <c r="AB34" s="412">
        <v>0</v>
      </c>
      <c r="AC34" s="102">
        <v>0</v>
      </c>
      <c r="AD34" s="102">
        <v>0</v>
      </c>
      <c r="AE34" s="102">
        <v>1</v>
      </c>
      <c r="AF34" s="102">
        <v>0</v>
      </c>
      <c r="AG34" s="102">
        <v>0</v>
      </c>
      <c r="AH34" s="103">
        <v>1</v>
      </c>
      <c r="AI34" s="104">
        <v>1</v>
      </c>
      <c r="AJ34" s="101">
        <v>0</v>
      </c>
      <c r="AK34" s="102">
        <v>1</v>
      </c>
      <c r="AL34" s="103">
        <v>1</v>
      </c>
      <c r="AM34" s="412">
        <v>0</v>
      </c>
      <c r="AN34" s="102">
        <v>0</v>
      </c>
      <c r="AO34" s="102">
        <v>0</v>
      </c>
      <c r="AP34" s="102">
        <v>1</v>
      </c>
      <c r="AQ34" s="102">
        <v>0</v>
      </c>
      <c r="AR34" s="102">
        <v>0</v>
      </c>
      <c r="AS34" s="103">
        <v>1</v>
      </c>
      <c r="AT34" s="104">
        <v>2</v>
      </c>
      <c r="AU34" s="101">
        <v>0</v>
      </c>
      <c r="AV34" s="102">
        <v>2</v>
      </c>
      <c r="AW34" s="103">
        <v>2</v>
      </c>
      <c r="AX34" s="412">
        <v>0</v>
      </c>
      <c r="AY34" s="102">
        <v>0</v>
      </c>
      <c r="AZ34" s="102">
        <v>0</v>
      </c>
      <c r="BA34" s="102">
        <v>1</v>
      </c>
      <c r="BB34" s="102">
        <v>1</v>
      </c>
      <c r="BC34" s="102">
        <v>0</v>
      </c>
      <c r="BD34" s="103">
        <v>2</v>
      </c>
      <c r="BE34" s="104">
        <v>4</v>
      </c>
      <c r="BF34" s="101">
        <v>0</v>
      </c>
      <c r="BG34" s="102">
        <v>2</v>
      </c>
      <c r="BH34" s="103">
        <v>2</v>
      </c>
      <c r="BI34" s="412">
        <v>0</v>
      </c>
      <c r="BJ34" s="102">
        <v>5</v>
      </c>
      <c r="BK34" s="102">
        <v>3</v>
      </c>
      <c r="BL34" s="102">
        <v>2</v>
      </c>
      <c r="BM34" s="102">
        <v>1</v>
      </c>
      <c r="BN34" s="102">
        <v>0</v>
      </c>
      <c r="BO34" s="103">
        <v>11</v>
      </c>
      <c r="BP34" s="104">
        <v>13</v>
      </c>
      <c r="BQ34" s="101">
        <v>2</v>
      </c>
      <c r="BR34" s="102">
        <v>3</v>
      </c>
      <c r="BS34" s="103">
        <v>5</v>
      </c>
      <c r="BT34" s="412">
        <v>0</v>
      </c>
      <c r="BU34" s="102">
        <v>3</v>
      </c>
      <c r="BV34" s="102">
        <v>0</v>
      </c>
      <c r="BW34" s="102">
        <v>3</v>
      </c>
      <c r="BX34" s="102">
        <v>1</v>
      </c>
      <c r="BY34" s="102">
        <v>0</v>
      </c>
      <c r="BZ34" s="103">
        <v>7</v>
      </c>
      <c r="CA34" s="104">
        <v>12</v>
      </c>
      <c r="CB34" s="101">
        <v>0</v>
      </c>
      <c r="CC34" s="102">
        <v>0</v>
      </c>
      <c r="CD34" s="103">
        <v>0</v>
      </c>
      <c r="CE34" s="412">
        <v>0</v>
      </c>
      <c r="CF34" s="102">
        <v>0</v>
      </c>
      <c r="CG34" s="102">
        <v>0</v>
      </c>
      <c r="CH34" s="102">
        <v>0</v>
      </c>
      <c r="CI34" s="102">
        <v>0</v>
      </c>
      <c r="CJ34" s="102">
        <v>0</v>
      </c>
      <c r="CK34" s="103">
        <v>0</v>
      </c>
      <c r="CL34" s="104">
        <v>0</v>
      </c>
      <c r="CM34" s="101">
        <v>2</v>
      </c>
      <c r="CN34" s="102">
        <v>8</v>
      </c>
      <c r="CO34" s="103">
        <v>10</v>
      </c>
      <c r="CP34" s="412">
        <v>0</v>
      </c>
      <c r="CQ34" s="102">
        <v>8</v>
      </c>
      <c r="CR34" s="102">
        <v>3</v>
      </c>
      <c r="CS34" s="102">
        <v>8</v>
      </c>
      <c r="CT34" s="102">
        <v>4</v>
      </c>
      <c r="CU34" s="102">
        <v>1</v>
      </c>
      <c r="CV34" s="103">
        <v>24</v>
      </c>
      <c r="CW34" s="104">
        <v>34</v>
      </c>
      <c r="CX34" s="105">
        <v>1</v>
      </c>
      <c r="CY34" s="97">
        <v>0</v>
      </c>
      <c r="CZ34" s="98">
        <v>1</v>
      </c>
      <c r="DA34" s="412">
        <v>0</v>
      </c>
      <c r="DB34" s="97">
        <v>2</v>
      </c>
      <c r="DC34" s="97">
        <v>1</v>
      </c>
      <c r="DD34" s="97">
        <v>0</v>
      </c>
      <c r="DE34" s="97">
        <v>1</v>
      </c>
      <c r="DF34" s="97">
        <v>1</v>
      </c>
      <c r="DG34" s="99">
        <v>5</v>
      </c>
      <c r="DH34" s="100">
        <v>6</v>
      </c>
      <c r="DI34" s="101">
        <v>0</v>
      </c>
      <c r="DJ34" s="102">
        <v>0</v>
      </c>
      <c r="DK34" s="103">
        <v>0</v>
      </c>
      <c r="DL34" s="412">
        <v>0</v>
      </c>
      <c r="DM34" s="102">
        <v>0</v>
      </c>
      <c r="DN34" s="102">
        <v>0</v>
      </c>
      <c r="DO34" s="102">
        <v>0</v>
      </c>
      <c r="DP34" s="102">
        <v>0</v>
      </c>
      <c r="DQ34" s="102">
        <v>0</v>
      </c>
      <c r="DR34" s="103">
        <v>0</v>
      </c>
      <c r="DS34" s="104">
        <v>0</v>
      </c>
      <c r="DT34" s="101">
        <v>0</v>
      </c>
      <c r="DU34" s="102">
        <v>0</v>
      </c>
      <c r="DV34" s="103">
        <v>0</v>
      </c>
      <c r="DW34" s="412">
        <v>0</v>
      </c>
      <c r="DX34" s="102">
        <v>0</v>
      </c>
      <c r="DY34" s="102">
        <v>0</v>
      </c>
      <c r="DZ34" s="102">
        <v>0</v>
      </c>
      <c r="EA34" s="102">
        <v>0</v>
      </c>
      <c r="EB34" s="102">
        <v>0</v>
      </c>
      <c r="EC34" s="103">
        <v>0</v>
      </c>
      <c r="ED34" s="104">
        <v>0</v>
      </c>
      <c r="EE34" s="101">
        <v>0</v>
      </c>
      <c r="EF34" s="102">
        <v>0</v>
      </c>
      <c r="EG34" s="103">
        <v>0</v>
      </c>
      <c r="EH34" s="412">
        <v>0</v>
      </c>
      <c r="EI34" s="102">
        <v>0</v>
      </c>
      <c r="EJ34" s="102">
        <v>0</v>
      </c>
      <c r="EK34" s="102">
        <v>0</v>
      </c>
      <c r="EL34" s="102">
        <v>0</v>
      </c>
      <c r="EM34" s="102">
        <v>0</v>
      </c>
      <c r="EN34" s="103">
        <v>0</v>
      </c>
      <c r="EO34" s="104">
        <v>0</v>
      </c>
      <c r="EP34" s="101">
        <v>1</v>
      </c>
      <c r="EQ34" s="102">
        <v>0</v>
      </c>
      <c r="ER34" s="103">
        <v>1</v>
      </c>
      <c r="ES34" s="412">
        <v>0</v>
      </c>
      <c r="ET34" s="102">
        <v>0</v>
      </c>
      <c r="EU34" s="102">
        <v>1</v>
      </c>
      <c r="EV34" s="102">
        <v>0</v>
      </c>
      <c r="EW34" s="102">
        <v>0</v>
      </c>
      <c r="EX34" s="102">
        <v>0</v>
      </c>
      <c r="EY34" s="103">
        <v>1</v>
      </c>
      <c r="EZ34" s="104">
        <v>2</v>
      </c>
      <c r="FA34" s="101">
        <v>0</v>
      </c>
      <c r="FB34" s="102">
        <v>0</v>
      </c>
      <c r="FC34" s="103">
        <v>0</v>
      </c>
      <c r="FD34" s="412">
        <v>0</v>
      </c>
      <c r="FE34" s="102">
        <v>0</v>
      </c>
      <c r="FF34" s="102">
        <v>0</v>
      </c>
      <c r="FG34" s="102">
        <v>0</v>
      </c>
      <c r="FH34" s="102">
        <v>0</v>
      </c>
      <c r="FI34" s="102">
        <v>0</v>
      </c>
      <c r="FJ34" s="103">
        <v>0</v>
      </c>
      <c r="FK34" s="104">
        <v>0</v>
      </c>
      <c r="FL34" s="101">
        <v>0</v>
      </c>
      <c r="FM34" s="102">
        <v>0</v>
      </c>
      <c r="FN34" s="103">
        <v>0</v>
      </c>
      <c r="FO34" s="412">
        <v>0</v>
      </c>
      <c r="FP34" s="102">
        <v>2</v>
      </c>
      <c r="FQ34" s="102">
        <v>0</v>
      </c>
      <c r="FR34" s="102">
        <v>0</v>
      </c>
      <c r="FS34" s="102">
        <v>1</v>
      </c>
      <c r="FT34" s="102">
        <v>1</v>
      </c>
      <c r="FU34" s="103">
        <v>4</v>
      </c>
      <c r="FV34" s="104">
        <v>4</v>
      </c>
      <c r="FW34" s="101">
        <v>0</v>
      </c>
      <c r="FX34" s="102">
        <v>0</v>
      </c>
      <c r="FY34" s="103">
        <v>0</v>
      </c>
      <c r="FZ34" s="412">
        <v>0</v>
      </c>
      <c r="GA34" s="102">
        <v>0</v>
      </c>
      <c r="GB34" s="102">
        <v>0</v>
      </c>
      <c r="GC34" s="102">
        <v>0</v>
      </c>
      <c r="GD34" s="102">
        <v>0</v>
      </c>
      <c r="GE34" s="102">
        <v>0</v>
      </c>
      <c r="GF34" s="103">
        <v>0</v>
      </c>
      <c r="GG34" s="104">
        <v>0</v>
      </c>
      <c r="GH34" s="101">
        <v>1</v>
      </c>
      <c r="GI34" s="102">
        <v>0</v>
      </c>
      <c r="GJ34" s="103">
        <v>1</v>
      </c>
      <c r="GK34" s="412">
        <v>0</v>
      </c>
      <c r="GL34" s="102">
        <v>2</v>
      </c>
      <c r="GM34" s="102">
        <v>1</v>
      </c>
      <c r="GN34" s="102">
        <v>0</v>
      </c>
      <c r="GO34" s="102">
        <v>1</v>
      </c>
      <c r="GP34" s="102">
        <v>1</v>
      </c>
      <c r="GQ34" s="103">
        <v>5</v>
      </c>
      <c r="GR34" s="104">
        <v>6</v>
      </c>
      <c r="GS34" s="105">
        <v>3</v>
      </c>
      <c r="GT34" s="97">
        <v>8</v>
      </c>
      <c r="GU34" s="98">
        <v>11</v>
      </c>
      <c r="GV34" s="412">
        <v>0</v>
      </c>
      <c r="GW34" s="97">
        <v>10</v>
      </c>
      <c r="GX34" s="97">
        <v>4</v>
      </c>
      <c r="GY34" s="97">
        <v>8</v>
      </c>
      <c r="GZ34" s="97">
        <v>5</v>
      </c>
      <c r="HA34" s="97">
        <v>2</v>
      </c>
      <c r="HB34" s="99">
        <v>29</v>
      </c>
      <c r="HC34" s="100">
        <v>40</v>
      </c>
      <c r="HD34" s="101">
        <v>0</v>
      </c>
      <c r="HE34" s="102">
        <v>0</v>
      </c>
      <c r="HF34" s="103">
        <v>0</v>
      </c>
      <c r="HG34" s="412">
        <v>0</v>
      </c>
      <c r="HH34" s="102">
        <v>0</v>
      </c>
      <c r="HI34" s="102">
        <v>0</v>
      </c>
      <c r="HJ34" s="102">
        <v>0</v>
      </c>
      <c r="HK34" s="102">
        <v>1</v>
      </c>
      <c r="HL34" s="102">
        <v>1</v>
      </c>
      <c r="HM34" s="103">
        <v>2</v>
      </c>
      <c r="HN34" s="104">
        <v>2</v>
      </c>
      <c r="HO34" s="101">
        <v>0</v>
      </c>
      <c r="HP34" s="102">
        <v>0</v>
      </c>
      <c r="HQ34" s="103">
        <v>0</v>
      </c>
      <c r="HR34" s="412">
        <v>0</v>
      </c>
      <c r="HS34" s="102">
        <v>0</v>
      </c>
      <c r="HT34" s="102">
        <v>0</v>
      </c>
      <c r="HU34" s="102">
        <v>1</v>
      </c>
      <c r="HV34" s="102">
        <v>0</v>
      </c>
      <c r="HW34" s="102">
        <v>0</v>
      </c>
      <c r="HX34" s="103">
        <v>1</v>
      </c>
      <c r="HY34" s="104">
        <v>1</v>
      </c>
      <c r="HZ34" s="101">
        <v>0</v>
      </c>
      <c r="IA34" s="102">
        <v>1</v>
      </c>
      <c r="IB34" s="103">
        <v>1</v>
      </c>
      <c r="IC34" s="412">
        <v>0</v>
      </c>
      <c r="ID34" s="102">
        <v>0</v>
      </c>
      <c r="IE34" s="102">
        <v>0</v>
      </c>
      <c r="IF34" s="102">
        <v>1</v>
      </c>
      <c r="IG34" s="102">
        <v>0</v>
      </c>
      <c r="IH34" s="102">
        <v>0</v>
      </c>
      <c r="II34" s="103">
        <v>1</v>
      </c>
      <c r="IJ34" s="104">
        <v>2</v>
      </c>
      <c r="IK34" s="101">
        <v>1</v>
      </c>
      <c r="IL34" s="102">
        <v>2</v>
      </c>
      <c r="IM34" s="103">
        <v>3</v>
      </c>
      <c r="IN34" s="412">
        <v>0</v>
      </c>
      <c r="IO34" s="102">
        <v>0</v>
      </c>
      <c r="IP34" s="102">
        <v>1</v>
      </c>
      <c r="IQ34" s="102">
        <v>1</v>
      </c>
      <c r="IR34" s="102">
        <v>1</v>
      </c>
      <c r="IS34" s="102">
        <v>0</v>
      </c>
      <c r="IT34" s="103">
        <v>3</v>
      </c>
      <c r="IU34" s="104">
        <v>6</v>
      </c>
      <c r="IV34" s="101">
        <v>0</v>
      </c>
      <c r="IW34" s="102">
        <v>2</v>
      </c>
      <c r="IX34" s="103">
        <v>2</v>
      </c>
      <c r="IY34" s="412">
        <v>0</v>
      </c>
      <c r="IZ34" s="102">
        <v>5</v>
      </c>
      <c r="JA34" s="102">
        <v>3</v>
      </c>
      <c r="JB34" s="102">
        <v>2</v>
      </c>
      <c r="JC34" s="102">
        <v>1</v>
      </c>
      <c r="JD34" s="102">
        <v>0</v>
      </c>
      <c r="JE34" s="103">
        <v>11</v>
      </c>
      <c r="JF34" s="104">
        <v>13</v>
      </c>
      <c r="JG34" s="101">
        <v>2</v>
      </c>
      <c r="JH34" s="102">
        <v>3</v>
      </c>
      <c r="JI34" s="103">
        <v>5</v>
      </c>
      <c r="JJ34" s="412">
        <v>0</v>
      </c>
      <c r="JK34" s="102">
        <v>5</v>
      </c>
      <c r="JL34" s="102">
        <v>0</v>
      </c>
      <c r="JM34" s="102">
        <v>3</v>
      </c>
      <c r="JN34" s="102">
        <v>2</v>
      </c>
      <c r="JO34" s="102">
        <v>1</v>
      </c>
      <c r="JP34" s="103">
        <v>11</v>
      </c>
      <c r="JQ34" s="104">
        <v>16</v>
      </c>
      <c r="JR34" s="101">
        <v>0</v>
      </c>
      <c r="JS34" s="102">
        <v>0</v>
      </c>
      <c r="JT34" s="103">
        <v>0</v>
      </c>
      <c r="JU34" s="412">
        <v>0</v>
      </c>
      <c r="JV34" s="102">
        <v>0</v>
      </c>
      <c r="JW34" s="102">
        <v>0</v>
      </c>
      <c r="JX34" s="102">
        <v>0</v>
      </c>
      <c r="JY34" s="102">
        <v>0</v>
      </c>
      <c r="JZ34" s="102">
        <v>0</v>
      </c>
      <c r="KA34" s="103">
        <v>0</v>
      </c>
      <c r="KB34" s="104">
        <v>0</v>
      </c>
      <c r="KC34" s="101">
        <v>3</v>
      </c>
      <c r="KD34" s="102">
        <v>8</v>
      </c>
      <c r="KE34" s="103">
        <v>11</v>
      </c>
      <c r="KF34" s="412">
        <v>0</v>
      </c>
      <c r="KG34" s="102">
        <v>10</v>
      </c>
      <c r="KH34" s="102">
        <v>4</v>
      </c>
      <c r="KI34" s="102">
        <v>8</v>
      </c>
      <c r="KJ34" s="102">
        <v>5</v>
      </c>
      <c r="KK34" s="102">
        <v>2</v>
      </c>
      <c r="KL34" s="103">
        <v>29</v>
      </c>
      <c r="KM34" s="104">
        <v>40</v>
      </c>
    </row>
    <row r="35" spans="2:299" s="70" customFormat="1" ht="21" customHeight="1" x14ac:dyDescent="0.2">
      <c r="B35" s="106" t="s">
        <v>32</v>
      </c>
      <c r="C35" s="96">
        <v>6</v>
      </c>
      <c r="D35" s="97">
        <v>7</v>
      </c>
      <c r="E35" s="98">
        <v>13</v>
      </c>
      <c r="F35" s="412">
        <v>0</v>
      </c>
      <c r="G35" s="97">
        <v>17</v>
      </c>
      <c r="H35" s="97">
        <v>11</v>
      </c>
      <c r="I35" s="97">
        <v>3</v>
      </c>
      <c r="J35" s="97">
        <v>6</v>
      </c>
      <c r="K35" s="97">
        <v>2</v>
      </c>
      <c r="L35" s="99">
        <v>39</v>
      </c>
      <c r="M35" s="100">
        <v>52</v>
      </c>
      <c r="N35" s="101">
        <v>1</v>
      </c>
      <c r="O35" s="102">
        <v>0</v>
      </c>
      <c r="P35" s="103">
        <v>1</v>
      </c>
      <c r="Q35" s="412">
        <v>0</v>
      </c>
      <c r="R35" s="102">
        <v>0</v>
      </c>
      <c r="S35" s="102">
        <v>0</v>
      </c>
      <c r="T35" s="102">
        <v>0</v>
      </c>
      <c r="U35" s="102">
        <v>0</v>
      </c>
      <c r="V35" s="102">
        <v>0</v>
      </c>
      <c r="W35" s="103">
        <v>0</v>
      </c>
      <c r="X35" s="104">
        <v>1</v>
      </c>
      <c r="Y35" s="101">
        <v>0</v>
      </c>
      <c r="Z35" s="102">
        <v>0</v>
      </c>
      <c r="AA35" s="103">
        <v>0</v>
      </c>
      <c r="AB35" s="412">
        <v>0</v>
      </c>
      <c r="AC35" s="102">
        <v>0</v>
      </c>
      <c r="AD35" s="102">
        <v>0</v>
      </c>
      <c r="AE35" s="102">
        <v>0</v>
      </c>
      <c r="AF35" s="102">
        <v>0</v>
      </c>
      <c r="AG35" s="102">
        <v>0</v>
      </c>
      <c r="AH35" s="103">
        <v>0</v>
      </c>
      <c r="AI35" s="104">
        <v>0</v>
      </c>
      <c r="AJ35" s="101">
        <v>0</v>
      </c>
      <c r="AK35" s="102">
        <v>0</v>
      </c>
      <c r="AL35" s="103">
        <v>0</v>
      </c>
      <c r="AM35" s="412">
        <v>0</v>
      </c>
      <c r="AN35" s="102">
        <v>1</v>
      </c>
      <c r="AO35" s="102">
        <v>1</v>
      </c>
      <c r="AP35" s="102">
        <v>0</v>
      </c>
      <c r="AQ35" s="102">
        <v>0</v>
      </c>
      <c r="AR35" s="102">
        <v>0</v>
      </c>
      <c r="AS35" s="103">
        <v>2</v>
      </c>
      <c r="AT35" s="104">
        <v>2</v>
      </c>
      <c r="AU35" s="101">
        <v>3</v>
      </c>
      <c r="AV35" s="102">
        <v>2</v>
      </c>
      <c r="AW35" s="103">
        <v>5</v>
      </c>
      <c r="AX35" s="412">
        <v>0</v>
      </c>
      <c r="AY35" s="102">
        <v>3</v>
      </c>
      <c r="AZ35" s="102">
        <v>2</v>
      </c>
      <c r="BA35" s="102">
        <v>2</v>
      </c>
      <c r="BB35" s="102">
        <v>1</v>
      </c>
      <c r="BC35" s="102">
        <v>1</v>
      </c>
      <c r="BD35" s="103">
        <v>9</v>
      </c>
      <c r="BE35" s="104">
        <v>14</v>
      </c>
      <c r="BF35" s="101">
        <v>0</v>
      </c>
      <c r="BG35" s="102">
        <v>2</v>
      </c>
      <c r="BH35" s="103">
        <v>2</v>
      </c>
      <c r="BI35" s="412">
        <v>0</v>
      </c>
      <c r="BJ35" s="102">
        <v>8</v>
      </c>
      <c r="BK35" s="102">
        <v>3</v>
      </c>
      <c r="BL35" s="102">
        <v>1</v>
      </c>
      <c r="BM35" s="102">
        <v>3</v>
      </c>
      <c r="BN35" s="102">
        <v>1</v>
      </c>
      <c r="BO35" s="103">
        <v>16</v>
      </c>
      <c r="BP35" s="104">
        <v>18</v>
      </c>
      <c r="BQ35" s="101">
        <v>2</v>
      </c>
      <c r="BR35" s="102">
        <v>3</v>
      </c>
      <c r="BS35" s="103">
        <v>5</v>
      </c>
      <c r="BT35" s="412">
        <v>0</v>
      </c>
      <c r="BU35" s="102">
        <v>5</v>
      </c>
      <c r="BV35" s="102">
        <v>5</v>
      </c>
      <c r="BW35" s="102">
        <v>0</v>
      </c>
      <c r="BX35" s="102">
        <v>2</v>
      </c>
      <c r="BY35" s="102">
        <v>0</v>
      </c>
      <c r="BZ35" s="103">
        <v>12</v>
      </c>
      <c r="CA35" s="104">
        <v>17</v>
      </c>
      <c r="CB35" s="101">
        <v>0</v>
      </c>
      <c r="CC35" s="102">
        <v>0</v>
      </c>
      <c r="CD35" s="103">
        <v>0</v>
      </c>
      <c r="CE35" s="412">
        <v>0</v>
      </c>
      <c r="CF35" s="102">
        <v>0</v>
      </c>
      <c r="CG35" s="102">
        <v>0</v>
      </c>
      <c r="CH35" s="102">
        <v>0</v>
      </c>
      <c r="CI35" s="102">
        <v>0</v>
      </c>
      <c r="CJ35" s="102">
        <v>0</v>
      </c>
      <c r="CK35" s="103">
        <v>0</v>
      </c>
      <c r="CL35" s="104">
        <v>0</v>
      </c>
      <c r="CM35" s="101">
        <v>6</v>
      </c>
      <c r="CN35" s="102">
        <v>7</v>
      </c>
      <c r="CO35" s="103">
        <v>13</v>
      </c>
      <c r="CP35" s="412">
        <v>0</v>
      </c>
      <c r="CQ35" s="102">
        <v>17</v>
      </c>
      <c r="CR35" s="102">
        <v>11</v>
      </c>
      <c r="CS35" s="102">
        <v>3</v>
      </c>
      <c r="CT35" s="102">
        <v>6</v>
      </c>
      <c r="CU35" s="102">
        <v>2</v>
      </c>
      <c r="CV35" s="103">
        <v>39</v>
      </c>
      <c r="CW35" s="104">
        <v>52</v>
      </c>
      <c r="CX35" s="105">
        <v>1</v>
      </c>
      <c r="CY35" s="97">
        <v>0</v>
      </c>
      <c r="CZ35" s="98">
        <v>1</v>
      </c>
      <c r="DA35" s="412">
        <v>0</v>
      </c>
      <c r="DB35" s="97">
        <v>1</v>
      </c>
      <c r="DC35" s="97">
        <v>3</v>
      </c>
      <c r="DD35" s="97">
        <v>1</v>
      </c>
      <c r="DE35" s="97">
        <v>3</v>
      </c>
      <c r="DF35" s="97">
        <v>2</v>
      </c>
      <c r="DG35" s="99">
        <v>10</v>
      </c>
      <c r="DH35" s="100">
        <v>11</v>
      </c>
      <c r="DI35" s="101">
        <v>0</v>
      </c>
      <c r="DJ35" s="102">
        <v>0</v>
      </c>
      <c r="DK35" s="103">
        <v>0</v>
      </c>
      <c r="DL35" s="412">
        <v>0</v>
      </c>
      <c r="DM35" s="102">
        <v>1</v>
      </c>
      <c r="DN35" s="102">
        <v>0</v>
      </c>
      <c r="DO35" s="102">
        <v>0</v>
      </c>
      <c r="DP35" s="102">
        <v>0</v>
      </c>
      <c r="DQ35" s="102">
        <v>0</v>
      </c>
      <c r="DR35" s="103">
        <v>1</v>
      </c>
      <c r="DS35" s="104">
        <v>1</v>
      </c>
      <c r="DT35" s="101">
        <v>0</v>
      </c>
      <c r="DU35" s="102">
        <v>0</v>
      </c>
      <c r="DV35" s="103">
        <v>0</v>
      </c>
      <c r="DW35" s="412">
        <v>0</v>
      </c>
      <c r="DX35" s="102">
        <v>0</v>
      </c>
      <c r="DY35" s="102">
        <v>0</v>
      </c>
      <c r="DZ35" s="102">
        <v>0</v>
      </c>
      <c r="EA35" s="102">
        <v>0</v>
      </c>
      <c r="EB35" s="102">
        <v>0</v>
      </c>
      <c r="EC35" s="103">
        <v>0</v>
      </c>
      <c r="ED35" s="104">
        <v>0</v>
      </c>
      <c r="EE35" s="101">
        <v>1</v>
      </c>
      <c r="EF35" s="102">
        <v>0</v>
      </c>
      <c r="EG35" s="103">
        <v>1</v>
      </c>
      <c r="EH35" s="412">
        <v>0</v>
      </c>
      <c r="EI35" s="102">
        <v>0</v>
      </c>
      <c r="EJ35" s="102">
        <v>0</v>
      </c>
      <c r="EK35" s="102">
        <v>0</v>
      </c>
      <c r="EL35" s="102">
        <v>0</v>
      </c>
      <c r="EM35" s="102">
        <v>0</v>
      </c>
      <c r="EN35" s="103">
        <v>0</v>
      </c>
      <c r="EO35" s="104">
        <v>1</v>
      </c>
      <c r="EP35" s="101">
        <v>0</v>
      </c>
      <c r="EQ35" s="102">
        <v>0</v>
      </c>
      <c r="ER35" s="103">
        <v>0</v>
      </c>
      <c r="ES35" s="412">
        <v>0</v>
      </c>
      <c r="ET35" s="102">
        <v>0</v>
      </c>
      <c r="EU35" s="102">
        <v>1</v>
      </c>
      <c r="EV35" s="102">
        <v>0</v>
      </c>
      <c r="EW35" s="102">
        <v>0</v>
      </c>
      <c r="EX35" s="102">
        <v>0</v>
      </c>
      <c r="EY35" s="103">
        <v>1</v>
      </c>
      <c r="EZ35" s="104">
        <v>1</v>
      </c>
      <c r="FA35" s="101">
        <v>0</v>
      </c>
      <c r="FB35" s="102">
        <v>0</v>
      </c>
      <c r="FC35" s="103">
        <v>0</v>
      </c>
      <c r="FD35" s="412">
        <v>0</v>
      </c>
      <c r="FE35" s="102">
        <v>0</v>
      </c>
      <c r="FF35" s="102">
        <v>1</v>
      </c>
      <c r="FG35" s="102">
        <v>1</v>
      </c>
      <c r="FH35" s="102">
        <v>1</v>
      </c>
      <c r="FI35" s="102">
        <v>1</v>
      </c>
      <c r="FJ35" s="103">
        <v>4</v>
      </c>
      <c r="FK35" s="104">
        <v>4</v>
      </c>
      <c r="FL35" s="101">
        <v>0</v>
      </c>
      <c r="FM35" s="102">
        <v>0</v>
      </c>
      <c r="FN35" s="103">
        <v>0</v>
      </c>
      <c r="FO35" s="412">
        <v>0</v>
      </c>
      <c r="FP35" s="102">
        <v>0</v>
      </c>
      <c r="FQ35" s="102">
        <v>1</v>
      </c>
      <c r="FR35" s="102">
        <v>0</v>
      </c>
      <c r="FS35" s="102">
        <v>2</v>
      </c>
      <c r="FT35" s="102">
        <v>1</v>
      </c>
      <c r="FU35" s="103">
        <v>4</v>
      </c>
      <c r="FV35" s="104">
        <v>4</v>
      </c>
      <c r="FW35" s="101">
        <v>0</v>
      </c>
      <c r="FX35" s="102">
        <v>0</v>
      </c>
      <c r="FY35" s="103">
        <v>0</v>
      </c>
      <c r="FZ35" s="412">
        <v>0</v>
      </c>
      <c r="GA35" s="102">
        <v>0</v>
      </c>
      <c r="GB35" s="102">
        <v>0</v>
      </c>
      <c r="GC35" s="102">
        <v>0</v>
      </c>
      <c r="GD35" s="102">
        <v>0</v>
      </c>
      <c r="GE35" s="102">
        <v>0</v>
      </c>
      <c r="GF35" s="103">
        <v>0</v>
      </c>
      <c r="GG35" s="104">
        <v>0</v>
      </c>
      <c r="GH35" s="101">
        <v>1</v>
      </c>
      <c r="GI35" s="102">
        <v>0</v>
      </c>
      <c r="GJ35" s="103">
        <v>1</v>
      </c>
      <c r="GK35" s="412">
        <v>0</v>
      </c>
      <c r="GL35" s="102">
        <v>1</v>
      </c>
      <c r="GM35" s="102">
        <v>3</v>
      </c>
      <c r="GN35" s="102">
        <v>1</v>
      </c>
      <c r="GO35" s="102">
        <v>3</v>
      </c>
      <c r="GP35" s="102">
        <v>2</v>
      </c>
      <c r="GQ35" s="103">
        <v>10</v>
      </c>
      <c r="GR35" s="104">
        <v>11</v>
      </c>
      <c r="GS35" s="105">
        <v>7</v>
      </c>
      <c r="GT35" s="97">
        <v>7</v>
      </c>
      <c r="GU35" s="98">
        <v>14</v>
      </c>
      <c r="GV35" s="412">
        <v>0</v>
      </c>
      <c r="GW35" s="97">
        <v>18</v>
      </c>
      <c r="GX35" s="97">
        <v>14</v>
      </c>
      <c r="GY35" s="97">
        <v>4</v>
      </c>
      <c r="GZ35" s="97">
        <v>9</v>
      </c>
      <c r="HA35" s="97">
        <v>4</v>
      </c>
      <c r="HB35" s="99">
        <v>49</v>
      </c>
      <c r="HC35" s="100">
        <v>63</v>
      </c>
      <c r="HD35" s="101">
        <v>1</v>
      </c>
      <c r="HE35" s="102">
        <v>0</v>
      </c>
      <c r="HF35" s="103">
        <v>1</v>
      </c>
      <c r="HG35" s="412">
        <v>0</v>
      </c>
      <c r="HH35" s="102">
        <v>1</v>
      </c>
      <c r="HI35" s="102">
        <v>0</v>
      </c>
      <c r="HJ35" s="102">
        <v>0</v>
      </c>
      <c r="HK35" s="102">
        <v>0</v>
      </c>
      <c r="HL35" s="102">
        <v>0</v>
      </c>
      <c r="HM35" s="103">
        <v>1</v>
      </c>
      <c r="HN35" s="104">
        <v>2</v>
      </c>
      <c r="HO35" s="101">
        <v>0</v>
      </c>
      <c r="HP35" s="102">
        <v>0</v>
      </c>
      <c r="HQ35" s="103">
        <v>0</v>
      </c>
      <c r="HR35" s="412">
        <v>0</v>
      </c>
      <c r="HS35" s="102">
        <v>0</v>
      </c>
      <c r="HT35" s="102">
        <v>0</v>
      </c>
      <c r="HU35" s="102">
        <v>0</v>
      </c>
      <c r="HV35" s="102">
        <v>0</v>
      </c>
      <c r="HW35" s="102">
        <v>0</v>
      </c>
      <c r="HX35" s="103">
        <v>0</v>
      </c>
      <c r="HY35" s="104">
        <v>0</v>
      </c>
      <c r="HZ35" s="101">
        <v>1</v>
      </c>
      <c r="IA35" s="102">
        <v>0</v>
      </c>
      <c r="IB35" s="103">
        <v>1</v>
      </c>
      <c r="IC35" s="412">
        <v>0</v>
      </c>
      <c r="ID35" s="102">
        <v>1</v>
      </c>
      <c r="IE35" s="102">
        <v>1</v>
      </c>
      <c r="IF35" s="102">
        <v>0</v>
      </c>
      <c r="IG35" s="102">
        <v>0</v>
      </c>
      <c r="IH35" s="102">
        <v>0</v>
      </c>
      <c r="II35" s="103">
        <v>2</v>
      </c>
      <c r="IJ35" s="104">
        <v>3</v>
      </c>
      <c r="IK35" s="101">
        <v>3</v>
      </c>
      <c r="IL35" s="102">
        <v>2</v>
      </c>
      <c r="IM35" s="103">
        <v>5</v>
      </c>
      <c r="IN35" s="412">
        <v>0</v>
      </c>
      <c r="IO35" s="102">
        <v>3</v>
      </c>
      <c r="IP35" s="102">
        <v>3</v>
      </c>
      <c r="IQ35" s="102">
        <v>2</v>
      </c>
      <c r="IR35" s="102">
        <v>1</v>
      </c>
      <c r="IS35" s="102">
        <v>1</v>
      </c>
      <c r="IT35" s="103">
        <v>10</v>
      </c>
      <c r="IU35" s="104">
        <v>15</v>
      </c>
      <c r="IV35" s="101">
        <v>0</v>
      </c>
      <c r="IW35" s="102">
        <v>2</v>
      </c>
      <c r="IX35" s="103">
        <v>2</v>
      </c>
      <c r="IY35" s="412">
        <v>0</v>
      </c>
      <c r="IZ35" s="102">
        <v>8</v>
      </c>
      <c r="JA35" s="102">
        <v>4</v>
      </c>
      <c r="JB35" s="102">
        <v>2</v>
      </c>
      <c r="JC35" s="102">
        <v>4</v>
      </c>
      <c r="JD35" s="102">
        <v>2</v>
      </c>
      <c r="JE35" s="103">
        <v>20</v>
      </c>
      <c r="JF35" s="104">
        <v>22</v>
      </c>
      <c r="JG35" s="101">
        <v>2</v>
      </c>
      <c r="JH35" s="102">
        <v>3</v>
      </c>
      <c r="JI35" s="103">
        <v>5</v>
      </c>
      <c r="JJ35" s="412">
        <v>0</v>
      </c>
      <c r="JK35" s="102">
        <v>5</v>
      </c>
      <c r="JL35" s="102">
        <v>6</v>
      </c>
      <c r="JM35" s="102">
        <v>0</v>
      </c>
      <c r="JN35" s="102">
        <v>4</v>
      </c>
      <c r="JO35" s="102">
        <v>1</v>
      </c>
      <c r="JP35" s="103">
        <v>16</v>
      </c>
      <c r="JQ35" s="104">
        <v>21</v>
      </c>
      <c r="JR35" s="101">
        <v>0</v>
      </c>
      <c r="JS35" s="102">
        <v>0</v>
      </c>
      <c r="JT35" s="103">
        <v>0</v>
      </c>
      <c r="JU35" s="412">
        <v>0</v>
      </c>
      <c r="JV35" s="102">
        <v>0</v>
      </c>
      <c r="JW35" s="102">
        <v>0</v>
      </c>
      <c r="JX35" s="102">
        <v>0</v>
      </c>
      <c r="JY35" s="102">
        <v>0</v>
      </c>
      <c r="JZ35" s="102">
        <v>0</v>
      </c>
      <c r="KA35" s="103">
        <v>0</v>
      </c>
      <c r="KB35" s="104">
        <v>0</v>
      </c>
      <c r="KC35" s="101">
        <v>7</v>
      </c>
      <c r="KD35" s="102">
        <v>7</v>
      </c>
      <c r="KE35" s="103">
        <v>14</v>
      </c>
      <c r="KF35" s="412">
        <v>0</v>
      </c>
      <c r="KG35" s="102">
        <v>18</v>
      </c>
      <c r="KH35" s="102">
        <v>14</v>
      </c>
      <c r="KI35" s="102">
        <v>4</v>
      </c>
      <c r="KJ35" s="102">
        <v>9</v>
      </c>
      <c r="KK35" s="102">
        <v>4</v>
      </c>
      <c r="KL35" s="103">
        <v>49</v>
      </c>
      <c r="KM35" s="104">
        <v>63</v>
      </c>
    </row>
    <row r="36" spans="2:299" s="70" customFormat="1" ht="21" customHeight="1" x14ac:dyDescent="0.2">
      <c r="B36" s="106" t="s">
        <v>33</v>
      </c>
      <c r="C36" s="96">
        <v>4</v>
      </c>
      <c r="D36" s="97">
        <v>3</v>
      </c>
      <c r="E36" s="98">
        <v>7</v>
      </c>
      <c r="F36" s="412">
        <v>0</v>
      </c>
      <c r="G36" s="97">
        <v>5</v>
      </c>
      <c r="H36" s="97">
        <v>2</v>
      </c>
      <c r="I36" s="97">
        <v>4</v>
      </c>
      <c r="J36" s="97">
        <v>0</v>
      </c>
      <c r="K36" s="97">
        <v>3</v>
      </c>
      <c r="L36" s="99">
        <v>14</v>
      </c>
      <c r="M36" s="100">
        <v>21</v>
      </c>
      <c r="N36" s="101">
        <v>0</v>
      </c>
      <c r="O36" s="102">
        <v>0</v>
      </c>
      <c r="P36" s="103">
        <v>0</v>
      </c>
      <c r="Q36" s="412">
        <v>0</v>
      </c>
      <c r="R36" s="102">
        <v>0</v>
      </c>
      <c r="S36" s="102">
        <v>0</v>
      </c>
      <c r="T36" s="102">
        <v>0</v>
      </c>
      <c r="U36" s="102">
        <v>0</v>
      </c>
      <c r="V36" s="102">
        <v>0</v>
      </c>
      <c r="W36" s="103">
        <v>0</v>
      </c>
      <c r="X36" s="104">
        <v>0</v>
      </c>
      <c r="Y36" s="101">
        <v>0</v>
      </c>
      <c r="Z36" s="102">
        <v>0</v>
      </c>
      <c r="AA36" s="103">
        <v>0</v>
      </c>
      <c r="AB36" s="412">
        <v>0</v>
      </c>
      <c r="AC36" s="102">
        <v>0</v>
      </c>
      <c r="AD36" s="102">
        <v>0</v>
      </c>
      <c r="AE36" s="102">
        <v>0</v>
      </c>
      <c r="AF36" s="102">
        <v>0</v>
      </c>
      <c r="AG36" s="102">
        <v>0</v>
      </c>
      <c r="AH36" s="103">
        <v>0</v>
      </c>
      <c r="AI36" s="104">
        <v>0</v>
      </c>
      <c r="AJ36" s="101">
        <v>2</v>
      </c>
      <c r="AK36" s="102">
        <v>0</v>
      </c>
      <c r="AL36" s="103">
        <v>2</v>
      </c>
      <c r="AM36" s="412">
        <v>0</v>
      </c>
      <c r="AN36" s="102">
        <v>0</v>
      </c>
      <c r="AO36" s="102">
        <v>0</v>
      </c>
      <c r="AP36" s="102">
        <v>0</v>
      </c>
      <c r="AQ36" s="102">
        <v>0</v>
      </c>
      <c r="AR36" s="102">
        <v>0</v>
      </c>
      <c r="AS36" s="103">
        <v>0</v>
      </c>
      <c r="AT36" s="104">
        <v>2</v>
      </c>
      <c r="AU36" s="101">
        <v>1</v>
      </c>
      <c r="AV36" s="102">
        <v>0</v>
      </c>
      <c r="AW36" s="103">
        <v>1</v>
      </c>
      <c r="AX36" s="412">
        <v>0</v>
      </c>
      <c r="AY36" s="102">
        <v>0</v>
      </c>
      <c r="AZ36" s="102">
        <v>1</v>
      </c>
      <c r="BA36" s="102">
        <v>2</v>
      </c>
      <c r="BB36" s="102">
        <v>0</v>
      </c>
      <c r="BC36" s="102">
        <v>1</v>
      </c>
      <c r="BD36" s="103">
        <v>4</v>
      </c>
      <c r="BE36" s="104">
        <v>5</v>
      </c>
      <c r="BF36" s="101">
        <v>0</v>
      </c>
      <c r="BG36" s="102">
        <v>2</v>
      </c>
      <c r="BH36" s="103">
        <v>2</v>
      </c>
      <c r="BI36" s="412">
        <v>0</v>
      </c>
      <c r="BJ36" s="102">
        <v>3</v>
      </c>
      <c r="BK36" s="102">
        <v>0</v>
      </c>
      <c r="BL36" s="102">
        <v>1</v>
      </c>
      <c r="BM36" s="102">
        <v>0</v>
      </c>
      <c r="BN36" s="102">
        <v>0</v>
      </c>
      <c r="BO36" s="103">
        <v>4</v>
      </c>
      <c r="BP36" s="104">
        <v>6</v>
      </c>
      <c r="BQ36" s="101">
        <v>1</v>
      </c>
      <c r="BR36" s="102">
        <v>1</v>
      </c>
      <c r="BS36" s="103">
        <v>2</v>
      </c>
      <c r="BT36" s="412">
        <v>0</v>
      </c>
      <c r="BU36" s="102">
        <v>2</v>
      </c>
      <c r="BV36" s="102">
        <v>1</v>
      </c>
      <c r="BW36" s="102">
        <v>1</v>
      </c>
      <c r="BX36" s="102">
        <v>0</v>
      </c>
      <c r="BY36" s="102">
        <v>2</v>
      </c>
      <c r="BZ36" s="103">
        <v>6</v>
      </c>
      <c r="CA36" s="104">
        <v>8</v>
      </c>
      <c r="CB36" s="101">
        <v>0</v>
      </c>
      <c r="CC36" s="102">
        <v>0</v>
      </c>
      <c r="CD36" s="103">
        <v>0</v>
      </c>
      <c r="CE36" s="412">
        <v>0</v>
      </c>
      <c r="CF36" s="102">
        <v>0</v>
      </c>
      <c r="CG36" s="102">
        <v>0</v>
      </c>
      <c r="CH36" s="102">
        <v>0</v>
      </c>
      <c r="CI36" s="102">
        <v>0</v>
      </c>
      <c r="CJ36" s="102">
        <v>0</v>
      </c>
      <c r="CK36" s="103">
        <v>0</v>
      </c>
      <c r="CL36" s="104">
        <v>0</v>
      </c>
      <c r="CM36" s="101">
        <v>4</v>
      </c>
      <c r="CN36" s="102">
        <v>3</v>
      </c>
      <c r="CO36" s="103">
        <v>7</v>
      </c>
      <c r="CP36" s="412">
        <v>0</v>
      </c>
      <c r="CQ36" s="102">
        <v>5</v>
      </c>
      <c r="CR36" s="102">
        <v>2</v>
      </c>
      <c r="CS36" s="102">
        <v>4</v>
      </c>
      <c r="CT36" s="102">
        <v>0</v>
      </c>
      <c r="CU36" s="102">
        <v>3</v>
      </c>
      <c r="CV36" s="103">
        <v>14</v>
      </c>
      <c r="CW36" s="104">
        <v>21</v>
      </c>
      <c r="CX36" s="105">
        <v>0</v>
      </c>
      <c r="CY36" s="97">
        <v>2</v>
      </c>
      <c r="CZ36" s="98">
        <v>2</v>
      </c>
      <c r="DA36" s="412">
        <v>0</v>
      </c>
      <c r="DB36" s="97">
        <v>2</v>
      </c>
      <c r="DC36" s="97">
        <v>1</v>
      </c>
      <c r="DD36" s="97">
        <v>0</v>
      </c>
      <c r="DE36" s="97">
        <v>0</v>
      </c>
      <c r="DF36" s="97">
        <v>0</v>
      </c>
      <c r="DG36" s="99">
        <v>3</v>
      </c>
      <c r="DH36" s="100">
        <v>5</v>
      </c>
      <c r="DI36" s="101">
        <v>0</v>
      </c>
      <c r="DJ36" s="102">
        <v>0</v>
      </c>
      <c r="DK36" s="103">
        <v>0</v>
      </c>
      <c r="DL36" s="412">
        <v>0</v>
      </c>
      <c r="DM36" s="102">
        <v>0</v>
      </c>
      <c r="DN36" s="102">
        <v>0</v>
      </c>
      <c r="DO36" s="102">
        <v>0</v>
      </c>
      <c r="DP36" s="102">
        <v>0</v>
      </c>
      <c r="DQ36" s="102">
        <v>0</v>
      </c>
      <c r="DR36" s="103">
        <v>0</v>
      </c>
      <c r="DS36" s="104">
        <v>0</v>
      </c>
      <c r="DT36" s="101">
        <v>0</v>
      </c>
      <c r="DU36" s="102">
        <v>1</v>
      </c>
      <c r="DV36" s="103">
        <v>1</v>
      </c>
      <c r="DW36" s="412">
        <v>0</v>
      </c>
      <c r="DX36" s="102">
        <v>0</v>
      </c>
      <c r="DY36" s="102">
        <v>0</v>
      </c>
      <c r="DZ36" s="102">
        <v>0</v>
      </c>
      <c r="EA36" s="102">
        <v>0</v>
      </c>
      <c r="EB36" s="102">
        <v>0</v>
      </c>
      <c r="EC36" s="103">
        <v>0</v>
      </c>
      <c r="ED36" s="104">
        <v>1</v>
      </c>
      <c r="EE36" s="101">
        <v>0</v>
      </c>
      <c r="EF36" s="102">
        <v>0</v>
      </c>
      <c r="EG36" s="103">
        <v>0</v>
      </c>
      <c r="EH36" s="412">
        <v>0</v>
      </c>
      <c r="EI36" s="102">
        <v>0</v>
      </c>
      <c r="EJ36" s="102">
        <v>0</v>
      </c>
      <c r="EK36" s="102">
        <v>0</v>
      </c>
      <c r="EL36" s="102">
        <v>0</v>
      </c>
      <c r="EM36" s="102">
        <v>0</v>
      </c>
      <c r="EN36" s="103">
        <v>0</v>
      </c>
      <c r="EO36" s="104">
        <v>0</v>
      </c>
      <c r="EP36" s="101">
        <v>0</v>
      </c>
      <c r="EQ36" s="102">
        <v>0</v>
      </c>
      <c r="ER36" s="103">
        <v>0</v>
      </c>
      <c r="ES36" s="412">
        <v>0</v>
      </c>
      <c r="ET36" s="102">
        <v>0</v>
      </c>
      <c r="EU36" s="102">
        <v>0</v>
      </c>
      <c r="EV36" s="102">
        <v>0</v>
      </c>
      <c r="EW36" s="102">
        <v>0</v>
      </c>
      <c r="EX36" s="102">
        <v>0</v>
      </c>
      <c r="EY36" s="103">
        <v>0</v>
      </c>
      <c r="EZ36" s="104">
        <v>0</v>
      </c>
      <c r="FA36" s="101">
        <v>0</v>
      </c>
      <c r="FB36" s="102">
        <v>0</v>
      </c>
      <c r="FC36" s="103">
        <v>0</v>
      </c>
      <c r="FD36" s="412">
        <v>0</v>
      </c>
      <c r="FE36" s="102">
        <v>1</v>
      </c>
      <c r="FF36" s="102">
        <v>0</v>
      </c>
      <c r="FG36" s="102">
        <v>0</v>
      </c>
      <c r="FH36" s="102">
        <v>0</v>
      </c>
      <c r="FI36" s="102">
        <v>0</v>
      </c>
      <c r="FJ36" s="103">
        <v>1</v>
      </c>
      <c r="FK36" s="104">
        <v>1</v>
      </c>
      <c r="FL36" s="101">
        <v>0</v>
      </c>
      <c r="FM36" s="102">
        <v>1</v>
      </c>
      <c r="FN36" s="103">
        <v>1</v>
      </c>
      <c r="FO36" s="412">
        <v>0</v>
      </c>
      <c r="FP36" s="102">
        <v>1</v>
      </c>
      <c r="FQ36" s="102">
        <v>1</v>
      </c>
      <c r="FR36" s="102">
        <v>0</v>
      </c>
      <c r="FS36" s="102">
        <v>0</v>
      </c>
      <c r="FT36" s="102">
        <v>0</v>
      </c>
      <c r="FU36" s="103">
        <v>2</v>
      </c>
      <c r="FV36" s="104">
        <v>3</v>
      </c>
      <c r="FW36" s="101">
        <v>0</v>
      </c>
      <c r="FX36" s="102">
        <v>0</v>
      </c>
      <c r="FY36" s="103">
        <v>0</v>
      </c>
      <c r="FZ36" s="412">
        <v>0</v>
      </c>
      <c r="GA36" s="102">
        <v>0</v>
      </c>
      <c r="GB36" s="102">
        <v>0</v>
      </c>
      <c r="GC36" s="102">
        <v>0</v>
      </c>
      <c r="GD36" s="102">
        <v>0</v>
      </c>
      <c r="GE36" s="102">
        <v>0</v>
      </c>
      <c r="GF36" s="103">
        <v>0</v>
      </c>
      <c r="GG36" s="104">
        <v>0</v>
      </c>
      <c r="GH36" s="101">
        <v>0</v>
      </c>
      <c r="GI36" s="102">
        <v>2</v>
      </c>
      <c r="GJ36" s="103">
        <v>2</v>
      </c>
      <c r="GK36" s="412">
        <v>0</v>
      </c>
      <c r="GL36" s="102">
        <v>2</v>
      </c>
      <c r="GM36" s="102">
        <v>1</v>
      </c>
      <c r="GN36" s="102">
        <v>0</v>
      </c>
      <c r="GO36" s="102">
        <v>0</v>
      </c>
      <c r="GP36" s="102">
        <v>0</v>
      </c>
      <c r="GQ36" s="103">
        <v>3</v>
      </c>
      <c r="GR36" s="104">
        <v>5</v>
      </c>
      <c r="GS36" s="105">
        <v>4</v>
      </c>
      <c r="GT36" s="97">
        <v>5</v>
      </c>
      <c r="GU36" s="98">
        <v>9</v>
      </c>
      <c r="GV36" s="412">
        <v>0</v>
      </c>
      <c r="GW36" s="97">
        <v>7</v>
      </c>
      <c r="GX36" s="97">
        <v>3</v>
      </c>
      <c r="GY36" s="97">
        <v>4</v>
      </c>
      <c r="GZ36" s="97">
        <v>0</v>
      </c>
      <c r="HA36" s="97">
        <v>3</v>
      </c>
      <c r="HB36" s="99">
        <v>17</v>
      </c>
      <c r="HC36" s="100">
        <v>26</v>
      </c>
      <c r="HD36" s="101">
        <v>0</v>
      </c>
      <c r="HE36" s="102">
        <v>0</v>
      </c>
      <c r="HF36" s="103">
        <v>0</v>
      </c>
      <c r="HG36" s="412">
        <v>0</v>
      </c>
      <c r="HH36" s="102">
        <v>0</v>
      </c>
      <c r="HI36" s="102">
        <v>0</v>
      </c>
      <c r="HJ36" s="102">
        <v>0</v>
      </c>
      <c r="HK36" s="102">
        <v>0</v>
      </c>
      <c r="HL36" s="102">
        <v>0</v>
      </c>
      <c r="HM36" s="103">
        <v>0</v>
      </c>
      <c r="HN36" s="104">
        <v>0</v>
      </c>
      <c r="HO36" s="101">
        <v>0</v>
      </c>
      <c r="HP36" s="102">
        <v>1</v>
      </c>
      <c r="HQ36" s="103">
        <v>1</v>
      </c>
      <c r="HR36" s="412">
        <v>0</v>
      </c>
      <c r="HS36" s="102">
        <v>0</v>
      </c>
      <c r="HT36" s="102">
        <v>0</v>
      </c>
      <c r="HU36" s="102">
        <v>0</v>
      </c>
      <c r="HV36" s="102">
        <v>0</v>
      </c>
      <c r="HW36" s="102">
        <v>0</v>
      </c>
      <c r="HX36" s="103">
        <v>0</v>
      </c>
      <c r="HY36" s="104">
        <v>1</v>
      </c>
      <c r="HZ36" s="101">
        <v>2</v>
      </c>
      <c r="IA36" s="102">
        <v>0</v>
      </c>
      <c r="IB36" s="103">
        <v>2</v>
      </c>
      <c r="IC36" s="412">
        <v>0</v>
      </c>
      <c r="ID36" s="102">
        <v>0</v>
      </c>
      <c r="IE36" s="102">
        <v>0</v>
      </c>
      <c r="IF36" s="102">
        <v>0</v>
      </c>
      <c r="IG36" s="102">
        <v>0</v>
      </c>
      <c r="IH36" s="102">
        <v>0</v>
      </c>
      <c r="II36" s="103">
        <v>0</v>
      </c>
      <c r="IJ36" s="104">
        <v>2</v>
      </c>
      <c r="IK36" s="101">
        <v>1</v>
      </c>
      <c r="IL36" s="102">
        <v>0</v>
      </c>
      <c r="IM36" s="103">
        <v>1</v>
      </c>
      <c r="IN36" s="412">
        <v>0</v>
      </c>
      <c r="IO36" s="102">
        <v>0</v>
      </c>
      <c r="IP36" s="102">
        <v>1</v>
      </c>
      <c r="IQ36" s="102">
        <v>2</v>
      </c>
      <c r="IR36" s="102">
        <v>0</v>
      </c>
      <c r="IS36" s="102">
        <v>1</v>
      </c>
      <c r="IT36" s="103">
        <v>4</v>
      </c>
      <c r="IU36" s="104">
        <v>5</v>
      </c>
      <c r="IV36" s="101">
        <v>0</v>
      </c>
      <c r="IW36" s="102">
        <v>2</v>
      </c>
      <c r="IX36" s="103">
        <v>2</v>
      </c>
      <c r="IY36" s="412">
        <v>0</v>
      </c>
      <c r="IZ36" s="102">
        <v>4</v>
      </c>
      <c r="JA36" s="102">
        <v>0</v>
      </c>
      <c r="JB36" s="102">
        <v>1</v>
      </c>
      <c r="JC36" s="102">
        <v>0</v>
      </c>
      <c r="JD36" s="102">
        <v>0</v>
      </c>
      <c r="JE36" s="103">
        <v>5</v>
      </c>
      <c r="JF36" s="104">
        <v>7</v>
      </c>
      <c r="JG36" s="101">
        <v>1</v>
      </c>
      <c r="JH36" s="102">
        <v>2</v>
      </c>
      <c r="JI36" s="103">
        <v>3</v>
      </c>
      <c r="JJ36" s="412">
        <v>0</v>
      </c>
      <c r="JK36" s="102">
        <v>3</v>
      </c>
      <c r="JL36" s="102">
        <v>2</v>
      </c>
      <c r="JM36" s="102">
        <v>1</v>
      </c>
      <c r="JN36" s="102">
        <v>0</v>
      </c>
      <c r="JO36" s="102">
        <v>2</v>
      </c>
      <c r="JP36" s="103">
        <v>8</v>
      </c>
      <c r="JQ36" s="104">
        <v>11</v>
      </c>
      <c r="JR36" s="101">
        <v>0</v>
      </c>
      <c r="JS36" s="102">
        <v>0</v>
      </c>
      <c r="JT36" s="103">
        <v>0</v>
      </c>
      <c r="JU36" s="412">
        <v>0</v>
      </c>
      <c r="JV36" s="102">
        <v>0</v>
      </c>
      <c r="JW36" s="102">
        <v>0</v>
      </c>
      <c r="JX36" s="102">
        <v>0</v>
      </c>
      <c r="JY36" s="102">
        <v>0</v>
      </c>
      <c r="JZ36" s="102">
        <v>0</v>
      </c>
      <c r="KA36" s="103">
        <v>0</v>
      </c>
      <c r="KB36" s="104">
        <v>0</v>
      </c>
      <c r="KC36" s="101">
        <v>4</v>
      </c>
      <c r="KD36" s="102">
        <v>5</v>
      </c>
      <c r="KE36" s="103">
        <v>9</v>
      </c>
      <c r="KF36" s="412">
        <v>0</v>
      </c>
      <c r="KG36" s="102">
        <v>7</v>
      </c>
      <c r="KH36" s="102">
        <v>3</v>
      </c>
      <c r="KI36" s="102">
        <v>4</v>
      </c>
      <c r="KJ36" s="102">
        <v>0</v>
      </c>
      <c r="KK36" s="102">
        <v>3</v>
      </c>
      <c r="KL36" s="103">
        <v>17</v>
      </c>
      <c r="KM36" s="104">
        <v>26</v>
      </c>
    </row>
    <row r="37" spans="2:299" s="70" customFormat="1" ht="21" customHeight="1" x14ac:dyDescent="0.2">
      <c r="B37" s="106" t="s">
        <v>34</v>
      </c>
      <c r="C37" s="96">
        <v>3</v>
      </c>
      <c r="D37" s="97">
        <v>2</v>
      </c>
      <c r="E37" s="98">
        <v>5</v>
      </c>
      <c r="F37" s="412">
        <v>0</v>
      </c>
      <c r="G37" s="97">
        <v>4</v>
      </c>
      <c r="H37" s="97">
        <v>8</v>
      </c>
      <c r="I37" s="97">
        <v>3</v>
      </c>
      <c r="J37" s="97">
        <v>1</v>
      </c>
      <c r="K37" s="97">
        <v>1</v>
      </c>
      <c r="L37" s="99">
        <v>17</v>
      </c>
      <c r="M37" s="100">
        <v>22</v>
      </c>
      <c r="N37" s="101">
        <v>0</v>
      </c>
      <c r="O37" s="102">
        <v>0</v>
      </c>
      <c r="P37" s="103">
        <v>0</v>
      </c>
      <c r="Q37" s="412">
        <v>0</v>
      </c>
      <c r="R37" s="102">
        <v>0</v>
      </c>
      <c r="S37" s="102">
        <v>0</v>
      </c>
      <c r="T37" s="102">
        <v>0</v>
      </c>
      <c r="U37" s="102">
        <v>0</v>
      </c>
      <c r="V37" s="102">
        <v>0</v>
      </c>
      <c r="W37" s="103">
        <v>0</v>
      </c>
      <c r="X37" s="104">
        <v>0</v>
      </c>
      <c r="Y37" s="101">
        <v>0</v>
      </c>
      <c r="Z37" s="102">
        <v>0</v>
      </c>
      <c r="AA37" s="103">
        <v>0</v>
      </c>
      <c r="AB37" s="412">
        <v>0</v>
      </c>
      <c r="AC37" s="102">
        <v>0</v>
      </c>
      <c r="AD37" s="102">
        <v>0</v>
      </c>
      <c r="AE37" s="102">
        <v>0</v>
      </c>
      <c r="AF37" s="102">
        <v>0</v>
      </c>
      <c r="AG37" s="102">
        <v>0</v>
      </c>
      <c r="AH37" s="103">
        <v>0</v>
      </c>
      <c r="AI37" s="104">
        <v>0</v>
      </c>
      <c r="AJ37" s="101">
        <v>0</v>
      </c>
      <c r="AK37" s="102">
        <v>0</v>
      </c>
      <c r="AL37" s="103">
        <v>0</v>
      </c>
      <c r="AM37" s="412">
        <v>0</v>
      </c>
      <c r="AN37" s="102">
        <v>0</v>
      </c>
      <c r="AO37" s="102">
        <v>0</v>
      </c>
      <c r="AP37" s="102">
        <v>0</v>
      </c>
      <c r="AQ37" s="102">
        <v>0</v>
      </c>
      <c r="AR37" s="102">
        <v>0</v>
      </c>
      <c r="AS37" s="103">
        <v>0</v>
      </c>
      <c r="AT37" s="104">
        <v>0</v>
      </c>
      <c r="AU37" s="101">
        <v>1</v>
      </c>
      <c r="AV37" s="102">
        <v>1</v>
      </c>
      <c r="AW37" s="103">
        <v>2</v>
      </c>
      <c r="AX37" s="412">
        <v>0</v>
      </c>
      <c r="AY37" s="102">
        <v>0</v>
      </c>
      <c r="AZ37" s="102">
        <v>5</v>
      </c>
      <c r="BA37" s="102">
        <v>0</v>
      </c>
      <c r="BB37" s="102">
        <v>0</v>
      </c>
      <c r="BC37" s="102">
        <v>0</v>
      </c>
      <c r="BD37" s="103">
        <v>5</v>
      </c>
      <c r="BE37" s="104">
        <v>7</v>
      </c>
      <c r="BF37" s="101">
        <v>2</v>
      </c>
      <c r="BG37" s="102">
        <v>1</v>
      </c>
      <c r="BH37" s="103">
        <v>3</v>
      </c>
      <c r="BI37" s="412">
        <v>0</v>
      </c>
      <c r="BJ37" s="102">
        <v>2</v>
      </c>
      <c r="BK37" s="102">
        <v>0</v>
      </c>
      <c r="BL37" s="102">
        <v>3</v>
      </c>
      <c r="BM37" s="102">
        <v>1</v>
      </c>
      <c r="BN37" s="102">
        <v>0</v>
      </c>
      <c r="BO37" s="103">
        <v>6</v>
      </c>
      <c r="BP37" s="104">
        <v>9</v>
      </c>
      <c r="BQ37" s="101">
        <v>0</v>
      </c>
      <c r="BR37" s="102">
        <v>0</v>
      </c>
      <c r="BS37" s="103">
        <v>0</v>
      </c>
      <c r="BT37" s="412">
        <v>0</v>
      </c>
      <c r="BU37" s="102">
        <v>2</v>
      </c>
      <c r="BV37" s="102">
        <v>3</v>
      </c>
      <c r="BW37" s="102">
        <v>0</v>
      </c>
      <c r="BX37" s="102">
        <v>0</v>
      </c>
      <c r="BY37" s="102">
        <v>1</v>
      </c>
      <c r="BZ37" s="103">
        <v>6</v>
      </c>
      <c r="CA37" s="104">
        <v>6</v>
      </c>
      <c r="CB37" s="101">
        <v>0</v>
      </c>
      <c r="CC37" s="102">
        <v>0</v>
      </c>
      <c r="CD37" s="103">
        <v>0</v>
      </c>
      <c r="CE37" s="412">
        <v>0</v>
      </c>
      <c r="CF37" s="102">
        <v>0</v>
      </c>
      <c r="CG37" s="102">
        <v>0</v>
      </c>
      <c r="CH37" s="102">
        <v>0</v>
      </c>
      <c r="CI37" s="102">
        <v>0</v>
      </c>
      <c r="CJ37" s="102">
        <v>0</v>
      </c>
      <c r="CK37" s="103">
        <v>0</v>
      </c>
      <c r="CL37" s="104">
        <v>0</v>
      </c>
      <c r="CM37" s="101">
        <v>3</v>
      </c>
      <c r="CN37" s="102">
        <v>2</v>
      </c>
      <c r="CO37" s="103">
        <v>5</v>
      </c>
      <c r="CP37" s="412">
        <v>0</v>
      </c>
      <c r="CQ37" s="102">
        <v>4</v>
      </c>
      <c r="CR37" s="102">
        <v>8</v>
      </c>
      <c r="CS37" s="102">
        <v>3</v>
      </c>
      <c r="CT37" s="102">
        <v>1</v>
      </c>
      <c r="CU37" s="102">
        <v>1</v>
      </c>
      <c r="CV37" s="103">
        <v>17</v>
      </c>
      <c r="CW37" s="104">
        <v>22</v>
      </c>
      <c r="CX37" s="105">
        <v>1</v>
      </c>
      <c r="CY37" s="97">
        <v>0</v>
      </c>
      <c r="CZ37" s="98">
        <v>1</v>
      </c>
      <c r="DA37" s="412">
        <v>0</v>
      </c>
      <c r="DB37" s="97">
        <v>0</v>
      </c>
      <c r="DC37" s="97">
        <v>0</v>
      </c>
      <c r="DD37" s="97">
        <v>1</v>
      </c>
      <c r="DE37" s="97">
        <v>1</v>
      </c>
      <c r="DF37" s="97">
        <v>1</v>
      </c>
      <c r="DG37" s="99">
        <v>3</v>
      </c>
      <c r="DH37" s="100">
        <v>4</v>
      </c>
      <c r="DI37" s="101">
        <v>0</v>
      </c>
      <c r="DJ37" s="102">
        <v>0</v>
      </c>
      <c r="DK37" s="103">
        <v>0</v>
      </c>
      <c r="DL37" s="412">
        <v>0</v>
      </c>
      <c r="DM37" s="102">
        <v>0</v>
      </c>
      <c r="DN37" s="102">
        <v>0</v>
      </c>
      <c r="DO37" s="102">
        <v>0</v>
      </c>
      <c r="DP37" s="102">
        <v>0</v>
      </c>
      <c r="DQ37" s="102">
        <v>0</v>
      </c>
      <c r="DR37" s="103">
        <v>0</v>
      </c>
      <c r="DS37" s="104">
        <v>0</v>
      </c>
      <c r="DT37" s="101">
        <v>0</v>
      </c>
      <c r="DU37" s="102">
        <v>0</v>
      </c>
      <c r="DV37" s="103">
        <v>0</v>
      </c>
      <c r="DW37" s="412">
        <v>0</v>
      </c>
      <c r="DX37" s="102">
        <v>0</v>
      </c>
      <c r="DY37" s="102">
        <v>0</v>
      </c>
      <c r="DZ37" s="102">
        <v>0</v>
      </c>
      <c r="EA37" s="102">
        <v>1</v>
      </c>
      <c r="EB37" s="102">
        <v>0</v>
      </c>
      <c r="EC37" s="103">
        <v>1</v>
      </c>
      <c r="ED37" s="104">
        <v>1</v>
      </c>
      <c r="EE37" s="101">
        <v>0</v>
      </c>
      <c r="EF37" s="102">
        <v>0</v>
      </c>
      <c r="EG37" s="103">
        <v>0</v>
      </c>
      <c r="EH37" s="412">
        <v>0</v>
      </c>
      <c r="EI37" s="102">
        <v>0</v>
      </c>
      <c r="EJ37" s="102">
        <v>0</v>
      </c>
      <c r="EK37" s="102">
        <v>0</v>
      </c>
      <c r="EL37" s="102">
        <v>0</v>
      </c>
      <c r="EM37" s="102">
        <v>0</v>
      </c>
      <c r="EN37" s="103">
        <v>0</v>
      </c>
      <c r="EO37" s="104">
        <v>0</v>
      </c>
      <c r="EP37" s="101">
        <v>0</v>
      </c>
      <c r="EQ37" s="102">
        <v>0</v>
      </c>
      <c r="ER37" s="103">
        <v>0</v>
      </c>
      <c r="ES37" s="412">
        <v>0</v>
      </c>
      <c r="ET37" s="102">
        <v>0</v>
      </c>
      <c r="EU37" s="102">
        <v>0</v>
      </c>
      <c r="EV37" s="102">
        <v>0</v>
      </c>
      <c r="EW37" s="102">
        <v>0</v>
      </c>
      <c r="EX37" s="102">
        <v>0</v>
      </c>
      <c r="EY37" s="103">
        <v>0</v>
      </c>
      <c r="EZ37" s="104">
        <v>0</v>
      </c>
      <c r="FA37" s="101">
        <v>1</v>
      </c>
      <c r="FB37" s="102">
        <v>0</v>
      </c>
      <c r="FC37" s="103">
        <v>1</v>
      </c>
      <c r="FD37" s="412">
        <v>0</v>
      </c>
      <c r="FE37" s="102">
        <v>0</v>
      </c>
      <c r="FF37" s="102">
        <v>0</v>
      </c>
      <c r="FG37" s="102">
        <v>1</v>
      </c>
      <c r="FH37" s="102">
        <v>0</v>
      </c>
      <c r="FI37" s="102">
        <v>0</v>
      </c>
      <c r="FJ37" s="103">
        <v>1</v>
      </c>
      <c r="FK37" s="104">
        <v>2</v>
      </c>
      <c r="FL37" s="101">
        <v>0</v>
      </c>
      <c r="FM37" s="102">
        <v>0</v>
      </c>
      <c r="FN37" s="103">
        <v>0</v>
      </c>
      <c r="FO37" s="412">
        <v>0</v>
      </c>
      <c r="FP37" s="102">
        <v>0</v>
      </c>
      <c r="FQ37" s="102">
        <v>0</v>
      </c>
      <c r="FR37" s="102">
        <v>0</v>
      </c>
      <c r="FS37" s="102">
        <v>0</v>
      </c>
      <c r="FT37" s="102">
        <v>1</v>
      </c>
      <c r="FU37" s="103">
        <v>1</v>
      </c>
      <c r="FV37" s="104">
        <v>1</v>
      </c>
      <c r="FW37" s="101">
        <v>0</v>
      </c>
      <c r="FX37" s="102">
        <v>0</v>
      </c>
      <c r="FY37" s="103">
        <v>0</v>
      </c>
      <c r="FZ37" s="412">
        <v>0</v>
      </c>
      <c r="GA37" s="102">
        <v>0</v>
      </c>
      <c r="GB37" s="102">
        <v>0</v>
      </c>
      <c r="GC37" s="102">
        <v>0</v>
      </c>
      <c r="GD37" s="102">
        <v>0</v>
      </c>
      <c r="GE37" s="102">
        <v>0</v>
      </c>
      <c r="GF37" s="103">
        <v>0</v>
      </c>
      <c r="GG37" s="104">
        <v>0</v>
      </c>
      <c r="GH37" s="101">
        <v>1</v>
      </c>
      <c r="GI37" s="102">
        <v>0</v>
      </c>
      <c r="GJ37" s="103">
        <v>1</v>
      </c>
      <c r="GK37" s="412">
        <v>0</v>
      </c>
      <c r="GL37" s="102">
        <v>0</v>
      </c>
      <c r="GM37" s="102">
        <v>0</v>
      </c>
      <c r="GN37" s="102">
        <v>1</v>
      </c>
      <c r="GO37" s="102">
        <v>1</v>
      </c>
      <c r="GP37" s="102">
        <v>1</v>
      </c>
      <c r="GQ37" s="103">
        <v>3</v>
      </c>
      <c r="GR37" s="104">
        <v>4</v>
      </c>
      <c r="GS37" s="105">
        <v>4</v>
      </c>
      <c r="GT37" s="97">
        <v>2</v>
      </c>
      <c r="GU37" s="98">
        <v>6</v>
      </c>
      <c r="GV37" s="412">
        <v>0</v>
      </c>
      <c r="GW37" s="97">
        <v>4</v>
      </c>
      <c r="GX37" s="97">
        <v>8</v>
      </c>
      <c r="GY37" s="97">
        <v>4</v>
      </c>
      <c r="GZ37" s="97">
        <v>2</v>
      </c>
      <c r="HA37" s="97">
        <v>2</v>
      </c>
      <c r="HB37" s="99">
        <v>20</v>
      </c>
      <c r="HC37" s="100">
        <v>26</v>
      </c>
      <c r="HD37" s="101">
        <v>0</v>
      </c>
      <c r="HE37" s="102">
        <v>0</v>
      </c>
      <c r="HF37" s="103">
        <v>0</v>
      </c>
      <c r="HG37" s="412">
        <v>0</v>
      </c>
      <c r="HH37" s="102">
        <v>0</v>
      </c>
      <c r="HI37" s="102">
        <v>0</v>
      </c>
      <c r="HJ37" s="102">
        <v>0</v>
      </c>
      <c r="HK37" s="102">
        <v>0</v>
      </c>
      <c r="HL37" s="102">
        <v>0</v>
      </c>
      <c r="HM37" s="103">
        <v>0</v>
      </c>
      <c r="HN37" s="104">
        <v>0</v>
      </c>
      <c r="HO37" s="101">
        <v>0</v>
      </c>
      <c r="HP37" s="102">
        <v>0</v>
      </c>
      <c r="HQ37" s="103">
        <v>0</v>
      </c>
      <c r="HR37" s="412">
        <v>0</v>
      </c>
      <c r="HS37" s="102">
        <v>0</v>
      </c>
      <c r="HT37" s="102">
        <v>0</v>
      </c>
      <c r="HU37" s="102">
        <v>0</v>
      </c>
      <c r="HV37" s="102">
        <v>1</v>
      </c>
      <c r="HW37" s="102">
        <v>0</v>
      </c>
      <c r="HX37" s="103">
        <v>1</v>
      </c>
      <c r="HY37" s="104">
        <v>1</v>
      </c>
      <c r="HZ37" s="101">
        <v>0</v>
      </c>
      <c r="IA37" s="102">
        <v>0</v>
      </c>
      <c r="IB37" s="103">
        <v>0</v>
      </c>
      <c r="IC37" s="412">
        <v>0</v>
      </c>
      <c r="ID37" s="102">
        <v>0</v>
      </c>
      <c r="IE37" s="102">
        <v>0</v>
      </c>
      <c r="IF37" s="102">
        <v>0</v>
      </c>
      <c r="IG37" s="102">
        <v>0</v>
      </c>
      <c r="IH37" s="102">
        <v>0</v>
      </c>
      <c r="II37" s="103">
        <v>0</v>
      </c>
      <c r="IJ37" s="104">
        <v>0</v>
      </c>
      <c r="IK37" s="101">
        <v>1</v>
      </c>
      <c r="IL37" s="102">
        <v>1</v>
      </c>
      <c r="IM37" s="103">
        <v>2</v>
      </c>
      <c r="IN37" s="412">
        <v>0</v>
      </c>
      <c r="IO37" s="102">
        <v>0</v>
      </c>
      <c r="IP37" s="102">
        <v>5</v>
      </c>
      <c r="IQ37" s="102">
        <v>0</v>
      </c>
      <c r="IR37" s="102">
        <v>0</v>
      </c>
      <c r="IS37" s="102">
        <v>0</v>
      </c>
      <c r="IT37" s="103">
        <v>5</v>
      </c>
      <c r="IU37" s="104">
        <v>7</v>
      </c>
      <c r="IV37" s="101">
        <v>3</v>
      </c>
      <c r="IW37" s="102">
        <v>1</v>
      </c>
      <c r="IX37" s="103">
        <v>4</v>
      </c>
      <c r="IY37" s="412">
        <v>0</v>
      </c>
      <c r="IZ37" s="102">
        <v>2</v>
      </c>
      <c r="JA37" s="102">
        <v>0</v>
      </c>
      <c r="JB37" s="102">
        <v>4</v>
      </c>
      <c r="JC37" s="102">
        <v>1</v>
      </c>
      <c r="JD37" s="102">
        <v>0</v>
      </c>
      <c r="JE37" s="103">
        <v>7</v>
      </c>
      <c r="JF37" s="104">
        <v>11</v>
      </c>
      <c r="JG37" s="101">
        <v>0</v>
      </c>
      <c r="JH37" s="102">
        <v>0</v>
      </c>
      <c r="JI37" s="103">
        <v>0</v>
      </c>
      <c r="JJ37" s="412">
        <v>0</v>
      </c>
      <c r="JK37" s="102">
        <v>2</v>
      </c>
      <c r="JL37" s="102">
        <v>3</v>
      </c>
      <c r="JM37" s="102">
        <v>0</v>
      </c>
      <c r="JN37" s="102">
        <v>0</v>
      </c>
      <c r="JO37" s="102">
        <v>2</v>
      </c>
      <c r="JP37" s="103">
        <v>7</v>
      </c>
      <c r="JQ37" s="104">
        <v>7</v>
      </c>
      <c r="JR37" s="101">
        <v>0</v>
      </c>
      <c r="JS37" s="102">
        <v>0</v>
      </c>
      <c r="JT37" s="103">
        <v>0</v>
      </c>
      <c r="JU37" s="412">
        <v>0</v>
      </c>
      <c r="JV37" s="102">
        <v>0</v>
      </c>
      <c r="JW37" s="102">
        <v>0</v>
      </c>
      <c r="JX37" s="102">
        <v>0</v>
      </c>
      <c r="JY37" s="102">
        <v>0</v>
      </c>
      <c r="JZ37" s="102">
        <v>0</v>
      </c>
      <c r="KA37" s="103">
        <v>0</v>
      </c>
      <c r="KB37" s="104">
        <v>0</v>
      </c>
      <c r="KC37" s="101">
        <v>4</v>
      </c>
      <c r="KD37" s="102">
        <v>2</v>
      </c>
      <c r="KE37" s="103">
        <v>6</v>
      </c>
      <c r="KF37" s="412">
        <v>0</v>
      </c>
      <c r="KG37" s="102">
        <v>4</v>
      </c>
      <c r="KH37" s="102">
        <v>8</v>
      </c>
      <c r="KI37" s="102">
        <v>4</v>
      </c>
      <c r="KJ37" s="102">
        <v>2</v>
      </c>
      <c r="KK37" s="102">
        <v>2</v>
      </c>
      <c r="KL37" s="103">
        <v>20</v>
      </c>
      <c r="KM37" s="104">
        <v>26</v>
      </c>
    </row>
    <row r="38" spans="2:299" s="70" customFormat="1" ht="21" customHeight="1" x14ac:dyDescent="0.2">
      <c r="B38" s="106" t="s">
        <v>35</v>
      </c>
      <c r="C38" s="96">
        <v>6</v>
      </c>
      <c r="D38" s="97">
        <v>2</v>
      </c>
      <c r="E38" s="98">
        <v>8</v>
      </c>
      <c r="F38" s="412">
        <v>0</v>
      </c>
      <c r="G38" s="97">
        <v>15</v>
      </c>
      <c r="H38" s="97">
        <v>6</v>
      </c>
      <c r="I38" s="97">
        <v>8</v>
      </c>
      <c r="J38" s="97">
        <v>7</v>
      </c>
      <c r="K38" s="97">
        <v>3</v>
      </c>
      <c r="L38" s="99">
        <v>39</v>
      </c>
      <c r="M38" s="100">
        <v>47</v>
      </c>
      <c r="N38" s="101">
        <v>0</v>
      </c>
      <c r="O38" s="102">
        <v>0</v>
      </c>
      <c r="P38" s="103">
        <v>0</v>
      </c>
      <c r="Q38" s="412">
        <v>0</v>
      </c>
      <c r="R38" s="102">
        <v>1</v>
      </c>
      <c r="S38" s="102">
        <v>0</v>
      </c>
      <c r="T38" s="102">
        <v>1</v>
      </c>
      <c r="U38" s="102">
        <v>0</v>
      </c>
      <c r="V38" s="102">
        <v>0</v>
      </c>
      <c r="W38" s="103">
        <v>2</v>
      </c>
      <c r="X38" s="104">
        <v>2</v>
      </c>
      <c r="Y38" s="101">
        <v>0</v>
      </c>
      <c r="Z38" s="102">
        <v>0</v>
      </c>
      <c r="AA38" s="103">
        <v>0</v>
      </c>
      <c r="AB38" s="412">
        <v>0</v>
      </c>
      <c r="AC38" s="102">
        <v>0</v>
      </c>
      <c r="AD38" s="102">
        <v>0</v>
      </c>
      <c r="AE38" s="102">
        <v>0</v>
      </c>
      <c r="AF38" s="102">
        <v>0</v>
      </c>
      <c r="AG38" s="102">
        <v>0</v>
      </c>
      <c r="AH38" s="103">
        <v>0</v>
      </c>
      <c r="AI38" s="104">
        <v>0</v>
      </c>
      <c r="AJ38" s="101">
        <v>1</v>
      </c>
      <c r="AK38" s="102">
        <v>0</v>
      </c>
      <c r="AL38" s="103">
        <v>1</v>
      </c>
      <c r="AM38" s="412">
        <v>0</v>
      </c>
      <c r="AN38" s="102">
        <v>1</v>
      </c>
      <c r="AO38" s="102">
        <v>0</v>
      </c>
      <c r="AP38" s="102">
        <v>1</v>
      </c>
      <c r="AQ38" s="102">
        <v>1</v>
      </c>
      <c r="AR38" s="102">
        <v>1</v>
      </c>
      <c r="AS38" s="103">
        <v>4</v>
      </c>
      <c r="AT38" s="104">
        <v>5</v>
      </c>
      <c r="AU38" s="101">
        <v>2</v>
      </c>
      <c r="AV38" s="102">
        <v>1</v>
      </c>
      <c r="AW38" s="103">
        <v>3</v>
      </c>
      <c r="AX38" s="412">
        <v>0</v>
      </c>
      <c r="AY38" s="102">
        <v>2</v>
      </c>
      <c r="AZ38" s="102">
        <v>0</v>
      </c>
      <c r="BA38" s="102">
        <v>1</v>
      </c>
      <c r="BB38" s="102">
        <v>1</v>
      </c>
      <c r="BC38" s="102">
        <v>0</v>
      </c>
      <c r="BD38" s="103">
        <v>4</v>
      </c>
      <c r="BE38" s="104">
        <v>7</v>
      </c>
      <c r="BF38" s="101">
        <v>2</v>
      </c>
      <c r="BG38" s="102">
        <v>0</v>
      </c>
      <c r="BH38" s="103">
        <v>2</v>
      </c>
      <c r="BI38" s="412">
        <v>0</v>
      </c>
      <c r="BJ38" s="102">
        <v>6</v>
      </c>
      <c r="BK38" s="102">
        <v>1</v>
      </c>
      <c r="BL38" s="102">
        <v>1</v>
      </c>
      <c r="BM38" s="102">
        <v>1</v>
      </c>
      <c r="BN38" s="102">
        <v>1</v>
      </c>
      <c r="BO38" s="103">
        <v>10</v>
      </c>
      <c r="BP38" s="104">
        <v>12</v>
      </c>
      <c r="BQ38" s="101">
        <v>1</v>
      </c>
      <c r="BR38" s="102">
        <v>1</v>
      </c>
      <c r="BS38" s="103">
        <v>2</v>
      </c>
      <c r="BT38" s="412">
        <v>0</v>
      </c>
      <c r="BU38" s="102">
        <v>5</v>
      </c>
      <c r="BV38" s="102">
        <v>5</v>
      </c>
      <c r="BW38" s="102">
        <v>4</v>
      </c>
      <c r="BX38" s="102">
        <v>4</v>
      </c>
      <c r="BY38" s="102">
        <v>1</v>
      </c>
      <c r="BZ38" s="103">
        <v>19</v>
      </c>
      <c r="CA38" s="104">
        <v>21</v>
      </c>
      <c r="CB38" s="101">
        <v>0</v>
      </c>
      <c r="CC38" s="102">
        <v>0</v>
      </c>
      <c r="CD38" s="103">
        <v>0</v>
      </c>
      <c r="CE38" s="412">
        <v>0</v>
      </c>
      <c r="CF38" s="102">
        <v>0</v>
      </c>
      <c r="CG38" s="102">
        <v>0</v>
      </c>
      <c r="CH38" s="102">
        <v>0</v>
      </c>
      <c r="CI38" s="102">
        <v>0</v>
      </c>
      <c r="CJ38" s="102">
        <v>0</v>
      </c>
      <c r="CK38" s="103">
        <v>0</v>
      </c>
      <c r="CL38" s="104">
        <v>0</v>
      </c>
      <c r="CM38" s="101">
        <v>6</v>
      </c>
      <c r="CN38" s="102">
        <v>2</v>
      </c>
      <c r="CO38" s="103">
        <v>8</v>
      </c>
      <c r="CP38" s="412">
        <v>0</v>
      </c>
      <c r="CQ38" s="102">
        <v>15</v>
      </c>
      <c r="CR38" s="102">
        <v>6</v>
      </c>
      <c r="CS38" s="102">
        <v>8</v>
      </c>
      <c r="CT38" s="102">
        <v>7</v>
      </c>
      <c r="CU38" s="102">
        <v>3</v>
      </c>
      <c r="CV38" s="103">
        <v>39</v>
      </c>
      <c r="CW38" s="104">
        <v>47</v>
      </c>
      <c r="CX38" s="105">
        <v>1</v>
      </c>
      <c r="CY38" s="97">
        <v>0</v>
      </c>
      <c r="CZ38" s="98">
        <v>1</v>
      </c>
      <c r="DA38" s="412">
        <v>0</v>
      </c>
      <c r="DB38" s="97">
        <v>5</v>
      </c>
      <c r="DC38" s="97">
        <v>4</v>
      </c>
      <c r="DD38" s="97">
        <v>3</v>
      </c>
      <c r="DE38" s="97">
        <v>2</v>
      </c>
      <c r="DF38" s="97">
        <v>1</v>
      </c>
      <c r="DG38" s="99">
        <v>15</v>
      </c>
      <c r="DH38" s="100">
        <v>16</v>
      </c>
      <c r="DI38" s="101">
        <v>0</v>
      </c>
      <c r="DJ38" s="102">
        <v>0</v>
      </c>
      <c r="DK38" s="103">
        <v>0</v>
      </c>
      <c r="DL38" s="412">
        <v>0</v>
      </c>
      <c r="DM38" s="102">
        <v>0</v>
      </c>
      <c r="DN38" s="102">
        <v>0</v>
      </c>
      <c r="DO38" s="102">
        <v>0</v>
      </c>
      <c r="DP38" s="102">
        <v>0</v>
      </c>
      <c r="DQ38" s="102">
        <v>0</v>
      </c>
      <c r="DR38" s="103">
        <v>0</v>
      </c>
      <c r="DS38" s="104">
        <v>0</v>
      </c>
      <c r="DT38" s="101">
        <v>0</v>
      </c>
      <c r="DU38" s="102">
        <v>0</v>
      </c>
      <c r="DV38" s="103">
        <v>0</v>
      </c>
      <c r="DW38" s="412">
        <v>0</v>
      </c>
      <c r="DX38" s="102">
        <v>0</v>
      </c>
      <c r="DY38" s="102">
        <v>0</v>
      </c>
      <c r="DZ38" s="102">
        <v>1</v>
      </c>
      <c r="EA38" s="102">
        <v>0</v>
      </c>
      <c r="EB38" s="102">
        <v>0</v>
      </c>
      <c r="EC38" s="103">
        <v>1</v>
      </c>
      <c r="ED38" s="104">
        <v>1</v>
      </c>
      <c r="EE38" s="101">
        <v>0</v>
      </c>
      <c r="EF38" s="102">
        <v>0</v>
      </c>
      <c r="EG38" s="103">
        <v>0</v>
      </c>
      <c r="EH38" s="412">
        <v>0</v>
      </c>
      <c r="EI38" s="102">
        <v>0</v>
      </c>
      <c r="EJ38" s="102">
        <v>1</v>
      </c>
      <c r="EK38" s="102">
        <v>1</v>
      </c>
      <c r="EL38" s="102">
        <v>0</v>
      </c>
      <c r="EM38" s="102">
        <v>0</v>
      </c>
      <c r="EN38" s="103">
        <v>2</v>
      </c>
      <c r="EO38" s="104">
        <v>2</v>
      </c>
      <c r="EP38" s="101">
        <v>1</v>
      </c>
      <c r="EQ38" s="102">
        <v>0</v>
      </c>
      <c r="ER38" s="103">
        <v>1</v>
      </c>
      <c r="ES38" s="412">
        <v>0</v>
      </c>
      <c r="ET38" s="102">
        <v>1</v>
      </c>
      <c r="EU38" s="102">
        <v>1</v>
      </c>
      <c r="EV38" s="102">
        <v>0</v>
      </c>
      <c r="EW38" s="102">
        <v>0</v>
      </c>
      <c r="EX38" s="102">
        <v>0</v>
      </c>
      <c r="EY38" s="103">
        <v>2</v>
      </c>
      <c r="EZ38" s="104">
        <v>3</v>
      </c>
      <c r="FA38" s="101">
        <v>0</v>
      </c>
      <c r="FB38" s="102">
        <v>0</v>
      </c>
      <c r="FC38" s="103">
        <v>0</v>
      </c>
      <c r="FD38" s="412">
        <v>0</v>
      </c>
      <c r="FE38" s="102">
        <v>3</v>
      </c>
      <c r="FF38" s="102">
        <v>0</v>
      </c>
      <c r="FG38" s="102">
        <v>0</v>
      </c>
      <c r="FH38" s="102">
        <v>0</v>
      </c>
      <c r="FI38" s="102">
        <v>1</v>
      </c>
      <c r="FJ38" s="103">
        <v>4</v>
      </c>
      <c r="FK38" s="104">
        <v>4</v>
      </c>
      <c r="FL38" s="101">
        <v>0</v>
      </c>
      <c r="FM38" s="102">
        <v>0</v>
      </c>
      <c r="FN38" s="103">
        <v>0</v>
      </c>
      <c r="FO38" s="412">
        <v>0</v>
      </c>
      <c r="FP38" s="102">
        <v>1</v>
      </c>
      <c r="FQ38" s="102">
        <v>2</v>
      </c>
      <c r="FR38" s="102">
        <v>1</v>
      </c>
      <c r="FS38" s="102">
        <v>2</v>
      </c>
      <c r="FT38" s="102">
        <v>0</v>
      </c>
      <c r="FU38" s="103">
        <v>6</v>
      </c>
      <c r="FV38" s="104">
        <v>6</v>
      </c>
      <c r="FW38" s="101">
        <v>0</v>
      </c>
      <c r="FX38" s="102">
        <v>0</v>
      </c>
      <c r="FY38" s="103">
        <v>0</v>
      </c>
      <c r="FZ38" s="412">
        <v>0</v>
      </c>
      <c r="GA38" s="102">
        <v>0</v>
      </c>
      <c r="GB38" s="102">
        <v>0</v>
      </c>
      <c r="GC38" s="102">
        <v>0</v>
      </c>
      <c r="GD38" s="102">
        <v>0</v>
      </c>
      <c r="GE38" s="102">
        <v>0</v>
      </c>
      <c r="GF38" s="103">
        <v>0</v>
      </c>
      <c r="GG38" s="104">
        <v>0</v>
      </c>
      <c r="GH38" s="101">
        <v>1</v>
      </c>
      <c r="GI38" s="102">
        <v>0</v>
      </c>
      <c r="GJ38" s="103">
        <v>1</v>
      </c>
      <c r="GK38" s="412">
        <v>0</v>
      </c>
      <c r="GL38" s="102">
        <v>5</v>
      </c>
      <c r="GM38" s="102">
        <v>4</v>
      </c>
      <c r="GN38" s="102">
        <v>3</v>
      </c>
      <c r="GO38" s="102">
        <v>2</v>
      </c>
      <c r="GP38" s="102">
        <v>1</v>
      </c>
      <c r="GQ38" s="103">
        <v>15</v>
      </c>
      <c r="GR38" s="104">
        <v>16</v>
      </c>
      <c r="GS38" s="105">
        <v>7</v>
      </c>
      <c r="GT38" s="97">
        <v>2</v>
      </c>
      <c r="GU38" s="98">
        <v>9</v>
      </c>
      <c r="GV38" s="412">
        <v>0</v>
      </c>
      <c r="GW38" s="97">
        <v>20</v>
      </c>
      <c r="GX38" s="97">
        <v>10</v>
      </c>
      <c r="GY38" s="97">
        <v>11</v>
      </c>
      <c r="GZ38" s="97">
        <v>9</v>
      </c>
      <c r="HA38" s="97">
        <v>4</v>
      </c>
      <c r="HB38" s="99">
        <v>54</v>
      </c>
      <c r="HC38" s="100">
        <v>63</v>
      </c>
      <c r="HD38" s="101">
        <v>0</v>
      </c>
      <c r="HE38" s="102">
        <v>0</v>
      </c>
      <c r="HF38" s="103">
        <v>0</v>
      </c>
      <c r="HG38" s="412">
        <v>0</v>
      </c>
      <c r="HH38" s="102">
        <v>1</v>
      </c>
      <c r="HI38" s="102">
        <v>0</v>
      </c>
      <c r="HJ38" s="102">
        <v>1</v>
      </c>
      <c r="HK38" s="102">
        <v>0</v>
      </c>
      <c r="HL38" s="102">
        <v>0</v>
      </c>
      <c r="HM38" s="103">
        <v>2</v>
      </c>
      <c r="HN38" s="104">
        <v>2</v>
      </c>
      <c r="HO38" s="101">
        <v>0</v>
      </c>
      <c r="HP38" s="102">
        <v>0</v>
      </c>
      <c r="HQ38" s="103">
        <v>0</v>
      </c>
      <c r="HR38" s="412">
        <v>0</v>
      </c>
      <c r="HS38" s="102">
        <v>0</v>
      </c>
      <c r="HT38" s="102">
        <v>0</v>
      </c>
      <c r="HU38" s="102">
        <v>1</v>
      </c>
      <c r="HV38" s="102">
        <v>0</v>
      </c>
      <c r="HW38" s="102">
        <v>0</v>
      </c>
      <c r="HX38" s="103">
        <v>1</v>
      </c>
      <c r="HY38" s="104">
        <v>1</v>
      </c>
      <c r="HZ38" s="101">
        <v>1</v>
      </c>
      <c r="IA38" s="102">
        <v>0</v>
      </c>
      <c r="IB38" s="103">
        <v>1</v>
      </c>
      <c r="IC38" s="412">
        <v>0</v>
      </c>
      <c r="ID38" s="102">
        <v>1</v>
      </c>
      <c r="IE38" s="102">
        <v>1</v>
      </c>
      <c r="IF38" s="102">
        <v>2</v>
      </c>
      <c r="IG38" s="102">
        <v>1</v>
      </c>
      <c r="IH38" s="102">
        <v>1</v>
      </c>
      <c r="II38" s="103">
        <v>6</v>
      </c>
      <c r="IJ38" s="104">
        <v>7</v>
      </c>
      <c r="IK38" s="101">
        <v>3</v>
      </c>
      <c r="IL38" s="102">
        <v>1</v>
      </c>
      <c r="IM38" s="103">
        <v>4</v>
      </c>
      <c r="IN38" s="412">
        <v>0</v>
      </c>
      <c r="IO38" s="102">
        <v>3</v>
      </c>
      <c r="IP38" s="102">
        <v>1</v>
      </c>
      <c r="IQ38" s="102">
        <v>1</v>
      </c>
      <c r="IR38" s="102">
        <v>1</v>
      </c>
      <c r="IS38" s="102">
        <v>0</v>
      </c>
      <c r="IT38" s="103">
        <v>6</v>
      </c>
      <c r="IU38" s="104">
        <v>10</v>
      </c>
      <c r="IV38" s="101">
        <v>2</v>
      </c>
      <c r="IW38" s="102">
        <v>0</v>
      </c>
      <c r="IX38" s="103">
        <v>2</v>
      </c>
      <c r="IY38" s="412">
        <v>0</v>
      </c>
      <c r="IZ38" s="102">
        <v>9</v>
      </c>
      <c r="JA38" s="102">
        <v>1</v>
      </c>
      <c r="JB38" s="102">
        <v>1</v>
      </c>
      <c r="JC38" s="102">
        <v>1</v>
      </c>
      <c r="JD38" s="102">
        <v>2</v>
      </c>
      <c r="JE38" s="103">
        <v>14</v>
      </c>
      <c r="JF38" s="104">
        <v>16</v>
      </c>
      <c r="JG38" s="101">
        <v>1</v>
      </c>
      <c r="JH38" s="102">
        <v>1</v>
      </c>
      <c r="JI38" s="103">
        <v>2</v>
      </c>
      <c r="JJ38" s="412">
        <v>0</v>
      </c>
      <c r="JK38" s="102">
        <v>6</v>
      </c>
      <c r="JL38" s="102">
        <v>7</v>
      </c>
      <c r="JM38" s="102">
        <v>5</v>
      </c>
      <c r="JN38" s="102">
        <v>6</v>
      </c>
      <c r="JO38" s="102">
        <v>1</v>
      </c>
      <c r="JP38" s="103">
        <v>25</v>
      </c>
      <c r="JQ38" s="104">
        <v>27</v>
      </c>
      <c r="JR38" s="101">
        <v>0</v>
      </c>
      <c r="JS38" s="102">
        <v>0</v>
      </c>
      <c r="JT38" s="103">
        <v>0</v>
      </c>
      <c r="JU38" s="412">
        <v>0</v>
      </c>
      <c r="JV38" s="102">
        <v>0</v>
      </c>
      <c r="JW38" s="102">
        <v>0</v>
      </c>
      <c r="JX38" s="102">
        <v>0</v>
      </c>
      <c r="JY38" s="102">
        <v>0</v>
      </c>
      <c r="JZ38" s="102">
        <v>0</v>
      </c>
      <c r="KA38" s="103">
        <v>0</v>
      </c>
      <c r="KB38" s="104">
        <v>0</v>
      </c>
      <c r="KC38" s="101">
        <v>7</v>
      </c>
      <c r="KD38" s="102">
        <v>2</v>
      </c>
      <c r="KE38" s="103">
        <v>9</v>
      </c>
      <c r="KF38" s="412">
        <v>0</v>
      </c>
      <c r="KG38" s="102">
        <v>20</v>
      </c>
      <c r="KH38" s="102">
        <v>10</v>
      </c>
      <c r="KI38" s="102">
        <v>11</v>
      </c>
      <c r="KJ38" s="102">
        <v>9</v>
      </c>
      <c r="KK38" s="102">
        <v>4</v>
      </c>
      <c r="KL38" s="103">
        <v>54</v>
      </c>
      <c r="KM38" s="104">
        <v>63</v>
      </c>
    </row>
    <row r="39" spans="2:299" s="70" customFormat="1" ht="21" customHeight="1" x14ac:dyDescent="0.2">
      <c r="B39" s="106" t="s">
        <v>36</v>
      </c>
      <c r="C39" s="96">
        <v>5</v>
      </c>
      <c r="D39" s="97">
        <v>4</v>
      </c>
      <c r="E39" s="98">
        <v>9</v>
      </c>
      <c r="F39" s="412">
        <v>0</v>
      </c>
      <c r="G39" s="97">
        <v>12</v>
      </c>
      <c r="H39" s="97">
        <v>9</v>
      </c>
      <c r="I39" s="97">
        <v>4</v>
      </c>
      <c r="J39" s="97">
        <v>6</v>
      </c>
      <c r="K39" s="97">
        <v>3</v>
      </c>
      <c r="L39" s="99">
        <v>34</v>
      </c>
      <c r="M39" s="100">
        <v>43</v>
      </c>
      <c r="N39" s="101">
        <v>0</v>
      </c>
      <c r="O39" s="102">
        <v>0</v>
      </c>
      <c r="P39" s="103">
        <v>0</v>
      </c>
      <c r="Q39" s="412">
        <v>0</v>
      </c>
      <c r="R39" s="102">
        <v>1</v>
      </c>
      <c r="S39" s="102">
        <v>1</v>
      </c>
      <c r="T39" s="102">
        <v>1</v>
      </c>
      <c r="U39" s="102">
        <v>0</v>
      </c>
      <c r="V39" s="102">
        <v>1</v>
      </c>
      <c r="W39" s="103">
        <v>4</v>
      </c>
      <c r="X39" s="104">
        <v>4</v>
      </c>
      <c r="Y39" s="101">
        <v>1</v>
      </c>
      <c r="Z39" s="102">
        <v>0</v>
      </c>
      <c r="AA39" s="103">
        <v>1</v>
      </c>
      <c r="AB39" s="412">
        <v>0</v>
      </c>
      <c r="AC39" s="102">
        <v>0</v>
      </c>
      <c r="AD39" s="102">
        <v>1</v>
      </c>
      <c r="AE39" s="102">
        <v>0</v>
      </c>
      <c r="AF39" s="102">
        <v>0</v>
      </c>
      <c r="AG39" s="102">
        <v>1</v>
      </c>
      <c r="AH39" s="103">
        <v>2</v>
      </c>
      <c r="AI39" s="104">
        <v>3</v>
      </c>
      <c r="AJ39" s="101">
        <v>0</v>
      </c>
      <c r="AK39" s="102">
        <v>0</v>
      </c>
      <c r="AL39" s="103">
        <v>0</v>
      </c>
      <c r="AM39" s="412">
        <v>0</v>
      </c>
      <c r="AN39" s="102">
        <v>1</v>
      </c>
      <c r="AO39" s="102">
        <v>1</v>
      </c>
      <c r="AP39" s="102">
        <v>1</v>
      </c>
      <c r="AQ39" s="102">
        <v>1</v>
      </c>
      <c r="AR39" s="102">
        <v>0</v>
      </c>
      <c r="AS39" s="103">
        <v>4</v>
      </c>
      <c r="AT39" s="104">
        <v>4</v>
      </c>
      <c r="AU39" s="101">
        <v>1</v>
      </c>
      <c r="AV39" s="102">
        <v>1</v>
      </c>
      <c r="AW39" s="103">
        <v>2</v>
      </c>
      <c r="AX39" s="412">
        <v>0</v>
      </c>
      <c r="AY39" s="102">
        <v>2</v>
      </c>
      <c r="AZ39" s="102">
        <v>3</v>
      </c>
      <c r="BA39" s="102">
        <v>0</v>
      </c>
      <c r="BB39" s="102">
        <v>1</v>
      </c>
      <c r="BC39" s="102">
        <v>1</v>
      </c>
      <c r="BD39" s="103">
        <v>7</v>
      </c>
      <c r="BE39" s="104">
        <v>9</v>
      </c>
      <c r="BF39" s="101">
        <v>3</v>
      </c>
      <c r="BG39" s="102">
        <v>0</v>
      </c>
      <c r="BH39" s="103">
        <v>3</v>
      </c>
      <c r="BI39" s="412">
        <v>0</v>
      </c>
      <c r="BJ39" s="102">
        <v>6</v>
      </c>
      <c r="BK39" s="102">
        <v>2</v>
      </c>
      <c r="BL39" s="102">
        <v>1</v>
      </c>
      <c r="BM39" s="102">
        <v>1</v>
      </c>
      <c r="BN39" s="102">
        <v>0</v>
      </c>
      <c r="BO39" s="103">
        <v>10</v>
      </c>
      <c r="BP39" s="104">
        <v>13</v>
      </c>
      <c r="BQ39" s="101">
        <v>0</v>
      </c>
      <c r="BR39" s="102">
        <v>3</v>
      </c>
      <c r="BS39" s="103">
        <v>3</v>
      </c>
      <c r="BT39" s="412">
        <v>0</v>
      </c>
      <c r="BU39" s="102">
        <v>2</v>
      </c>
      <c r="BV39" s="102">
        <v>1</v>
      </c>
      <c r="BW39" s="102">
        <v>1</v>
      </c>
      <c r="BX39" s="102">
        <v>3</v>
      </c>
      <c r="BY39" s="102">
        <v>0</v>
      </c>
      <c r="BZ39" s="103">
        <v>7</v>
      </c>
      <c r="CA39" s="104">
        <v>10</v>
      </c>
      <c r="CB39" s="101">
        <v>0</v>
      </c>
      <c r="CC39" s="102">
        <v>0</v>
      </c>
      <c r="CD39" s="103">
        <v>0</v>
      </c>
      <c r="CE39" s="412">
        <v>0</v>
      </c>
      <c r="CF39" s="102">
        <v>0</v>
      </c>
      <c r="CG39" s="102">
        <v>0</v>
      </c>
      <c r="CH39" s="102">
        <v>0</v>
      </c>
      <c r="CI39" s="102">
        <v>0</v>
      </c>
      <c r="CJ39" s="102">
        <v>0</v>
      </c>
      <c r="CK39" s="103">
        <v>0</v>
      </c>
      <c r="CL39" s="104">
        <v>0</v>
      </c>
      <c r="CM39" s="101">
        <v>5</v>
      </c>
      <c r="CN39" s="102">
        <v>4</v>
      </c>
      <c r="CO39" s="103">
        <v>9</v>
      </c>
      <c r="CP39" s="412">
        <v>0</v>
      </c>
      <c r="CQ39" s="102">
        <v>12</v>
      </c>
      <c r="CR39" s="102">
        <v>9</v>
      </c>
      <c r="CS39" s="102">
        <v>4</v>
      </c>
      <c r="CT39" s="102">
        <v>6</v>
      </c>
      <c r="CU39" s="102">
        <v>3</v>
      </c>
      <c r="CV39" s="103">
        <v>34</v>
      </c>
      <c r="CW39" s="104">
        <v>43</v>
      </c>
      <c r="CX39" s="105">
        <v>1</v>
      </c>
      <c r="CY39" s="97">
        <v>2</v>
      </c>
      <c r="CZ39" s="98">
        <v>3</v>
      </c>
      <c r="DA39" s="412">
        <v>0</v>
      </c>
      <c r="DB39" s="97">
        <v>3</v>
      </c>
      <c r="DC39" s="97">
        <v>1</v>
      </c>
      <c r="DD39" s="97">
        <v>0</v>
      </c>
      <c r="DE39" s="97">
        <v>2</v>
      </c>
      <c r="DF39" s="97">
        <v>1</v>
      </c>
      <c r="DG39" s="99">
        <v>7</v>
      </c>
      <c r="DH39" s="100">
        <v>10</v>
      </c>
      <c r="DI39" s="101">
        <v>0</v>
      </c>
      <c r="DJ39" s="102">
        <v>0</v>
      </c>
      <c r="DK39" s="103">
        <v>0</v>
      </c>
      <c r="DL39" s="412">
        <v>0</v>
      </c>
      <c r="DM39" s="102">
        <v>1</v>
      </c>
      <c r="DN39" s="102">
        <v>0</v>
      </c>
      <c r="DO39" s="102">
        <v>0</v>
      </c>
      <c r="DP39" s="102">
        <v>0</v>
      </c>
      <c r="DQ39" s="102">
        <v>0</v>
      </c>
      <c r="DR39" s="103">
        <v>1</v>
      </c>
      <c r="DS39" s="104">
        <v>1</v>
      </c>
      <c r="DT39" s="101">
        <v>0</v>
      </c>
      <c r="DU39" s="102">
        <v>0</v>
      </c>
      <c r="DV39" s="103">
        <v>0</v>
      </c>
      <c r="DW39" s="412">
        <v>0</v>
      </c>
      <c r="DX39" s="102">
        <v>0</v>
      </c>
      <c r="DY39" s="102">
        <v>0</v>
      </c>
      <c r="DZ39" s="102">
        <v>0</v>
      </c>
      <c r="EA39" s="102">
        <v>1</v>
      </c>
      <c r="EB39" s="102">
        <v>0</v>
      </c>
      <c r="EC39" s="103">
        <v>1</v>
      </c>
      <c r="ED39" s="104">
        <v>1</v>
      </c>
      <c r="EE39" s="101">
        <v>0</v>
      </c>
      <c r="EF39" s="102">
        <v>0</v>
      </c>
      <c r="EG39" s="103">
        <v>0</v>
      </c>
      <c r="EH39" s="412">
        <v>0</v>
      </c>
      <c r="EI39" s="102">
        <v>0</v>
      </c>
      <c r="EJ39" s="102">
        <v>0</v>
      </c>
      <c r="EK39" s="102">
        <v>0</v>
      </c>
      <c r="EL39" s="102">
        <v>0</v>
      </c>
      <c r="EM39" s="102">
        <v>0</v>
      </c>
      <c r="EN39" s="103">
        <v>0</v>
      </c>
      <c r="EO39" s="104">
        <v>0</v>
      </c>
      <c r="EP39" s="101">
        <v>0</v>
      </c>
      <c r="EQ39" s="102">
        <v>0</v>
      </c>
      <c r="ER39" s="103">
        <v>0</v>
      </c>
      <c r="ES39" s="412">
        <v>0</v>
      </c>
      <c r="ET39" s="102">
        <v>1</v>
      </c>
      <c r="EU39" s="102">
        <v>0</v>
      </c>
      <c r="EV39" s="102">
        <v>0</v>
      </c>
      <c r="EW39" s="102">
        <v>0</v>
      </c>
      <c r="EX39" s="102">
        <v>0</v>
      </c>
      <c r="EY39" s="103">
        <v>1</v>
      </c>
      <c r="EZ39" s="104">
        <v>1</v>
      </c>
      <c r="FA39" s="101">
        <v>0</v>
      </c>
      <c r="FB39" s="102">
        <v>2</v>
      </c>
      <c r="FC39" s="103">
        <v>2</v>
      </c>
      <c r="FD39" s="412">
        <v>0</v>
      </c>
      <c r="FE39" s="102">
        <v>0</v>
      </c>
      <c r="FF39" s="102">
        <v>1</v>
      </c>
      <c r="FG39" s="102">
        <v>0</v>
      </c>
      <c r="FH39" s="102">
        <v>0</v>
      </c>
      <c r="FI39" s="102">
        <v>1</v>
      </c>
      <c r="FJ39" s="103">
        <v>2</v>
      </c>
      <c r="FK39" s="104">
        <v>4</v>
      </c>
      <c r="FL39" s="101">
        <v>1</v>
      </c>
      <c r="FM39" s="102">
        <v>0</v>
      </c>
      <c r="FN39" s="103">
        <v>1</v>
      </c>
      <c r="FO39" s="412">
        <v>0</v>
      </c>
      <c r="FP39" s="102">
        <v>1</v>
      </c>
      <c r="FQ39" s="102">
        <v>0</v>
      </c>
      <c r="FR39" s="102">
        <v>0</v>
      </c>
      <c r="FS39" s="102">
        <v>1</v>
      </c>
      <c r="FT39" s="102">
        <v>0</v>
      </c>
      <c r="FU39" s="103">
        <v>2</v>
      </c>
      <c r="FV39" s="104">
        <v>3</v>
      </c>
      <c r="FW39" s="101">
        <v>0</v>
      </c>
      <c r="FX39" s="102">
        <v>0</v>
      </c>
      <c r="FY39" s="103">
        <v>0</v>
      </c>
      <c r="FZ39" s="412">
        <v>0</v>
      </c>
      <c r="GA39" s="102">
        <v>0</v>
      </c>
      <c r="GB39" s="102">
        <v>0</v>
      </c>
      <c r="GC39" s="102">
        <v>0</v>
      </c>
      <c r="GD39" s="102">
        <v>0</v>
      </c>
      <c r="GE39" s="102">
        <v>0</v>
      </c>
      <c r="GF39" s="103">
        <v>0</v>
      </c>
      <c r="GG39" s="104">
        <v>0</v>
      </c>
      <c r="GH39" s="101">
        <v>1</v>
      </c>
      <c r="GI39" s="102">
        <v>2</v>
      </c>
      <c r="GJ39" s="103">
        <v>3</v>
      </c>
      <c r="GK39" s="412">
        <v>0</v>
      </c>
      <c r="GL39" s="102">
        <v>3</v>
      </c>
      <c r="GM39" s="102">
        <v>1</v>
      </c>
      <c r="GN39" s="102">
        <v>0</v>
      </c>
      <c r="GO39" s="102">
        <v>2</v>
      </c>
      <c r="GP39" s="102">
        <v>1</v>
      </c>
      <c r="GQ39" s="103">
        <v>7</v>
      </c>
      <c r="GR39" s="104">
        <v>10</v>
      </c>
      <c r="GS39" s="105">
        <v>6</v>
      </c>
      <c r="GT39" s="97">
        <v>6</v>
      </c>
      <c r="GU39" s="98">
        <v>12</v>
      </c>
      <c r="GV39" s="412">
        <v>0</v>
      </c>
      <c r="GW39" s="97">
        <v>15</v>
      </c>
      <c r="GX39" s="97">
        <v>10</v>
      </c>
      <c r="GY39" s="97">
        <v>4</v>
      </c>
      <c r="GZ39" s="97">
        <v>8</v>
      </c>
      <c r="HA39" s="97">
        <v>4</v>
      </c>
      <c r="HB39" s="99">
        <v>41</v>
      </c>
      <c r="HC39" s="100">
        <v>53</v>
      </c>
      <c r="HD39" s="101">
        <v>0</v>
      </c>
      <c r="HE39" s="102">
        <v>0</v>
      </c>
      <c r="HF39" s="103">
        <v>0</v>
      </c>
      <c r="HG39" s="412">
        <v>0</v>
      </c>
      <c r="HH39" s="102">
        <v>2</v>
      </c>
      <c r="HI39" s="102">
        <v>1</v>
      </c>
      <c r="HJ39" s="102">
        <v>1</v>
      </c>
      <c r="HK39" s="102">
        <v>0</v>
      </c>
      <c r="HL39" s="102">
        <v>1</v>
      </c>
      <c r="HM39" s="103">
        <v>5</v>
      </c>
      <c r="HN39" s="104">
        <v>5</v>
      </c>
      <c r="HO39" s="101">
        <v>1</v>
      </c>
      <c r="HP39" s="102">
        <v>0</v>
      </c>
      <c r="HQ39" s="103">
        <v>1</v>
      </c>
      <c r="HR39" s="412">
        <v>0</v>
      </c>
      <c r="HS39" s="102">
        <v>0</v>
      </c>
      <c r="HT39" s="102">
        <v>1</v>
      </c>
      <c r="HU39" s="102">
        <v>0</v>
      </c>
      <c r="HV39" s="102">
        <v>1</v>
      </c>
      <c r="HW39" s="102">
        <v>1</v>
      </c>
      <c r="HX39" s="103">
        <v>3</v>
      </c>
      <c r="HY39" s="104">
        <v>4</v>
      </c>
      <c r="HZ39" s="101">
        <v>0</v>
      </c>
      <c r="IA39" s="102">
        <v>0</v>
      </c>
      <c r="IB39" s="103">
        <v>0</v>
      </c>
      <c r="IC39" s="412">
        <v>0</v>
      </c>
      <c r="ID39" s="102">
        <v>1</v>
      </c>
      <c r="IE39" s="102">
        <v>1</v>
      </c>
      <c r="IF39" s="102">
        <v>1</v>
      </c>
      <c r="IG39" s="102">
        <v>1</v>
      </c>
      <c r="IH39" s="102">
        <v>0</v>
      </c>
      <c r="II39" s="103">
        <v>4</v>
      </c>
      <c r="IJ39" s="104">
        <v>4</v>
      </c>
      <c r="IK39" s="101">
        <v>1</v>
      </c>
      <c r="IL39" s="102">
        <v>1</v>
      </c>
      <c r="IM39" s="103">
        <v>2</v>
      </c>
      <c r="IN39" s="412">
        <v>0</v>
      </c>
      <c r="IO39" s="102">
        <v>3</v>
      </c>
      <c r="IP39" s="102">
        <v>3</v>
      </c>
      <c r="IQ39" s="102">
        <v>0</v>
      </c>
      <c r="IR39" s="102">
        <v>1</v>
      </c>
      <c r="IS39" s="102">
        <v>1</v>
      </c>
      <c r="IT39" s="103">
        <v>8</v>
      </c>
      <c r="IU39" s="104">
        <v>10</v>
      </c>
      <c r="IV39" s="101">
        <v>3</v>
      </c>
      <c r="IW39" s="102">
        <v>2</v>
      </c>
      <c r="IX39" s="103">
        <v>5</v>
      </c>
      <c r="IY39" s="412">
        <v>0</v>
      </c>
      <c r="IZ39" s="102">
        <v>6</v>
      </c>
      <c r="JA39" s="102">
        <v>3</v>
      </c>
      <c r="JB39" s="102">
        <v>1</v>
      </c>
      <c r="JC39" s="102">
        <v>1</v>
      </c>
      <c r="JD39" s="102">
        <v>1</v>
      </c>
      <c r="JE39" s="103">
        <v>12</v>
      </c>
      <c r="JF39" s="104">
        <v>17</v>
      </c>
      <c r="JG39" s="101">
        <v>1</v>
      </c>
      <c r="JH39" s="102">
        <v>3</v>
      </c>
      <c r="JI39" s="103">
        <v>4</v>
      </c>
      <c r="JJ39" s="412">
        <v>0</v>
      </c>
      <c r="JK39" s="102">
        <v>3</v>
      </c>
      <c r="JL39" s="102">
        <v>1</v>
      </c>
      <c r="JM39" s="102">
        <v>1</v>
      </c>
      <c r="JN39" s="102">
        <v>4</v>
      </c>
      <c r="JO39" s="102">
        <v>0</v>
      </c>
      <c r="JP39" s="103">
        <v>9</v>
      </c>
      <c r="JQ39" s="104">
        <v>13</v>
      </c>
      <c r="JR39" s="101">
        <v>0</v>
      </c>
      <c r="JS39" s="102">
        <v>0</v>
      </c>
      <c r="JT39" s="103">
        <v>0</v>
      </c>
      <c r="JU39" s="412">
        <v>0</v>
      </c>
      <c r="JV39" s="102">
        <v>0</v>
      </c>
      <c r="JW39" s="102">
        <v>0</v>
      </c>
      <c r="JX39" s="102">
        <v>0</v>
      </c>
      <c r="JY39" s="102">
        <v>0</v>
      </c>
      <c r="JZ39" s="102">
        <v>0</v>
      </c>
      <c r="KA39" s="103">
        <v>0</v>
      </c>
      <c r="KB39" s="104">
        <v>0</v>
      </c>
      <c r="KC39" s="101">
        <v>6</v>
      </c>
      <c r="KD39" s="102">
        <v>6</v>
      </c>
      <c r="KE39" s="103">
        <v>12</v>
      </c>
      <c r="KF39" s="412">
        <v>0</v>
      </c>
      <c r="KG39" s="102">
        <v>15</v>
      </c>
      <c r="KH39" s="102">
        <v>10</v>
      </c>
      <c r="KI39" s="102">
        <v>4</v>
      </c>
      <c r="KJ39" s="102">
        <v>8</v>
      </c>
      <c r="KK39" s="102">
        <v>4</v>
      </c>
      <c r="KL39" s="103">
        <v>41</v>
      </c>
      <c r="KM39" s="104">
        <v>53</v>
      </c>
    </row>
    <row r="40" spans="2:299" s="70" customFormat="1" ht="21" customHeight="1" thickBot="1" x14ac:dyDescent="0.25">
      <c r="B40" s="108" t="s">
        <v>37</v>
      </c>
      <c r="C40" s="109">
        <v>0</v>
      </c>
      <c r="D40" s="110">
        <v>0</v>
      </c>
      <c r="E40" s="111">
        <v>0</v>
      </c>
      <c r="F40" s="413">
        <v>0</v>
      </c>
      <c r="G40" s="110">
        <v>1</v>
      </c>
      <c r="H40" s="110">
        <v>1</v>
      </c>
      <c r="I40" s="110">
        <v>2</v>
      </c>
      <c r="J40" s="110">
        <v>0</v>
      </c>
      <c r="K40" s="110">
        <v>0</v>
      </c>
      <c r="L40" s="112">
        <v>4</v>
      </c>
      <c r="M40" s="113">
        <v>4</v>
      </c>
      <c r="N40" s="114">
        <v>0</v>
      </c>
      <c r="O40" s="115">
        <v>0</v>
      </c>
      <c r="P40" s="116">
        <v>0</v>
      </c>
      <c r="Q40" s="413">
        <v>0</v>
      </c>
      <c r="R40" s="115">
        <v>0</v>
      </c>
      <c r="S40" s="115">
        <v>0</v>
      </c>
      <c r="T40" s="115">
        <v>0</v>
      </c>
      <c r="U40" s="115">
        <v>0</v>
      </c>
      <c r="V40" s="115">
        <v>0</v>
      </c>
      <c r="W40" s="116">
        <v>0</v>
      </c>
      <c r="X40" s="117">
        <v>0</v>
      </c>
      <c r="Y40" s="114">
        <v>0</v>
      </c>
      <c r="Z40" s="115">
        <v>0</v>
      </c>
      <c r="AA40" s="116">
        <v>0</v>
      </c>
      <c r="AB40" s="413">
        <v>0</v>
      </c>
      <c r="AC40" s="115">
        <v>0</v>
      </c>
      <c r="AD40" s="115">
        <v>0</v>
      </c>
      <c r="AE40" s="115">
        <v>1</v>
      </c>
      <c r="AF40" s="115">
        <v>0</v>
      </c>
      <c r="AG40" s="115">
        <v>0</v>
      </c>
      <c r="AH40" s="116">
        <v>1</v>
      </c>
      <c r="AI40" s="117">
        <v>1</v>
      </c>
      <c r="AJ40" s="114">
        <v>0</v>
      </c>
      <c r="AK40" s="115">
        <v>0</v>
      </c>
      <c r="AL40" s="116">
        <v>0</v>
      </c>
      <c r="AM40" s="413">
        <v>0</v>
      </c>
      <c r="AN40" s="115">
        <v>1</v>
      </c>
      <c r="AO40" s="115">
        <v>0</v>
      </c>
      <c r="AP40" s="115">
        <v>1</v>
      </c>
      <c r="AQ40" s="115">
        <v>0</v>
      </c>
      <c r="AR40" s="115">
        <v>0</v>
      </c>
      <c r="AS40" s="116">
        <v>2</v>
      </c>
      <c r="AT40" s="117">
        <v>2</v>
      </c>
      <c r="AU40" s="114">
        <v>0</v>
      </c>
      <c r="AV40" s="115">
        <v>0</v>
      </c>
      <c r="AW40" s="116">
        <v>0</v>
      </c>
      <c r="AX40" s="413">
        <v>0</v>
      </c>
      <c r="AY40" s="115">
        <v>0</v>
      </c>
      <c r="AZ40" s="115">
        <v>0</v>
      </c>
      <c r="BA40" s="115">
        <v>0</v>
      </c>
      <c r="BB40" s="115">
        <v>0</v>
      </c>
      <c r="BC40" s="115">
        <v>0</v>
      </c>
      <c r="BD40" s="116">
        <v>0</v>
      </c>
      <c r="BE40" s="117">
        <v>0</v>
      </c>
      <c r="BF40" s="114">
        <v>0</v>
      </c>
      <c r="BG40" s="115">
        <v>0</v>
      </c>
      <c r="BH40" s="116">
        <v>0</v>
      </c>
      <c r="BI40" s="413">
        <v>0</v>
      </c>
      <c r="BJ40" s="115">
        <v>0</v>
      </c>
      <c r="BK40" s="115">
        <v>1</v>
      </c>
      <c r="BL40" s="115">
        <v>0</v>
      </c>
      <c r="BM40" s="115">
        <v>0</v>
      </c>
      <c r="BN40" s="115">
        <v>0</v>
      </c>
      <c r="BO40" s="116">
        <v>1</v>
      </c>
      <c r="BP40" s="117">
        <v>1</v>
      </c>
      <c r="BQ40" s="114">
        <v>0</v>
      </c>
      <c r="BR40" s="115">
        <v>0</v>
      </c>
      <c r="BS40" s="116">
        <v>0</v>
      </c>
      <c r="BT40" s="413">
        <v>0</v>
      </c>
      <c r="BU40" s="115">
        <v>0</v>
      </c>
      <c r="BV40" s="115">
        <v>0</v>
      </c>
      <c r="BW40" s="115">
        <v>0</v>
      </c>
      <c r="BX40" s="115">
        <v>0</v>
      </c>
      <c r="BY40" s="115">
        <v>0</v>
      </c>
      <c r="BZ40" s="116">
        <v>0</v>
      </c>
      <c r="CA40" s="117">
        <v>0</v>
      </c>
      <c r="CB40" s="114">
        <v>0</v>
      </c>
      <c r="CC40" s="115">
        <v>0</v>
      </c>
      <c r="CD40" s="116">
        <v>0</v>
      </c>
      <c r="CE40" s="413">
        <v>0</v>
      </c>
      <c r="CF40" s="115">
        <v>0</v>
      </c>
      <c r="CG40" s="115">
        <v>0</v>
      </c>
      <c r="CH40" s="115">
        <v>0</v>
      </c>
      <c r="CI40" s="115">
        <v>0</v>
      </c>
      <c r="CJ40" s="115">
        <v>0</v>
      </c>
      <c r="CK40" s="116">
        <v>0</v>
      </c>
      <c r="CL40" s="117">
        <v>0</v>
      </c>
      <c r="CM40" s="114">
        <v>0</v>
      </c>
      <c r="CN40" s="115">
        <v>0</v>
      </c>
      <c r="CO40" s="116">
        <v>0</v>
      </c>
      <c r="CP40" s="413">
        <v>0</v>
      </c>
      <c r="CQ40" s="115">
        <v>1</v>
      </c>
      <c r="CR40" s="115">
        <v>1</v>
      </c>
      <c r="CS40" s="115">
        <v>2</v>
      </c>
      <c r="CT40" s="115">
        <v>0</v>
      </c>
      <c r="CU40" s="115">
        <v>0</v>
      </c>
      <c r="CV40" s="116">
        <v>4</v>
      </c>
      <c r="CW40" s="117">
        <v>4</v>
      </c>
      <c r="CX40" s="118">
        <v>0</v>
      </c>
      <c r="CY40" s="110">
        <v>0</v>
      </c>
      <c r="CZ40" s="111">
        <v>0</v>
      </c>
      <c r="DA40" s="413">
        <v>0</v>
      </c>
      <c r="DB40" s="110">
        <v>0</v>
      </c>
      <c r="DC40" s="110">
        <v>0</v>
      </c>
      <c r="DD40" s="110">
        <v>0</v>
      </c>
      <c r="DE40" s="110">
        <v>0</v>
      </c>
      <c r="DF40" s="110">
        <v>0</v>
      </c>
      <c r="DG40" s="112">
        <v>0</v>
      </c>
      <c r="DH40" s="113">
        <v>0</v>
      </c>
      <c r="DI40" s="114">
        <v>0</v>
      </c>
      <c r="DJ40" s="115">
        <v>0</v>
      </c>
      <c r="DK40" s="116">
        <v>0</v>
      </c>
      <c r="DL40" s="413">
        <v>0</v>
      </c>
      <c r="DM40" s="115">
        <v>0</v>
      </c>
      <c r="DN40" s="115">
        <v>0</v>
      </c>
      <c r="DO40" s="115">
        <v>0</v>
      </c>
      <c r="DP40" s="115">
        <v>0</v>
      </c>
      <c r="DQ40" s="115">
        <v>0</v>
      </c>
      <c r="DR40" s="116">
        <v>0</v>
      </c>
      <c r="DS40" s="117">
        <v>0</v>
      </c>
      <c r="DT40" s="114">
        <v>0</v>
      </c>
      <c r="DU40" s="115">
        <v>0</v>
      </c>
      <c r="DV40" s="116">
        <v>0</v>
      </c>
      <c r="DW40" s="413">
        <v>0</v>
      </c>
      <c r="DX40" s="115">
        <v>0</v>
      </c>
      <c r="DY40" s="115">
        <v>0</v>
      </c>
      <c r="DZ40" s="115">
        <v>0</v>
      </c>
      <c r="EA40" s="115">
        <v>0</v>
      </c>
      <c r="EB40" s="115">
        <v>0</v>
      </c>
      <c r="EC40" s="116">
        <v>0</v>
      </c>
      <c r="ED40" s="117">
        <v>0</v>
      </c>
      <c r="EE40" s="114">
        <v>0</v>
      </c>
      <c r="EF40" s="115">
        <v>0</v>
      </c>
      <c r="EG40" s="116">
        <v>0</v>
      </c>
      <c r="EH40" s="413">
        <v>0</v>
      </c>
      <c r="EI40" s="115">
        <v>0</v>
      </c>
      <c r="EJ40" s="115">
        <v>0</v>
      </c>
      <c r="EK40" s="115">
        <v>0</v>
      </c>
      <c r="EL40" s="115">
        <v>0</v>
      </c>
      <c r="EM40" s="115">
        <v>0</v>
      </c>
      <c r="EN40" s="116">
        <v>0</v>
      </c>
      <c r="EO40" s="117">
        <v>0</v>
      </c>
      <c r="EP40" s="114">
        <v>0</v>
      </c>
      <c r="EQ40" s="115">
        <v>0</v>
      </c>
      <c r="ER40" s="116">
        <v>0</v>
      </c>
      <c r="ES40" s="413">
        <v>0</v>
      </c>
      <c r="ET40" s="115">
        <v>0</v>
      </c>
      <c r="EU40" s="115">
        <v>0</v>
      </c>
      <c r="EV40" s="115">
        <v>0</v>
      </c>
      <c r="EW40" s="115">
        <v>0</v>
      </c>
      <c r="EX40" s="115">
        <v>0</v>
      </c>
      <c r="EY40" s="116">
        <v>0</v>
      </c>
      <c r="EZ40" s="117">
        <v>0</v>
      </c>
      <c r="FA40" s="114">
        <v>0</v>
      </c>
      <c r="FB40" s="115">
        <v>0</v>
      </c>
      <c r="FC40" s="116">
        <v>0</v>
      </c>
      <c r="FD40" s="413">
        <v>0</v>
      </c>
      <c r="FE40" s="115">
        <v>0</v>
      </c>
      <c r="FF40" s="115">
        <v>0</v>
      </c>
      <c r="FG40" s="115">
        <v>0</v>
      </c>
      <c r="FH40" s="115">
        <v>0</v>
      </c>
      <c r="FI40" s="115">
        <v>0</v>
      </c>
      <c r="FJ40" s="116">
        <v>0</v>
      </c>
      <c r="FK40" s="117">
        <v>0</v>
      </c>
      <c r="FL40" s="114">
        <v>0</v>
      </c>
      <c r="FM40" s="115">
        <v>0</v>
      </c>
      <c r="FN40" s="116">
        <v>0</v>
      </c>
      <c r="FO40" s="413">
        <v>0</v>
      </c>
      <c r="FP40" s="115">
        <v>0</v>
      </c>
      <c r="FQ40" s="115">
        <v>0</v>
      </c>
      <c r="FR40" s="115">
        <v>0</v>
      </c>
      <c r="FS40" s="115">
        <v>0</v>
      </c>
      <c r="FT40" s="115">
        <v>0</v>
      </c>
      <c r="FU40" s="116">
        <v>0</v>
      </c>
      <c r="FV40" s="117">
        <v>0</v>
      </c>
      <c r="FW40" s="114">
        <v>0</v>
      </c>
      <c r="FX40" s="115">
        <v>0</v>
      </c>
      <c r="FY40" s="116">
        <v>0</v>
      </c>
      <c r="FZ40" s="413">
        <v>0</v>
      </c>
      <c r="GA40" s="115">
        <v>0</v>
      </c>
      <c r="GB40" s="115">
        <v>0</v>
      </c>
      <c r="GC40" s="115">
        <v>0</v>
      </c>
      <c r="GD40" s="115">
        <v>0</v>
      </c>
      <c r="GE40" s="115">
        <v>0</v>
      </c>
      <c r="GF40" s="116">
        <v>0</v>
      </c>
      <c r="GG40" s="117">
        <v>0</v>
      </c>
      <c r="GH40" s="114">
        <v>0</v>
      </c>
      <c r="GI40" s="115">
        <v>0</v>
      </c>
      <c r="GJ40" s="116">
        <v>0</v>
      </c>
      <c r="GK40" s="413">
        <v>0</v>
      </c>
      <c r="GL40" s="115">
        <v>0</v>
      </c>
      <c r="GM40" s="115">
        <v>0</v>
      </c>
      <c r="GN40" s="115">
        <v>0</v>
      </c>
      <c r="GO40" s="115">
        <v>0</v>
      </c>
      <c r="GP40" s="115">
        <v>0</v>
      </c>
      <c r="GQ40" s="116">
        <v>0</v>
      </c>
      <c r="GR40" s="117">
        <v>0</v>
      </c>
      <c r="GS40" s="118">
        <v>0</v>
      </c>
      <c r="GT40" s="110">
        <v>0</v>
      </c>
      <c r="GU40" s="111">
        <v>0</v>
      </c>
      <c r="GV40" s="413">
        <v>0</v>
      </c>
      <c r="GW40" s="110">
        <v>1</v>
      </c>
      <c r="GX40" s="110">
        <v>1</v>
      </c>
      <c r="GY40" s="110">
        <v>2</v>
      </c>
      <c r="GZ40" s="110">
        <v>0</v>
      </c>
      <c r="HA40" s="110">
        <v>0</v>
      </c>
      <c r="HB40" s="112">
        <v>4</v>
      </c>
      <c r="HC40" s="113">
        <v>4</v>
      </c>
      <c r="HD40" s="114">
        <v>0</v>
      </c>
      <c r="HE40" s="115">
        <v>0</v>
      </c>
      <c r="HF40" s="116">
        <v>0</v>
      </c>
      <c r="HG40" s="413">
        <v>0</v>
      </c>
      <c r="HH40" s="115">
        <v>0</v>
      </c>
      <c r="HI40" s="115">
        <v>0</v>
      </c>
      <c r="HJ40" s="115">
        <v>0</v>
      </c>
      <c r="HK40" s="115">
        <v>0</v>
      </c>
      <c r="HL40" s="115">
        <v>0</v>
      </c>
      <c r="HM40" s="116">
        <v>0</v>
      </c>
      <c r="HN40" s="117">
        <v>0</v>
      </c>
      <c r="HO40" s="114">
        <v>0</v>
      </c>
      <c r="HP40" s="115">
        <v>0</v>
      </c>
      <c r="HQ40" s="116">
        <v>0</v>
      </c>
      <c r="HR40" s="413">
        <v>0</v>
      </c>
      <c r="HS40" s="115">
        <v>0</v>
      </c>
      <c r="HT40" s="115">
        <v>0</v>
      </c>
      <c r="HU40" s="115">
        <v>1</v>
      </c>
      <c r="HV40" s="115">
        <v>0</v>
      </c>
      <c r="HW40" s="115">
        <v>0</v>
      </c>
      <c r="HX40" s="116">
        <v>1</v>
      </c>
      <c r="HY40" s="117">
        <v>1</v>
      </c>
      <c r="HZ40" s="114">
        <v>0</v>
      </c>
      <c r="IA40" s="115">
        <v>0</v>
      </c>
      <c r="IB40" s="116">
        <v>0</v>
      </c>
      <c r="IC40" s="413">
        <v>0</v>
      </c>
      <c r="ID40" s="115">
        <v>1</v>
      </c>
      <c r="IE40" s="115">
        <v>0</v>
      </c>
      <c r="IF40" s="115">
        <v>1</v>
      </c>
      <c r="IG40" s="115">
        <v>0</v>
      </c>
      <c r="IH40" s="115">
        <v>0</v>
      </c>
      <c r="II40" s="116">
        <v>2</v>
      </c>
      <c r="IJ40" s="117">
        <v>2</v>
      </c>
      <c r="IK40" s="114">
        <v>0</v>
      </c>
      <c r="IL40" s="115">
        <v>0</v>
      </c>
      <c r="IM40" s="116">
        <v>0</v>
      </c>
      <c r="IN40" s="413">
        <v>0</v>
      </c>
      <c r="IO40" s="115">
        <v>0</v>
      </c>
      <c r="IP40" s="115">
        <v>0</v>
      </c>
      <c r="IQ40" s="115">
        <v>0</v>
      </c>
      <c r="IR40" s="115">
        <v>0</v>
      </c>
      <c r="IS40" s="115">
        <v>0</v>
      </c>
      <c r="IT40" s="116">
        <v>0</v>
      </c>
      <c r="IU40" s="117">
        <v>0</v>
      </c>
      <c r="IV40" s="114">
        <v>0</v>
      </c>
      <c r="IW40" s="115">
        <v>0</v>
      </c>
      <c r="IX40" s="116">
        <v>0</v>
      </c>
      <c r="IY40" s="413">
        <v>0</v>
      </c>
      <c r="IZ40" s="115">
        <v>0</v>
      </c>
      <c r="JA40" s="115">
        <v>1</v>
      </c>
      <c r="JB40" s="115">
        <v>0</v>
      </c>
      <c r="JC40" s="115">
        <v>0</v>
      </c>
      <c r="JD40" s="115">
        <v>0</v>
      </c>
      <c r="JE40" s="116">
        <v>1</v>
      </c>
      <c r="JF40" s="117">
        <v>1</v>
      </c>
      <c r="JG40" s="114">
        <v>0</v>
      </c>
      <c r="JH40" s="115">
        <v>0</v>
      </c>
      <c r="JI40" s="116">
        <v>0</v>
      </c>
      <c r="JJ40" s="413">
        <v>0</v>
      </c>
      <c r="JK40" s="115">
        <v>0</v>
      </c>
      <c r="JL40" s="115">
        <v>0</v>
      </c>
      <c r="JM40" s="115">
        <v>0</v>
      </c>
      <c r="JN40" s="115">
        <v>0</v>
      </c>
      <c r="JO40" s="115">
        <v>0</v>
      </c>
      <c r="JP40" s="116">
        <v>0</v>
      </c>
      <c r="JQ40" s="117">
        <v>0</v>
      </c>
      <c r="JR40" s="114">
        <v>0</v>
      </c>
      <c r="JS40" s="115">
        <v>0</v>
      </c>
      <c r="JT40" s="116">
        <v>0</v>
      </c>
      <c r="JU40" s="413">
        <v>0</v>
      </c>
      <c r="JV40" s="115">
        <v>0</v>
      </c>
      <c r="JW40" s="115">
        <v>0</v>
      </c>
      <c r="JX40" s="115">
        <v>0</v>
      </c>
      <c r="JY40" s="115">
        <v>0</v>
      </c>
      <c r="JZ40" s="115">
        <v>0</v>
      </c>
      <c r="KA40" s="116">
        <v>0</v>
      </c>
      <c r="KB40" s="117">
        <v>0</v>
      </c>
      <c r="KC40" s="114">
        <v>0</v>
      </c>
      <c r="KD40" s="115">
        <v>0</v>
      </c>
      <c r="KE40" s="116">
        <v>0</v>
      </c>
      <c r="KF40" s="413">
        <v>0</v>
      </c>
      <c r="KG40" s="115">
        <v>1</v>
      </c>
      <c r="KH40" s="115">
        <v>1</v>
      </c>
      <c r="KI40" s="115">
        <v>2</v>
      </c>
      <c r="KJ40" s="115">
        <v>0</v>
      </c>
      <c r="KK40" s="115">
        <v>0</v>
      </c>
      <c r="KL40" s="116">
        <v>4</v>
      </c>
      <c r="KM40" s="117">
        <v>4</v>
      </c>
    </row>
    <row r="41" spans="2:299" ht="32.25" customHeight="1" x14ac:dyDescent="0.2">
      <c r="C41" s="70" t="s">
        <v>124</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F1" sqref="F1:H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6">
        <f>第１表!F2</f>
        <v>6</v>
      </c>
      <c r="G1" s="446"/>
      <c r="H1" s="18">
        <f>第１表!G2</f>
        <v>5</v>
      </c>
      <c r="I1" s="428">
        <f>H1</f>
        <v>5</v>
      </c>
      <c r="J1" s="428"/>
    </row>
    <row r="2" spans="2:299" ht="24" customHeight="1" thickBot="1" x14ac:dyDescent="0.25">
      <c r="B2" s="10" t="s">
        <v>150</v>
      </c>
    </row>
    <row r="3" spans="2:299" ht="21" customHeight="1" thickBot="1" x14ac:dyDescent="0.25">
      <c r="B3" s="429" t="s">
        <v>38</v>
      </c>
      <c r="C3" s="441" t="s">
        <v>96</v>
      </c>
      <c r="D3" s="441"/>
      <c r="E3" s="441"/>
      <c r="F3" s="441"/>
      <c r="G3" s="441"/>
      <c r="H3" s="441"/>
      <c r="I3" s="441"/>
      <c r="J3" s="441"/>
      <c r="K3" s="441"/>
      <c r="L3" s="441"/>
      <c r="M3" s="441"/>
      <c r="N3" s="441"/>
      <c r="O3" s="441"/>
      <c r="P3" s="441"/>
      <c r="Q3" s="441"/>
      <c r="R3" s="441"/>
      <c r="S3" s="441"/>
      <c r="T3" s="441"/>
      <c r="U3" s="441"/>
      <c r="V3" s="441"/>
      <c r="W3" s="441"/>
      <c r="X3" s="441"/>
      <c r="Y3" s="441"/>
      <c r="Z3" s="441"/>
      <c r="AA3" s="441"/>
      <c r="AB3" s="441"/>
      <c r="AC3" s="441"/>
      <c r="AD3" s="441"/>
      <c r="AE3" s="441"/>
      <c r="AF3" s="441"/>
      <c r="AG3" s="441"/>
      <c r="AH3" s="441"/>
      <c r="AI3" s="441"/>
      <c r="AJ3" s="441"/>
      <c r="AK3" s="441"/>
      <c r="AL3" s="441"/>
      <c r="AM3" s="441"/>
      <c r="AN3" s="441"/>
      <c r="AO3" s="441"/>
      <c r="AP3" s="441"/>
      <c r="AQ3" s="441"/>
      <c r="AR3" s="441"/>
      <c r="AS3" s="441"/>
      <c r="AT3" s="441"/>
      <c r="AU3" s="441"/>
      <c r="AV3" s="441"/>
      <c r="AW3" s="441"/>
      <c r="AX3" s="441"/>
      <c r="AY3" s="441"/>
      <c r="AZ3" s="441"/>
      <c r="BA3" s="441"/>
      <c r="BB3" s="441"/>
      <c r="BC3" s="441"/>
      <c r="BD3" s="441"/>
      <c r="BE3" s="441"/>
      <c r="BF3" s="441"/>
      <c r="BG3" s="441"/>
      <c r="BH3" s="441"/>
      <c r="BI3" s="441"/>
      <c r="BJ3" s="441"/>
      <c r="BK3" s="441"/>
      <c r="BL3" s="441"/>
      <c r="BM3" s="441"/>
      <c r="BN3" s="441"/>
      <c r="BO3" s="441"/>
      <c r="BP3" s="441"/>
      <c r="BQ3" s="441"/>
      <c r="BR3" s="441"/>
      <c r="BS3" s="441"/>
      <c r="BT3" s="441"/>
      <c r="BU3" s="441"/>
      <c r="BV3" s="441"/>
      <c r="BW3" s="441"/>
      <c r="BX3" s="441"/>
      <c r="BY3" s="441"/>
      <c r="BZ3" s="441"/>
      <c r="CA3" s="441"/>
      <c r="CB3" s="441"/>
      <c r="CC3" s="441"/>
      <c r="CD3" s="441"/>
      <c r="CE3" s="441"/>
      <c r="CF3" s="441"/>
      <c r="CG3" s="441"/>
      <c r="CH3" s="441"/>
      <c r="CI3" s="441"/>
      <c r="CJ3" s="441"/>
      <c r="CK3" s="441"/>
      <c r="CL3" s="441"/>
      <c r="CM3" s="441"/>
      <c r="CN3" s="441"/>
      <c r="CO3" s="441"/>
      <c r="CP3" s="441"/>
      <c r="CQ3" s="441"/>
      <c r="CR3" s="441"/>
      <c r="CS3" s="441"/>
      <c r="CT3" s="441"/>
      <c r="CU3" s="441"/>
      <c r="CV3" s="441"/>
      <c r="CW3" s="442"/>
      <c r="CX3" s="441" t="s">
        <v>102</v>
      </c>
      <c r="CY3" s="441"/>
      <c r="CZ3" s="441"/>
      <c r="DA3" s="441"/>
      <c r="DB3" s="441"/>
      <c r="DC3" s="441"/>
      <c r="DD3" s="441"/>
      <c r="DE3" s="441"/>
      <c r="DF3" s="441"/>
      <c r="DG3" s="441"/>
      <c r="DH3" s="441"/>
      <c r="DI3" s="441"/>
      <c r="DJ3" s="441"/>
      <c r="DK3" s="441"/>
      <c r="DL3" s="441"/>
      <c r="DM3" s="441"/>
      <c r="DN3" s="441"/>
      <c r="DO3" s="441"/>
      <c r="DP3" s="441"/>
      <c r="DQ3" s="441"/>
      <c r="DR3" s="441"/>
      <c r="DS3" s="441"/>
      <c r="DT3" s="441"/>
      <c r="DU3" s="441"/>
      <c r="DV3" s="441"/>
      <c r="DW3" s="441"/>
      <c r="DX3" s="441"/>
      <c r="DY3" s="441"/>
      <c r="DZ3" s="441"/>
      <c r="EA3" s="441"/>
      <c r="EB3" s="441"/>
      <c r="EC3" s="441"/>
      <c r="ED3" s="441"/>
      <c r="EE3" s="441"/>
      <c r="EF3" s="441"/>
      <c r="EG3" s="441"/>
      <c r="EH3" s="441"/>
      <c r="EI3" s="441"/>
      <c r="EJ3" s="441"/>
      <c r="EK3" s="441"/>
      <c r="EL3" s="441"/>
      <c r="EM3" s="441"/>
      <c r="EN3" s="441"/>
      <c r="EO3" s="441"/>
      <c r="EP3" s="441"/>
      <c r="EQ3" s="441"/>
      <c r="ER3" s="441"/>
      <c r="ES3" s="441"/>
      <c r="ET3" s="441"/>
      <c r="EU3" s="441"/>
      <c r="EV3" s="441"/>
      <c r="EW3" s="441"/>
      <c r="EX3" s="441"/>
      <c r="EY3" s="441"/>
      <c r="EZ3" s="441"/>
      <c r="FA3" s="441"/>
      <c r="FB3" s="441"/>
      <c r="FC3" s="441"/>
      <c r="FD3" s="441"/>
      <c r="FE3" s="441"/>
      <c r="FF3" s="441"/>
      <c r="FG3" s="441"/>
      <c r="FH3" s="441"/>
      <c r="FI3" s="441"/>
      <c r="FJ3" s="441"/>
      <c r="FK3" s="441"/>
      <c r="FL3" s="441"/>
      <c r="FM3" s="441"/>
      <c r="FN3" s="441"/>
      <c r="FO3" s="441"/>
      <c r="FP3" s="441"/>
      <c r="FQ3" s="441"/>
      <c r="FR3" s="441"/>
      <c r="FS3" s="441"/>
      <c r="FT3" s="441"/>
      <c r="FU3" s="441"/>
      <c r="FV3" s="441"/>
      <c r="FW3" s="441"/>
      <c r="FX3" s="441"/>
      <c r="FY3" s="441"/>
      <c r="FZ3" s="441"/>
      <c r="GA3" s="441"/>
      <c r="GB3" s="441"/>
      <c r="GC3" s="441"/>
      <c r="GD3" s="441"/>
      <c r="GE3" s="441"/>
      <c r="GF3" s="441"/>
      <c r="GG3" s="441"/>
      <c r="GH3" s="441"/>
      <c r="GI3" s="441"/>
      <c r="GJ3" s="441"/>
      <c r="GK3" s="441"/>
      <c r="GL3" s="441"/>
      <c r="GM3" s="441"/>
      <c r="GN3" s="441"/>
      <c r="GO3" s="441"/>
      <c r="GP3" s="441"/>
      <c r="GQ3" s="441"/>
      <c r="GR3" s="442"/>
      <c r="GS3" s="441" t="s">
        <v>103</v>
      </c>
      <c r="GT3" s="441"/>
      <c r="GU3" s="441"/>
      <c r="GV3" s="441"/>
      <c r="GW3" s="441"/>
      <c r="GX3" s="441"/>
      <c r="GY3" s="441"/>
      <c r="GZ3" s="441"/>
      <c r="HA3" s="441"/>
      <c r="HB3" s="441"/>
      <c r="HC3" s="441"/>
      <c r="HD3" s="441"/>
      <c r="HE3" s="441"/>
      <c r="HF3" s="441"/>
      <c r="HG3" s="441"/>
      <c r="HH3" s="441"/>
      <c r="HI3" s="441"/>
      <c r="HJ3" s="441"/>
      <c r="HK3" s="441"/>
      <c r="HL3" s="441"/>
      <c r="HM3" s="441"/>
      <c r="HN3" s="441"/>
      <c r="HO3" s="441"/>
      <c r="HP3" s="441"/>
      <c r="HQ3" s="441"/>
      <c r="HR3" s="441"/>
      <c r="HS3" s="441"/>
      <c r="HT3" s="441"/>
      <c r="HU3" s="441"/>
      <c r="HV3" s="441"/>
      <c r="HW3" s="441"/>
      <c r="HX3" s="441"/>
      <c r="HY3" s="441"/>
      <c r="HZ3" s="441"/>
      <c r="IA3" s="441"/>
      <c r="IB3" s="441"/>
      <c r="IC3" s="441"/>
      <c r="ID3" s="441"/>
      <c r="IE3" s="441"/>
      <c r="IF3" s="441"/>
      <c r="IG3" s="441"/>
      <c r="IH3" s="441"/>
      <c r="II3" s="441"/>
      <c r="IJ3" s="441"/>
      <c r="IK3" s="441"/>
      <c r="IL3" s="441"/>
      <c r="IM3" s="441"/>
      <c r="IN3" s="441"/>
      <c r="IO3" s="441"/>
      <c r="IP3" s="441"/>
      <c r="IQ3" s="441"/>
      <c r="IR3" s="441"/>
      <c r="IS3" s="441"/>
      <c r="IT3" s="441"/>
      <c r="IU3" s="441"/>
      <c r="IV3" s="441"/>
      <c r="IW3" s="441"/>
      <c r="IX3" s="441"/>
      <c r="IY3" s="441"/>
      <c r="IZ3" s="441"/>
      <c r="JA3" s="441"/>
      <c r="JB3" s="441"/>
      <c r="JC3" s="441"/>
      <c r="JD3" s="441"/>
      <c r="JE3" s="441"/>
      <c r="JF3" s="441"/>
      <c r="JG3" s="441"/>
      <c r="JH3" s="441"/>
      <c r="JI3" s="441"/>
      <c r="JJ3" s="441"/>
      <c r="JK3" s="441"/>
      <c r="JL3" s="441"/>
      <c r="JM3" s="441"/>
      <c r="JN3" s="441"/>
      <c r="JO3" s="441"/>
      <c r="JP3" s="441"/>
      <c r="JQ3" s="441"/>
      <c r="JR3" s="441"/>
      <c r="JS3" s="441"/>
      <c r="JT3" s="441"/>
      <c r="JU3" s="441"/>
      <c r="JV3" s="441"/>
      <c r="JW3" s="441"/>
      <c r="JX3" s="441"/>
      <c r="JY3" s="441"/>
      <c r="JZ3" s="441"/>
      <c r="KA3" s="441"/>
      <c r="KB3" s="441"/>
      <c r="KC3" s="441"/>
      <c r="KD3" s="441"/>
      <c r="KE3" s="441"/>
      <c r="KF3" s="441"/>
      <c r="KG3" s="441"/>
      <c r="KH3" s="441"/>
      <c r="KI3" s="441"/>
      <c r="KJ3" s="441"/>
      <c r="KK3" s="441"/>
      <c r="KL3" s="441"/>
      <c r="KM3" s="442"/>
    </row>
    <row r="4" spans="2:299" ht="21" customHeight="1" thickBot="1" x14ac:dyDescent="0.25">
      <c r="B4" s="447"/>
      <c r="C4" s="443" t="s">
        <v>39</v>
      </c>
      <c r="D4" s="444"/>
      <c r="E4" s="444"/>
      <c r="F4" s="444"/>
      <c r="G4" s="444"/>
      <c r="H4" s="444"/>
      <c r="I4" s="444"/>
      <c r="J4" s="444"/>
      <c r="K4" s="444"/>
      <c r="L4" s="444"/>
      <c r="M4" s="444"/>
      <c r="N4" s="444"/>
      <c r="O4" s="444"/>
      <c r="P4" s="444"/>
      <c r="Q4" s="444"/>
      <c r="R4" s="444"/>
      <c r="S4" s="444"/>
      <c r="T4" s="444"/>
      <c r="U4" s="444"/>
      <c r="V4" s="444"/>
      <c r="W4" s="444"/>
      <c r="X4" s="444"/>
      <c r="Y4" s="444"/>
      <c r="Z4" s="444"/>
      <c r="AA4" s="444"/>
      <c r="AB4" s="444"/>
      <c r="AC4" s="444"/>
      <c r="AD4" s="444"/>
      <c r="AE4" s="444"/>
      <c r="AF4" s="444"/>
      <c r="AG4" s="444"/>
      <c r="AH4" s="444"/>
      <c r="AI4" s="444"/>
      <c r="AJ4" s="444"/>
      <c r="AK4" s="444"/>
      <c r="AL4" s="444"/>
      <c r="AM4" s="444"/>
      <c r="AN4" s="444"/>
      <c r="AO4" s="444"/>
      <c r="AP4" s="444"/>
      <c r="AQ4" s="444"/>
      <c r="AR4" s="444"/>
      <c r="AS4" s="444"/>
      <c r="AT4" s="444"/>
      <c r="AU4" s="444"/>
      <c r="AV4" s="444"/>
      <c r="AW4" s="444"/>
      <c r="AX4" s="444"/>
      <c r="AY4" s="444"/>
      <c r="AZ4" s="444"/>
      <c r="BA4" s="444"/>
      <c r="BB4" s="444"/>
      <c r="BC4" s="444"/>
      <c r="BD4" s="444"/>
      <c r="BE4" s="444"/>
      <c r="BF4" s="444"/>
      <c r="BG4" s="444"/>
      <c r="BH4" s="444"/>
      <c r="BI4" s="444"/>
      <c r="BJ4" s="444"/>
      <c r="BK4" s="444"/>
      <c r="BL4" s="444"/>
      <c r="BM4" s="444"/>
      <c r="BN4" s="444"/>
      <c r="BO4" s="444"/>
      <c r="BP4" s="444"/>
      <c r="BQ4" s="444"/>
      <c r="BR4" s="444"/>
      <c r="BS4" s="444"/>
      <c r="BT4" s="444"/>
      <c r="BU4" s="444"/>
      <c r="BV4" s="444"/>
      <c r="BW4" s="444"/>
      <c r="BX4" s="444"/>
      <c r="BY4" s="444"/>
      <c r="BZ4" s="444"/>
      <c r="CA4" s="445"/>
      <c r="CB4" s="429" t="s">
        <v>40</v>
      </c>
      <c r="CC4" s="430"/>
      <c r="CD4" s="430"/>
      <c r="CE4" s="430"/>
      <c r="CF4" s="430"/>
      <c r="CG4" s="430"/>
      <c r="CH4" s="430"/>
      <c r="CI4" s="430"/>
      <c r="CJ4" s="430"/>
      <c r="CK4" s="430"/>
      <c r="CL4" s="431"/>
      <c r="CM4" s="429" t="s">
        <v>41</v>
      </c>
      <c r="CN4" s="430"/>
      <c r="CO4" s="430"/>
      <c r="CP4" s="430"/>
      <c r="CQ4" s="430"/>
      <c r="CR4" s="430"/>
      <c r="CS4" s="430"/>
      <c r="CT4" s="430"/>
      <c r="CU4" s="430"/>
      <c r="CV4" s="430"/>
      <c r="CW4" s="431"/>
      <c r="CX4" s="443" t="s">
        <v>39</v>
      </c>
      <c r="CY4" s="444"/>
      <c r="CZ4" s="444"/>
      <c r="DA4" s="444"/>
      <c r="DB4" s="444"/>
      <c r="DC4" s="444"/>
      <c r="DD4" s="444"/>
      <c r="DE4" s="444"/>
      <c r="DF4" s="444"/>
      <c r="DG4" s="444"/>
      <c r="DH4" s="444"/>
      <c r="DI4" s="444"/>
      <c r="DJ4" s="444"/>
      <c r="DK4" s="444"/>
      <c r="DL4" s="444"/>
      <c r="DM4" s="444"/>
      <c r="DN4" s="444"/>
      <c r="DO4" s="444"/>
      <c r="DP4" s="444"/>
      <c r="DQ4" s="444"/>
      <c r="DR4" s="444"/>
      <c r="DS4" s="444"/>
      <c r="DT4" s="444"/>
      <c r="DU4" s="444"/>
      <c r="DV4" s="444"/>
      <c r="DW4" s="444"/>
      <c r="DX4" s="444"/>
      <c r="DY4" s="444"/>
      <c r="DZ4" s="444"/>
      <c r="EA4" s="444"/>
      <c r="EB4" s="444"/>
      <c r="EC4" s="444"/>
      <c r="ED4" s="444"/>
      <c r="EE4" s="444"/>
      <c r="EF4" s="444"/>
      <c r="EG4" s="444"/>
      <c r="EH4" s="444"/>
      <c r="EI4" s="444"/>
      <c r="EJ4" s="444"/>
      <c r="EK4" s="444"/>
      <c r="EL4" s="444"/>
      <c r="EM4" s="444"/>
      <c r="EN4" s="444"/>
      <c r="EO4" s="444"/>
      <c r="EP4" s="444"/>
      <c r="EQ4" s="444"/>
      <c r="ER4" s="444"/>
      <c r="ES4" s="444"/>
      <c r="ET4" s="444"/>
      <c r="EU4" s="444"/>
      <c r="EV4" s="444"/>
      <c r="EW4" s="444"/>
      <c r="EX4" s="444"/>
      <c r="EY4" s="444"/>
      <c r="EZ4" s="444"/>
      <c r="FA4" s="444"/>
      <c r="FB4" s="444"/>
      <c r="FC4" s="444"/>
      <c r="FD4" s="444"/>
      <c r="FE4" s="444"/>
      <c r="FF4" s="444"/>
      <c r="FG4" s="444"/>
      <c r="FH4" s="444"/>
      <c r="FI4" s="444"/>
      <c r="FJ4" s="444"/>
      <c r="FK4" s="444"/>
      <c r="FL4" s="444"/>
      <c r="FM4" s="444"/>
      <c r="FN4" s="444"/>
      <c r="FO4" s="444"/>
      <c r="FP4" s="444"/>
      <c r="FQ4" s="444"/>
      <c r="FR4" s="444"/>
      <c r="FS4" s="444"/>
      <c r="FT4" s="444"/>
      <c r="FU4" s="444"/>
      <c r="FV4" s="445"/>
      <c r="FW4" s="429" t="s">
        <v>40</v>
      </c>
      <c r="FX4" s="430"/>
      <c r="FY4" s="430"/>
      <c r="FZ4" s="430"/>
      <c r="GA4" s="430"/>
      <c r="GB4" s="430"/>
      <c r="GC4" s="430"/>
      <c r="GD4" s="430"/>
      <c r="GE4" s="430"/>
      <c r="GF4" s="430"/>
      <c r="GG4" s="431"/>
      <c r="GH4" s="429" t="s">
        <v>41</v>
      </c>
      <c r="GI4" s="430"/>
      <c r="GJ4" s="430"/>
      <c r="GK4" s="430"/>
      <c r="GL4" s="430"/>
      <c r="GM4" s="430"/>
      <c r="GN4" s="430"/>
      <c r="GO4" s="430"/>
      <c r="GP4" s="430"/>
      <c r="GQ4" s="430"/>
      <c r="GR4" s="431"/>
      <c r="GS4" s="443" t="s">
        <v>39</v>
      </c>
      <c r="GT4" s="444"/>
      <c r="GU4" s="444"/>
      <c r="GV4" s="444"/>
      <c r="GW4" s="444"/>
      <c r="GX4" s="444"/>
      <c r="GY4" s="444"/>
      <c r="GZ4" s="444"/>
      <c r="HA4" s="444"/>
      <c r="HB4" s="444"/>
      <c r="HC4" s="444"/>
      <c r="HD4" s="444"/>
      <c r="HE4" s="444"/>
      <c r="HF4" s="444"/>
      <c r="HG4" s="444"/>
      <c r="HH4" s="444"/>
      <c r="HI4" s="444"/>
      <c r="HJ4" s="444"/>
      <c r="HK4" s="444"/>
      <c r="HL4" s="444"/>
      <c r="HM4" s="444"/>
      <c r="HN4" s="444"/>
      <c r="HO4" s="444"/>
      <c r="HP4" s="444"/>
      <c r="HQ4" s="444"/>
      <c r="HR4" s="444"/>
      <c r="HS4" s="444"/>
      <c r="HT4" s="444"/>
      <c r="HU4" s="444"/>
      <c r="HV4" s="444"/>
      <c r="HW4" s="444"/>
      <c r="HX4" s="444"/>
      <c r="HY4" s="444"/>
      <c r="HZ4" s="444"/>
      <c r="IA4" s="444"/>
      <c r="IB4" s="444"/>
      <c r="IC4" s="444"/>
      <c r="ID4" s="444"/>
      <c r="IE4" s="444"/>
      <c r="IF4" s="444"/>
      <c r="IG4" s="444"/>
      <c r="IH4" s="444"/>
      <c r="II4" s="444"/>
      <c r="IJ4" s="444"/>
      <c r="IK4" s="444"/>
      <c r="IL4" s="444"/>
      <c r="IM4" s="444"/>
      <c r="IN4" s="444"/>
      <c r="IO4" s="444"/>
      <c r="IP4" s="444"/>
      <c r="IQ4" s="444"/>
      <c r="IR4" s="444"/>
      <c r="IS4" s="444"/>
      <c r="IT4" s="444"/>
      <c r="IU4" s="444"/>
      <c r="IV4" s="444"/>
      <c r="IW4" s="444"/>
      <c r="IX4" s="444"/>
      <c r="IY4" s="444"/>
      <c r="IZ4" s="444"/>
      <c r="JA4" s="444"/>
      <c r="JB4" s="444"/>
      <c r="JC4" s="444"/>
      <c r="JD4" s="444"/>
      <c r="JE4" s="444"/>
      <c r="JF4" s="444"/>
      <c r="JG4" s="444"/>
      <c r="JH4" s="444"/>
      <c r="JI4" s="444"/>
      <c r="JJ4" s="444"/>
      <c r="JK4" s="444"/>
      <c r="JL4" s="444"/>
      <c r="JM4" s="444"/>
      <c r="JN4" s="444"/>
      <c r="JO4" s="444"/>
      <c r="JP4" s="444"/>
      <c r="JQ4" s="445"/>
      <c r="JR4" s="429" t="s">
        <v>40</v>
      </c>
      <c r="JS4" s="430"/>
      <c r="JT4" s="430"/>
      <c r="JU4" s="430"/>
      <c r="JV4" s="430"/>
      <c r="JW4" s="430"/>
      <c r="JX4" s="430"/>
      <c r="JY4" s="430"/>
      <c r="JZ4" s="430"/>
      <c r="KA4" s="430"/>
      <c r="KB4" s="431"/>
      <c r="KC4" s="429" t="s">
        <v>41</v>
      </c>
      <c r="KD4" s="430"/>
      <c r="KE4" s="430"/>
      <c r="KF4" s="430"/>
      <c r="KG4" s="430"/>
      <c r="KH4" s="430"/>
      <c r="KI4" s="430"/>
      <c r="KJ4" s="430"/>
      <c r="KK4" s="430"/>
      <c r="KL4" s="430"/>
      <c r="KM4" s="431"/>
    </row>
    <row r="5" spans="2:299" ht="21" customHeight="1" thickBot="1" x14ac:dyDescent="0.25">
      <c r="B5" s="435"/>
      <c r="C5" s="435"/>
      <c r="D5" s="436"/>
      <c r="E5" s="436"/>
      <c r="F5" s="436"/>
      <c r="G5" s="436"/>
      <c r="H5" s="436"/>
      <c r="I5" s="436"/>
      <c r="J5" s="436"/>
      <c r="K5" s="436"/>
      <c r="L5" s="436"/>
      <c r="M5" s="437"/>
      <c r="N5" s="438" t="s">
        <v>97</v>
      </c>
      <c r="O5" s="439"/>
      <c r="P5" s="439"/>
      <c r="Q5" s="439"/>
      <c r="R5" s="439"/>
      <c r="S5" s="439"/>
      <c r="T5" s="439"/>
      <c r="U5" s="439"/>
      <c r="V5" s="439"/>
      <c r="W5" s="439"/>
      <c r="X5" s="440"/>
      <c r="Y5" s="438" t="s">
        <v>98</v>
      </c>
      <c r="Z5" s="439"/>
      <c r="AA5" s="439"/>
      <c r="AB5" s="439"/>
      <c r="AC5" s="439"/>
      <c r="AD5" s="439"/>
      <c r="AE5" s="439"/>
      <c r="AF5" s="439"/>
      <c r="AG5" s="439"/>
      <c r="AH5" s="439"/>
      <c r="AI5" s="440"/>
      <c r="AJ5" s="438" t="s">
        <v>99</v>
      </c>
      <c r="AK5" s="439"/>
      <c r="AL5" s="439"/>
      <c r="AM5" s="439"/>
      <c r="AN5" s="439"/>
      <c r="AO5" s="439"/>
      <c r="AP5" s="439"/>
      <c r="AQ5" s="439"/>
      <c r="AR5" s="439"/>
      <c r="AS5" s="439"/>
      <c r="AT5" s="440"/>
      <c r="AU5" s="438" t="s">
        <v>100</v>
      </c>
      <c r="AV5" s="439"/>
      <c r="AW5" s="439"/>
      <c r="AX5" s="439"/>
      <c r="AY5" s="439"/>
      <c r="AZ5" s="439"/>
      <c r="BA5" s="439"/>
      <c r="BB5" s="439"/>
      <c r="BC5" s="439"/>
      <c r="BD5" s="439"/>
      <c r="BE5" s="440"/>
      <c r="BF5" s="438" t="s">
        <v>163</v>
      </c>
      <c r="BG5" s="439"/>
      <c r="BH5" s="439"/>
      <c r="BI5" s="439"/>
      <c r="BJ5" s="439"/>
      <c r="BK5" s="439"/>
      <c r="BL5" s="439"/>
      <c r="BM5" s="439"/>
      <c r="BN5" s="439"/>
      <c r="BO5" s="439"/>
      <c r="BP5" s="440"/>
      <c r="BQ5" s="438" t="s">
        <v>101</v>
      </c>
      <c r="BR5" s="439"/>
      <c r="BS5" s="439"/>
      <c r="BT5" s="439"/>
      <c r="BU5" s="439"/>
      <c r="BV5" s="439"/>
      <c r="BW5" s="439"/>
      <c r="BX5" s="439"/>
      <c r="BY5" s="439"/>
      <c r="BZ5" s="439"/>
      <c r="CA5" s="440"/>
      <c r="CB5" s="432"/>
      <c r="CC5" s="433"/>
      <c r="CD5" s="433"/>
      <c r="CE5" s="433"/>
      <c r="CF5" s="433"/>
      <c r="CG5" s="433"/>
      <c r="CH5" s="433"/>
      <c r="CI5" s="433"/>
      <c r="CJ5" s="433"/>
      <c r="CK5" s="433"/>
      <c r="CL5" s="434"/>
      <c r="CM5" s="432"/>
      <c r="CN5" s="433"/>
      <c r="CO5" s="433"/>
      <c r="CP5" s="433"/>
      <c r="CQ5" s="433"/>
      <c r="CR5" s="433"/>
      <c r="CS5" s="433"/>
      <c r="CT5" s="433"/>
      <c r="CU5" s="433"/>
      <c r="CV5" s="433"/>
      <c r="CW5" s="434"/>
      <c r="CX5" s="435"/>
      <c r="CY5" s="436"/>
      <c r="CZ5" s="436"/>
      <c r="DA5" s="436"/>
      <c r="DB5" s="436"/>
      <c r="DC5" s="436"/>
      <c r="DD5" s="436"/>
      <c r="DE5" s="436"/>
      <c r="DF5" s="436"/>
      <c r="DG5" s="436"/>
      <c r="DH5" s="437"/>
      <c r="DI5" s="438" t="s">
        <v>97</v>
      </c>
      <c r="DJ5" s="439"/>
      <c r="DK5" s="439"/>
      <c r="DL5" s="439"/>
      <c r="DM5" s="439"/>
      <c r="DN5" s="439"/>
      <c r="DO5" s="439"/>
      <c r="DP5" s="439"/>
      <c r="DQ5" s="439"/>
      <c r="DR5" s="439"/>
      <c r="DS5" s="440"/>
      <c r="DT5" s="438" t="s">
        <v>98</v>
      </c>
      <c r="DU5" s="439"/>
      <c r="DV5" s="439"/>
      <c r="DW5" s="439"/>
      <c r="DX5" s="439"/>
      <c r="DY5" s="439"/>
      <c r="DZ5" s="439"/>
      <c r="EA5" s="439"/>
      <c r="EB5" s="439"/>
      <c r="EC5" s="439"/>
      <c r="ED5" s="440"/>
      <c r="EE5" s="438" t="s">
        <v>99</v>
      </c>
      <c r="EF5" s="439"/>
      <c r="EG5" s="439"/>
      <c r="EH5" s="439"/>
      <c r="EI5" s="439"/>
      <c r="EJ5" s="439"/>
      <c r="EK5" s="439"/>
      <c r="EL5" s="439"/>
      <c r="EM5" s="439"/>
      <c r="EN5" s="439"/>
      <c r="EO5" s="440"/>
      <c r="EP5" s="438" t="s">
        <v>100</v>
      </c>
      <c r="EQ5" s="439"/>
      <c r="ER5" s="439"/>
      <c r="ES5" s="439"/>
      <c r="ET5" s="439"/>
      <c r="EU5" s="439"/>
      <c r="EV5" s="439"/>
      <c r="EW5" s="439"/>
      <c r="EX5" s="439"/>
      <c r="EY5" s="439"/>
      <c r="EZ5" s="440"/>
      <c r="FA5" s="438" t="s">
        <v>163</v>
      </c>
      <c r="FB5" s="439"/>
      <c r="FC5" s="439"/>
      <c r="FD5" s="439"/>
      <c r="FE5" s="439"/>
      <c r="FF5" s="439"/>
      <c r="FG5" s="439"/>
      <c r="FH5" s="439"/>
      <c r="FI5" s="439"/>
      <c r="FJ5" s="439"/>
      <c r="FK5" s="440"/>
      <c r="FL5" s="438" t="s">
        <v>101</v>
      </c>
      <c r="FM5" s="439"/>
      <c r="FN5" s="439"/>
      <c r="FO5" s="439"/>
      <c r="FP5" s="439"/>
      <c r="FQ5" s="439"/>
      <c r="FR5" s="439"/>
      <c r="FS5" s="439"/>
      <c r="FT5" s="439"/>
      <c r="FU5" s="439"/>
      <c r="FV5" s="440"/>
      <c r="FW5" s="432"/>
      <c r="FX5" s="433"/>
      <c r="FY5" s="433"/>
      <c r="FZ5" s="433"/>
      <c r="GA5" s="433"/>
      <c r="GB5" s="433"/>
      <c r="GC5" s="433"/>
      <c r="GD5" s="433"/>
      <c r="GE5" s="433"/>
      <c r="GF5" s="433"/>
      <c r="GG5" s="434"/>
      <c r="GH5" s="432"/>
      <c r="GI5" s="433"/>
      <c r="GJ5" s="433"/>
      <c r="GK5" s="433"/>
      <c r="GL5" s="433"/>
      <c r="GM5" s="433"/>
      <c r="GN5" s="433"/>
      <c r="GO5" s="433"/>
      <c r="GP5" s="433"/>
      <c r="GQ5" s="433"/>
      <c r="GR5" s="434"/>
      <c r="GS5" s="435"/>
      <c r="GT5" s="436"/>
      <c r="GU5" s="436"/>
      <c r="GV5" s="436"/>
      <c r="GW5" s="436"/>
      <c r="GX5" s="436"/>
      <c r="GY5" s="436"/>
      <c r="GZ5" s="436"/>
      <c r="HA5" s="436"/>
      <c r="HB5" s="436"/>
      <c r="HC5" s="437"/>
      <c r="HD5" s="438" t="s">
        <v>97</v>
      </c>
      <c r="HE5" s="439"/>
      <c r="HF5" s="439"/>
      <c r="HG5" s="439"/>
      <c r="HH5" s="439"/>
      <c r="HI5" s="439"/>
      <c r="HJ5" s="439"/>
      <c r="HK5" s="439"/>
      <c r="HL5" s="439"/>
      <c r="HM5" s="439"/>
      <c r="HN5" s="440"/>
      <c r="HO5" s="438" t="s">
        <v>98</v>
      </c>
      <c r="HP5" s="439"/>
      <c r="HQ5" s="439"/>
      <c r="HR5" s="439"/>
      <c r="HS5" s="439"/>
      <c r="HT5" s="439"/>
      <c r="HU5" s="439"/>
      <c r="HV5" s="439"/>
      <c r="HW5" s="439"/>
      <c r="HX5" s="439"/>
      <c r="HY5" s="440"/>
      <c r="HZ5" s="438" t="s">
        <v>99</v>
      </c>
      <c r="IA5" s="439"/>
      <c r="IB5" s="439"/>
      <c r="IC5" s="439"/>
      <c r="ID5" s="439"/>
      <c r="IE5" s="439"/>
      <c r="IF5" s="439"/>
      <c r="IG5" s="439"/>
      <c r="IH5" s="439"/>
      <c r="II5" s="439"/>
      <c r="IJ5" s="440"/>
      <c r="IK5" s="438" t="s">
        <v>100</v>
      </c>
      <c r="IL5" s="439"/>
      <c r="IM5" s="439"/>
      <c r="IN5" s="439"/>
      <c r="IO5" s="439"/>
      <c r="IP5" s="439"/>
      <c r="IQ5" s="439"/>
      <c r="IR5" s="439"/>
      <c r="IS5" s="439"/>
      <c r="IT5" s="439"/>
      <c r="IU5" s="440"/>
      <c r="IV5" s="438" t="s">
        <v>163</v>
      </c>
      <c r="IW5" s="439"/>
      <c r="IX5" s="439"/>
      <c r="IY5" s="439"/>
      <c r="IZ5" s="439"/>
      <c r="JA5" s="439"/>
      <c r="JB5" s="439"/>
      <c r="JC5" s="439"/>
      <c r="JD5" s="439"/>
      <c r="JE5" s="439"/>
      <c r="JF5" s="440"/>
      <c r="JG5" s="438" t="s">
        <v>101</v>
      </c>
      <c r="JH5" s="439"/>
      <c r="JI5" s="439"/>
      <c r="JJ5" s="439"/>
      <c r="JK5" s="439"/>
      <c r="JL5" s="439"/>
      <c r="JM5" s="439"/>
      <c r="JN5" s="439"/>
      <c r="JO5" s="439"/>
      <c r="JP5" s="439"/>
      <c r="JQ5" s="440"/>
      <c r="JR5" s="432"/>
      <c r="JS5" s="433"/>
      <c r="JT5" s="433"/>
      <c r="JU5" s="433"/>
      <c r="JV5" s="433"/>
      <c r="JW5" s="433"/>
      <c r="JX5" s="433"/>
      <c r="JY5" s="433"/>
      <c r="JZ5" s="433"/>
      <c r="KA5" s="433"/>
      <c r="KB5" s="434"/>
      <c r="KC5" s="432"/>
      <c r="KD5" s="433"/>
      <c r="KE5" s="433"/>
      <c r="KF5" s="433"/>
      <c r="KG5" s="433"/>
      <c r="KH5" s="433"/>
      <c r="KI5" s="433"/>
      <c r="KJ5" s="433"/>
      <c r="KK5" s="433"/>
      <c r="KL5" s="433"/>
      <c r="KM5" s="434"/>
    </row>
    <row r="6" spans="2:299" ht="30" customHeight="1" thickBot="1" x14ac:dyDescent="0.25">
      <c r="B6" s="420" t="s">
        <v>42</v>
      </c>
      <c r="C6" s="421" t="s">
        <v>43</v>
      </c>
      <c r="D6" s="422" t="s">
        <v>44</v>
      </c>
      <c r="E6" s="75" t="s">
        <v>45</v>
      </c>
      <c r="F6" s="76" t="s">
        <v>46</v>
      </c>
      <c r="G6" s="422" t="s">
        <v>47</v>
      </c>
      <c r="H6" s="422" t="s">
        <v>48</v>
      </c>
      <c r="I6" s="422" t="s">
        <v>49</v>
      </c>
      <c r="J6" s="422" t="s">
        <v>50</v>
      </c>
      <c r="K6" s="422" t="s">
        <v>51</v>
      </c>
      <c r="L6" s="75" t="s">
        <v>45</v>
      </c>
      <c r="M6" s="418" t="s">
        <v>52</v>
      </c>
      <c r="N6" s="78" t="s">
        <v>43</v>
      </c>
      <c r="O6" s="79" t="s">
        <v>44</v>
      </c>
      <c r="P6" s="80" t="s">
        <v>45</v>
      </c>
      <c r="Q6" s="81" t="s">
        <v>46</v>
      </c>
      <c r="R6" s="79" t="s">
        <v>47</v>
      </c>
      <c r="S6" s="79" t="s">
        <v>48</v>
      </c>
      <c r="T6" s="79" t="s">
        <v>49</v>
      </c>
      <c r="U6" s="79" t="s">
        <v>50</v>
      </c>
      <c r="V6" s="79" t="s">
        <v>51</v>
      </c>
      <c r="W6" s="80" t="s">
        <v>45</v>
      </c>
      <c r="X6" s="423" t="s">
        <v>52</v>
      </c>
      <c r="Y6" s="78" t="s">
        <v>43</v>
      </c>
      <c r="Z6" s="79" t="s">
        <v>44</v>
      </c>
      <c r="AA6" s="80" t="s">
        <v>45</v>
      </c>
      <c r="AB6" s="81" t="s">
        <v>46</v>
      </c>
      <c r="AC6" s="79" t="s">
        <v>47</v>
      </c>
      <c r="AD6" s="79" t="s">
        <v>48</v>
      </c>
      <c r="AE6" s="79" t="s">
        <v>49</v>
      </c>
      <c r="AF6" s="79" t="s">
        <v>50</v>
      </c>
      <c r="AG6" s="79" t="s">
        <v>51</v>
      </c>
      <c r="AH6" s="80" t="s">
        <v>45</v>
      </c>
      <c r="AI6" s="417" t="s">
        <v>52</v>
      </c>
      <c r="AJ6" s="78" t="s">
        <v>43</v>
      </c>
      <c r="AK6" s="79" t="s">
        <v>44</v>
      </c>
      <c r="AL6" s="80" t="s">
        <v>45</v>
      </c>
      <c r="AM6" s="81" t="s">
        <v>46</v>
      </c>
      <c r="AN6" s="79" t="s">
        <v>47</v>
      </c>
      <c r="AO6" s="79" t="s">
        <v>48</v>
      </c>
      <c r="AP6" s="79" t="s">
        <v>49</v>
      </c>
      <c r="AQ6" s="79" t="s">
        <v>50</v>
      </c>
      <c r="AR6" s="79" t="s">
        <v>51</v>
      </c>
      <c r="AS6" s="80" t="s">
        <v>45</v>
      </c>
      <c r="AT6" s="417" t="s">
        <v>52</v>
      </c>
      <c r="AU6" s="78" t="s">
        <v>43</v>
      </c>
      <c r="AV6" s="79" t="s">
        <v>44</v>
      </c>
      <c r="AW6" s="80" t="s">
        <v>45</v>
      </c>
      <c r="AX6" s="81" t="s">
        <v>46</v>
      </c>
      <c r="AY6" s="79" t="s">
        <v>47</v>
      </c>
      <c r="AZ6" s="79" t="s">
        <v>48</v>
      </c>
      <c r="BA6" s="79" t="s">
        <v>49</v>
      </c>
      <c r="BB6" s="79" t="s">
        <v>50</v>
      </c>
      <c r="BC6" s="79" t="s">
        <v>51</v>
      </c>
      <c r="BD6" s="80" t="s">
        <v>45</v>
      </c>
      <c r="BE6" s="417" t="s">
        <v>52</v>
      </c>
      <c r="BF6" s="78" t="s">
        <v>43</v>
      </c>
      <c r="BG6" s="79" t="s">
        <v>44</v>
      </c>
      <c r="BH6" s="80" t="s">
        <v>45</v>
      </c>
      <c r="BI6" s="81" t="s">
        <v>46</v>
      </c>
      <c r="BJ6" s="79" t="s">
        <v>47</v>
      </c>
      <c r="BK6" s="79" t="s">
        <v>48</v>
      </c>
      <c r="BL6" s="79" t="s">
        <v>49</v>
      </c>
      <c r="BM6" s="79" t="s">
        <v>50</v>
      </c>
      <c r="BN6" s="79" t="s">
        <v>51</v>
      </c>
      <c r="BO6" s="80" t="s">
        <v>45</v>
      </c>
      <c r="BP6" s="417" t="s">
        <v>52</v>
      </c>
      <c r="BQ6" s="78" t="s">
        <v>43</v>
      </c>
      <c r="BR6" s="79" t="s">
        <v>44</v>
      </c>
      <c r="BS6" s="80" t="s">
        <v>45</v>
      </c>
      <c r="BT6" s="81" t="s">
        <v>46</v>
      </c>
      <c r="BU6" s="79" t="s">
        <v>47</v>
      </c>
      <c r="BV6" s="79" t="s">
        <v>48</v>
      </c>
      <c r="BW6" s="79" t="s">
        <v>49</v>
      </c>
      <c r="BX6" s="79" t="s">
        <v>50</v>
      </c>
      <c r="BY6" s="79" t="s">
        <v>51</v>
      </c>
      <c r="BZ6" s="80" t="s">
        <v>45</v>
      </c>
      <c r="CA6" s="417" t="s">
        <v>52</v>
      </c>
      <c r="CB6" s="78" t="s">
        <v>43</v>
      </c>
      <c r="CC6" s="79" t="s">
        <v>44</v>
      </c>
      <c r="CD6" s="80" t="s">
        <v>45</v>
      </c>
      <c r="CE6" s="81" t="s">
        <v>46</v>
      </c>
      <c r="CF6" s="79" t="s">
        <v>47</v>
      </c>
      <c r="CG6" s="79" t="s">
        <v>48</v>
      </c>
      <c r="CH6" s="79" t="s">
        <v>49</v>
      </c>
      <c r="CI6" s="79" t="s">
        <v>50</v>
      </c>
      <c r="CJ6" s="79" t="s">
        <v>51</v>
      </c>
      <c r="CK6" s="80" t="s">
        <v>45</v>
      </c>
      <c r="CL6" s="417" t="s">
        <v>52</v>
      </c>
      <c r="CM6" s="78" t="s">
        <v>43</v>
      </c>
      <c r="CN6" s="79" t="s">
        <v>44</v>
      </c>
      <c r="CO6" s="80" t="s">
        <v>45</v>
      </c>
      <c r="CP6" s="81" t="s">
        <v>46</v>
      </c>
      <c r="CQ6" s="79" t="s">
        <v>47</v>
      </c>
      <c r="CR6" s="79" t="s">
        <v>48</v>
      </c>
      <c r="CS6" s="79" t="s">
        <v>49</v>
      </c>
      <c r="CT6" s="79" t="s">
        <v>50</v>
      </c>
      <c r="CU6" s="79" t="s">
        <v>51</v>
      </c>
      <c r="CV6" s="80" t="s">
        <v>45</v>
      </c>
      <c r="CW6" s="417" t="s">
        <v>52</v>
      </c>
      <c r="CX6" s="421" t="s">
        <v>43</v>
      </c>
      <c r="CY6" s="422" t="s">
        <v>44</v>
      </c>
      <c r="CZ6" s="75" t="s">
        <v>45</v>
      </c>
      <c r="DA6" s="76" t="s">
        <v>46</v>
      </c>
      <c r="DB6" s="422" t="s">
        <v>47</v>
      </c>
      <c r="DC6" s="422" t="s">
        <v>48</v>
      </c>
      <c r="DD6" s="422" t="s">
        <v>49</v>
      </c>
      <c r="DE6" s="422" t="s">
        <v>50</v>
      </c>
      <c r="DF6" s="422" t="s">
        <v>51</v>
      </c>
      <c r="DG6" s="75" t="s">
        <v>45</v>
      </c>
      <c r="DH6" s="418" t="s">
        <v>52</v>
      </c>
      <c r="DI6" s="78" t="s">
        <v>43</v>
      </c>
      <c r="DJ6" s="79" t="s">
        <v>44</v>
      </c>
      <c r="DK6" s="80" t="s">
        <v>45</v>
      </c>
      <c r="DL6" s="81" t="s">
        <v>46</v>
      </c>
      <c r="DM6" s="79" t="s">
        <v>47</v>
      </c>
      <c r="DN6" s="79" t="s">
        <v>48</v>
      </c>
      <c r="DO6" s="79" t="s">
        <v>49</v>
      </c>
      <c r="DP6" s="79" t="s">
        <v>50</v>
      </c>
      <c r="DQ6" s="79" t="s">
        <v>51</v>
      </c>
      <c r="DR6" s="80" t="s">
        <v>45</v>
      </c>
      <c r="DS6" s="417" t="s">
        <v>52</v>
      </c>
      <c r="DT6" s="78" t="s">
        <v>43</v>
      </c>
      <c r="DU6" s="79" t="s">
        <v>44</v>
      </c>
      <c r="DV6" s="80" t="s">
        <v>45</v>
      </c>
      <c r="DW6" s="81" t="s">
        <v>46</v>
      </c>
      <c r="DX6" s="79" t="s">
        <v>47</v>
      </c>
      <c r="DY6" s="79" t="s">
        <v>48</v>
      </c>
      <c r="DZ6" s="79" t="s">
        <v>49</v>
      </c>
      <c r="EA6" s="79" t="s">
        <v>50</v>
      </c>
      <c r="EB6" s="79" t="s">
        <v>51</v>
      </c>
      <c r="EC6" s="80" t="s">
        <v>45</v>
      </c>
      <c r="ED6" s="417" t="s">
        <v>52</v>
      </c>
      <c r="EE6" s="78" t="s">
        <v>43</v>
      </c>
      <c r="EF6" s="79" t="s">
        <v>44</v>
      </c>
      <c r="EG6" s="80" t="s">
        <v>45</v>
      </c>
      <c r="EH6" s="81" t="s">
        <v>46</v>
      </c>
      <c r="EI6" s="79" t="s">
        <v>47</v>
      </c>
      <c r="EJ6" s="79" t="s">
        <v>48</v>
      </c>
      <c r="EK6" s="79" t="s">
        <v>49</v>
      </c>
      <c r="EL6" s="79" t="s">
        <v>50</v>
      </c>
      <c r="EM6" s="79" t="s">
        <v>51</v>
      </c>
      <c r="EN6" s="80" t="s">
        <v>45</v>
      </c>
      <c r="EO6" s="417" t="s">
        <v>52</v>
      </c>
      <c r="EP6" s="78" t="s">
        <v>43</v>
      </c>
      <c r="EQ6" s="79" t="s">
        <v>44</v>
      </c>
      <c r="ER6" s="80" t="s">
        <v>45</v>
      </c>
      <c r="ES6" s="81" t="s">
        <v>46</v>
      </c>
      <c r="ET6" s="79" t="s">
        <v>47</v>
      </c>
      <c r="EU6" s="79" t="s">
        <v>48</v>
      </c>
      <c r="EV6" s="79" t="s">
        <v>49</v>
      </c>
      <c r="EW6" s="79" t="s">
        <v>50</v>
      </c>
      <c r="EX6" s="79" t="s">
        <v>51</v>
      </c>
      <c r="EY6" s="80" t="s">
        <v>45</v>
      </c>
      <c r="EZ6" s="417" t="s">
        <v>52</v>
      </c>
      <c r="FA6" s="78" t="s">
        <v>43</v>
      </c>
      <c r="FB6" s="79" t="s">
        <v>44</v>
      </c>
      <c r="FC6" s="80" t="s">
        <v>45</v>
      </c>
      <c r="FD6" s="81" t="s">
        <v>46</v>
      </c>
      <c r="FE6" s="79" t="s">
        <v>47</v>
      </c>
      <c r="FF6" s="79" t="s">
        <v>48</v>
      </c>
      <c r="FG6" s="79" t="s">
        <v>49</v>
      </c>
      <c r="FH6" s="79" t="s">
        <v>50</v>
      </c>
      <c r="FI6" s="79" t="s">
        <v>51</v>
      </c>
      <c r="FJ6" s="80" t="s">
        <v>45</v>
      </c>
      <c r="FK6" s="417" t="s">
        <v>52</v>
      </c>
      <c r="FL6" s="78" t="s">
        <v>43</v>
      </c>
      <c r="FM6" s="79" t="s">
        <v>44</v>
      </c>
      <c r="FN6" s="80" t="s">
        <v>45</v>
      </c>
      <c r="FO6" s="81" t="s">
        <v>46</v>
      </c>
      <c r="FP6" s="79" t="s">
        <v>47</v>
      </c>
      <c r="FQ6" s="79" t="s">
        <v>48</v>
      </c>
      <c r="FR6" s="79" t="s">
        <v>49</v>
      </c>
      <c r="FS6" s="79" t="s">
        <v>50</v>
      </c>
      <c r="FT6" s="79" t="s">
        <v>51</v>
      </c>
      <c r="FU6" s="80" t="s">
        <v>45</v>
      </c>
      <c r="FV6" s="417" t="s">
        <v>52</v>
      </c>
      <c r="FW6" s="78" t="s">
        <v>43</v>
      </c>
      <c r="FX6" s="79" t="s">
        <v>44</v>
      </c>
      <c r="FY6" s="80" t="s">
        <v>45</v>
      </c>
      <c r="FZ6" s="81" t="s">
        <v>46</v>
      </c>
      <c r="GA6" s="79" t="s">
        <v>47</v>
      </c>
      <c r="GB6" s="79" t="s">
        <v>48</v>
      </c>
      <c r="GC6" s="79" t="s">
        <v>49</v>
      </c>
      <c r="GD6" s="79" t="s">
        <v>50</v>
      </c>
      <c r="GE6" s="79" t="s">
        <v>51</v>
      </c>
      <c r="GF6" s="80" t="s">
        <v>45</v>
      </c>
      <c r="GG6" s="417" t="s">
        <v>52</v>
      </c>
      <c r="GH6" s="78" t="s">
        <v>43</v>
      </c>
      <c r="GI6" s="79" t="s">
        <v>44</v>
      </c>
      <c r="GJ6" s="80" t="s">
        <v>45</v>
      </c>
      <c r="GK6" s="81" t="s">
        <v>46</v>
      </c>
      <c r="GL6" s="79" t="s">
        <v>47</v>
      </c>
      <c r="GM6" s="79" t="s">
        <v>48</v>
      </c>
      <c r="GN6" s="79" t="s">
        <v>49</v>
      </c>
      <c r="GO6" s="79" t="s">
        <v>50</v>
      </c>
      <c r="GP6" s="79" t="s">
        <v>51</v>
      </c>
      <c r="GQ6" s="80" t="s">
        <v>45</v>
      </c>
      <c r="GR6" s="417" t="s">
        <v>52</v>
      </c>
      <c r="GS6" s="421" t="s">
        <v>43</v>
      </c>
      <c r="GT6" s="422" t="s">
        <v>44</v>
      </c>
      <c r="GU6" s="75" t="s">
        <v>45</v>
      </c>
      <c r="GV6" s="76" t="s">
        <v>46</v>
      </c>
      <c r="GW6" s="422" t="s">
        <v>47</v>
      </c>
      <c r="GX6" s="422" t="s">
        <v>48</v>
      </c>
      <c r="GY6" s="422" t="s">
        <v>49</v>
      </c>
      <c r="GZ6" s="422" t="s">
        <v>50</v>
      </c>
      <c r="HA6" s="422" t="s">
        <v>51</v>
      </c>
      <c r="HB6" s="75" t="s">
        <v>45</v>
      </c>
      <c r="HC6" s="418" t="s">
        <v>52</v>
      </c>
      <c r="HD6" s="78" t="s">
        <v>43</v>
      </c>
      <c r="HE6" s="79" t="s">
        <v>44</v>
      </c>
      <c r="HF6" s="80" t="s">
        <v>45</v>
      </c>
      <c r="HG6" s="81" t="s">
        <v>46</v>
      </c>
      <c r="HH6" s="79" t="s">
        <v>47</v>
      </c>
      <c r="HI6" s="79" t="s">
        <v>48</v>
      </c>
      <c r="HJ6" s="79" t="s">
        <v>49</v>
      </c>
      <c r="HK6" s="79" t="s">
        <v>50</v>
      </c>
      <c r="HL6" s="79" t="s">
        <v>51</v>
      </c>
      <c r="HM6" s="80" t="s">
        <v>45</v>
      </c>
      <c r="HN6" s="417" t="s">
        <v>52</v>
      </c>
      <c r="HO6" s="78" t="s">
        <v>43</v>
      </c>
      <c r="HP6" s="79" t="s">
        <v>44</v>
      </c>
      <c r="HQ6" s="80" t="s">
        <v>45</v>
      </c>
      <c r="HR6" s="81" t="s">
        <v>46</v>
      </c>
      <c r="HS6" s="79" t="s">
        <v>47</v>
      </c>
      <c r="HT6" s="79" t="s">
        <v>48</v>
      </c>
      <c r="HU6" s="79" t="s">
        <v>49</v>
      </c>
      <c r="HV6" s="79" t="s">
        <v>50</v>
      </c>
      <c r="HW6" s="79" t="s">
        <v>51</v>
      </c>
      <c r="HX6" s="80" t="s">
        <v>45</v>
      </c>
      <c r="HY6" s="417" t="s">
        <v>52</v>
      </c>
      <c r="HZ6" s="78" t="s">
        <v>43</v>
      </c>
      <c r="IA6" s="79" t="s">
        <v>44</v>
      </c>
      <c r="IB6" s="80" t="s">
        <v>45</v>
      </c>
      <c r="IC6" s="81" t="s">
        <v>46</v>
      </c>
      <c r="ID6" s="79" t="s">
        <v>47</v>
      </c>
      <c r="IE6" s="79" t="s">
        <v>48</v>
      </c>
      <c r="IF6" s="79" t="s">
        <v>49</v>
      </c>
      <c r="IG6" s="79" t="s">
        <v>50</v>
      </c>
      <c r="IH6" s="79" t="s">
        <v>51</v>
      </c>
      <c r="II6" s="80" t="s">
        <v>45</v>
      </c>
      <c r="IJ6" s="417" t="s">
        <v>52</v>
      </c>
      <c r="IK6" s="78" t="s">
        <v>43</v>
      </c>
      <c r="IL6" s="79" t="s">
        <v>44</v>
      </c>
      <c r="IM6" s="80" t="s">
        <v>45</v>
      </c>
      <c r="IN6" s="81" t="s">
        <v>46</v>
      </c>
      <c r="IO6" s="79" t="s">
        <v>47</v>
      </c>
      <c r="IP6" s="79" t="s">
        <v>48</v>
      </c>
      <c r="IQ6" s="79" t="s">
        <v>49</v>
      </c>
      <c r="IR6" s="79" t="s">
        <v>50</v>
      </c>
      <c r="IS6" s="79" t="s">
        <v>51</v>
      </c>
      <c r="IT6" s="80" t="s">
        <v>45</v>
      </c>
      <c r="IU6" s="417" t="s">
        <v>52</v>
      </c>
      <c r="IV6" s="78" t="s">
        <v>43</v>
      </c>
      <c r="IW6" s="79" t="s">
        <v>44</v>
      </c>
      <c r="IX6" s="80" t="s">
        <v>45</v>
      </c>
      <c r="IY6" s="81" t="s">
        <v>46</v>
      </c>
      <c r="IZ6" s="79" t="s">
        <v>47</v>
      </c>
      <c r="JA6" s="79" t="s">
        <v>48</v>
      </c>
      <c r="JB6" s="79" t="s">
        <v>49</v>
      </c>
      <c r="JC6" s="79" t="s">
        <v>50</v>
      </c>
      <c r="JD6" s="79" t="s">
        <v>51</v>
      </c>
      <c r="JE6" s="80" t="s">
        <v>45</v>
      </c>
      <c r="JF6" s="417" t="s">
        <v>52</v>
      </c>
      <c r="JG6" s="78" t="s">
        <v>43</v>
      </c>
      <c r="JH6" s="79" t="s">
        <v>44</v>
      </c>
      <c r="JI6" s="80" t="s">
        <v>45</v>
      </c>
      <c r="JJ6" s="81" t="s">
        <v>46</v>
      </c>
      <c r="JK6" s="79" t="s">
        <v>47</v>
      </c>
      <c r="JL6" s="79" t="s">
        <v>48</v>
      </c>
      <c r="JM6" s="79" t="s">
        <v>49</v>
      </c>
      <c r="JN6" s="79" t="s">
        <v>50</v>
      </c>
      <c r="JO6" s="79" t="s">
        <v>51</v>
      </c>
      <c r="JP6" s="80" t="s">
        <v>45</v>
      </c>
      <c r="JQ6" s="417" t="s">
        <v>52</v>
      </c>
      <c r="JR6" s="78" t="s">
        <v>43</v>
      </c>
      <c r="JS6" s="79" t="s">
        <v>44</v>
      </c>
      <c r="JT6" s="80" t="s">
        <v>45</v>
      </c>
      <c r="JU6" s="81" t="s">
        <v>46</v>
      </c>
      <c r="JV6" s="79" t="s">
        <v>47</v>
      </c>
      <c r="JW6" s="79" t="s">
        <v>48</v>
      </c>
      <c r="JX6" s="79" t="s">
        <v>49</v>
      </c>
      <c r="JY6" s="79" t="s">
        <v>50</v>
      </c>
      <c r="JZ6" s="79" t="s">
        <v>51</v>
      </c>
      <c r="KA6" s="80" t="s">
        <v>45</v>
      </c>
      <c r="KB6" s="417" t="s">
        <v>52</v>
      </c>
      <c r="KC6" s="78" t="s">
        <v>43</v>
      </c>
      <c r="KD6" s="79" t="s">
        <v>44</v>
      </c>
      <c r="KE6" s="80" t="s">
        <v>45</v>
      </c>
      <c r="KF6" s="81" t="s">
        <v>46</v>
      </c>
      <c r="KG6" s="79" t="s">
        <v>47</v>
      </c>
      <c r="KH6" s="79" t="s">
        <v>48</v>
      </c>
      <c r="KI6" s="79" t="s">
        <v>49</v>
      </c>
      <c r="KJ6" s="79" t="s">
        <v>50</v>
      </c>
      <c r="KK6" s="79" t="s">
        <v>51</v>
      </c>
      <c r="KL6" s="80" t="s">
        <v>45</v>
      </c>
      <c r="KM6" s="417" t="s">
        <v>52</v>
      </c>
    </row>
    <row r="7" spans="2:299" s="70" customFormat="1" ht="21" customHeight="1" x14ac:dyDescent="0.2">
      <c r="B7" s="84" t="s">
        <v>4</v>
      </c>
      <c r="C7" s="85">
        <v>3396</v>
      </c>
      <c r="D7" s="86">
        <v>3390</v>
      </c>
      <c r="E7" s="87">
        <v>6786</v>
      </c>
      <c r="F7" s="411">
        <v>0</v>
      </c>
      <c r="G7" s="86">
        <v>4465</v>
      </c>
      <c r="H7" s="86">
        <v>4191</v>
      </c>
      <c r="I7" s="86">
        <v>2498</v>
      </c>
      <c r="J7" s="86">
        <v>2019</v>
      </c>
      <c r="K7" s="86">
        <v>1370</v>
      </c>
      <c r="L7" s="88">
        <v>14543</v>
      </c>
      <c r="M7" s="89">
        <v>21329</v>
      </c>
      <c r="N7" s="90">
        <v>120</v>
      </c>
      <c r="O7" s="91">
        <v>142</v>
      </c>
      <c r="P7" s="92">
        <v>262</v>
      </c>
      <c r="Q7" s="411">
        <v>0</v>
      </c>
      <c r="R7" s="91">
        <v>126</v>
      </c>
      <c r="S7" s="91">
        <v>142</v>
      </c>
      <c r="T7" s="91">
        <v>102</v>
      </c>
      <c r="U7" s="91">
        <v>93</v>
      </c>
      <c r="V7" s="91">
        <v>75</v>
      </c>
      <c r="W7" s="92">
        <v>538</v>
      </c>
      <c r="X7" s="93">
        <v>800</v>
      </c>
      <c r="Y7" s="90">
        <v>232</v>
      </c>
      <c r="Z7" s="91">
        <v>278</v>
      </c>
      <c r="AA7" s="92">
        <v>510</v>
      </c>
      <c r="AB7" s="411">
        <v>0</v>
      </c>
      <c r="AC7" s="91">
        <v>280</v>
      </c>
      <c r="AD7" s="91">
        <v>309</v>
      </c>
      <c r="AE7" s="91">
        <v>163</v>
      </c>
      <c r="AF7" s="91">
        <v>163</v>
      </c>
      <c r="AG7" s="91">
        <v>116</v>
      </c>
      <c r="AH7" s="92">
        <v>1031</v>
      </c>
      <c r="AI7" s="93">
        <v>1541</v>
      </c>
      <c r="AJ7" s="90">
        <v>394</v>
      </c>
      <c r="AK7" s="91">
        <v>447</v>
      </c>
      <c r="AL7" s="92">
        <v>841</v>
      </c>
      <c r="AM7" s="411">
        <v>0</v>
      </c>
      <c r="AN7" s="91">
        <v>524</v>
      </c>
      <c r="AO7" s="91">
        <v>475</v>
      </c>
      <c r="AP7" s="91">
        <v>274</v>
      </c>
      <c r="AQ7" s="91">
        <v>230</v>
      </c>
      <c r="AR7" s="91">
        <v>202</v>
      </c>
      <c r="AS7" s="92">
        <v>1705</v>
      </c>
      <c r="AT7" s="93">
        <v>2546</v>
      </c>
      <c r="AU7" s="90">
        <v>796</v>
      </c>
      <c r="AV7" s="91">
        <v>745</v>
      </c>
      <c r="AW7" s="92">
        <v>1541</v>
      </c>
      <c r="AX7" s="411">
        <v>0</v>
      </c>
      <c r="AY7" s="91">
        <v>1013</v>
      </c>
      <c r="AZ7" s="91">
        <v>844</v>
      </c>
      <c r="BA7" s="91">
        <v>474</v>
      </c>
      <c r="BB7" s="91">
        <v>411</v>
      </c>
      <c r="BC7" s="91">
        <v>265</v>
      </c>
      <c r="BD7" s="92">
        <v>3007</v>
      </c>
      <c r="BE7" s="93">
        <v>4548</v>
      </c>
      <c r="BF7" s="90">
        <v>1048</v>
      </c>
      <c r="BG7" s="91">
        <v>928</v>
      </c>
      <c r="BH7" s="92">
        <v>1976</v>
      </c>
      <c r="BI7" s="411">
        <v>0</v>
      </c>
      <c r="BJ7" s="91">
        <v>1323</v>
      </c>
      <c r="BK7" s="91">
        <v>1167</v>
      </c>
      <c r="BL7" s="91">
        <v>681</v>
      </c>
      <c r="BM7" s="91">
        <v>523</v>
      </c>
      <c r="BN7" s="91">
        <v>342</v>
      </c>
      <c r="BO7" s="92">
        <v>4036</v>
      </c>
      <c r="BP7" s="93">
        <v>6012</v>
      </c>
      <c r="BQ7" s="90">
        <v>806</v>
      </c>
      <c r="BR7" s="91">
        <v>850</v>
      </c>
      <c r="BS7" s="92">
        <v>1656</v>
      </c>
      <c r="BT7" s="411">
        <v>0</v>
      </c>
      <c r="BU7" s="91">
        <v>1199</v>
      </c>
      <c r="BV7" s="91">
        <v>1254</v>
      </c>
      <c r="BW7" s="91">
        <v>804</v>
      </c>
      <c r="BX7" s="91">
        <v>599</v>
      </c>
      <c r="BY7" s="91">
        <v>370</v>
      </c>
      <c r="BZ7" s="92">
        <v>4226</v>
      </c>
      <c r="CA7" s="93">
        <v>5882</v>
      </c>
      <c r="CB7" s="90">
        <v>0</v>
      </c>
      <c r="CC7" s="91">
        <v>0</v>
      </c>
      <c r="CD7" s="92">
        <v>0</v>
      </c>
      <c r="CE7" s="411">
        <v>0</v>
      </c>
      <c r="CF7" s="91">
        <v>0</v>
      </c>
      <c r="CG7" s="91">
        <v>0</v>
      </c>
      <c r="CH7" s="91">
        <v>0</v>
      </c>
      <c r="CI7" s="91">
        <v>0</v>
      </c>
      <c r="CJ7" s="91">
        <v>0</v>
      </c>
      <c r="CK7" s="92">
        <v>0</v>
      </c>
      <c r="CL7" s="93">
        <v>0</v>
      </c>
      <c r="CM7" s="90">
        <v>3396</v>
      </c>
      <c r="CN7" s="91">
        <v>3390</v>
      </c>
      <c r="CO7" s="92">
        <v>6786</v>
      </c>
      <c r="CP7" s="411">
        <v>0</v>
      </c>
      <c r="CQ7" s="91">
        <v>4465</v>
      </c>
      <c r="CR7" s="91">
        <v>4191</v>
      </c>
      <c r="CS7" s="91">
        <v>2498</v>
      </c>
      <c r="CT7" s="91">
        <v>2019</v>
      </c>
      <c r="CU7" s="91">
        <v>1370</v>
      </c>
      <c r="CV7" s="92">
        <v>14543</v>
      </c>
      <c r="CW7" s="93">
        <v>21329</v>
      </c>
      <c r="CX7" s="94">
        <v>1254</v>
      </c>
      <c r="CY7" s="86">
        <v>1445</v>
      </c>
      <c r="CZ7" s="87">
        <v>2699</v>
      </c>
      <c r="DA7" s="411">
        <v>0</v>
      </c>
      <c r="DB7" s="86">
        <v>1806</v>
      </c>
      <c r="DC7" s="86">
        <v>1660</v>
      </c>
      <c r="DD7" s="86">
        <v>1109</v>
      </c>
      <c r="DE7" s="86">
        <v>1117</v>
      </c>
      <c r="DF7" s="86">
        <v>709</v>
      </c>
      <c r="DG7" s="88">
        <v>6401</v>
      </c>
      <c r="DH7" s="89">
        <v>9100</v>
      </c>
      <c r="DI7" s="90">
        <v>31</v>
      </c>
      <c r="DJ7" s="91">
        <v>41</v>
      </c>
      <c r="DK7" s="92">
        <v>72</v>
      </c>
      <c r="DL7" s="411">
        <v>0</v>
      </c>
      <c r="DM7" s="91">
        <v>22</v>
      </c>
      <c r="DN7" s="91">
        <v>38</v>
      </c>
      <c r="DO7" s="91">
        <v>20</v>
      </c>
      <c r="DP7" s="91">
        <v>17</v>
      </c>
      <c r="DQ7" s="91">
        <v>13</v>
      </c>
      <c r="DR7" s="92">
        <v>110</v>
      </c>
      <c r="DS7" s="93">
        <v>182</v>
      </c>
      <c r="DT7" s="90">
        <v>86</v>
      </c>
      <c r="DU7" s="91">
        <v>108</v>
      </c>
      <c r="DV7" s="92">
        <v>194</v>
      </c>
      <c r="DW7" s="411">
        <v>0</v>
      </c>
      <c r="DX7" s="91">
        <v>68</v>
      </c>
      <c r="DY7" s="91">
        <v>66</v>
      </c>
      <c r="DZ7" s="91">
        <v>38</v>
      </c>
      <c r="EA7" s="91">
        <v>35</v>
      </c>
      <c r="EB7" s="91">
        <v>34</v>
      </c>
      <c r="EC7" s="92">
        <v>241</v>
      </c>
      <c r="ED7" s="93">
        <v>435</v>
      </c>
      <c r="EE7" s="90">
        <v>185</v>
      </c>
      <c r="EF7" s="91">
        <v>204</v>
      </c>
      <c r="EG7" s="92">
        <v>389</v>
      </c>
      <c r="EH7" s="411">
        <v>0</v>
      </c>
      <c r="EI7" s="91">
        <v>198</v>
      </c>
      <c r="EJ7" s="91">
        <v>170</v>
      </c>
      <c r="EK7" s="91">
        <v>81</v>
      </c>
      <c r="EL7" s="91">
        <v>69</v>
      </c>
      <c r="EM7" s="91">
        <v>61</v>
      </c>
      <c r="EN7" s="92">
        <v>579</v>
      </c>
      <c r="EO7" s="93">
        <v>968</v>
      </c>
      <c r="EP7" s="90">
        <v>380</v>
      </c>
      <c r="EQ7" s="91">
        <v>333</v>
      </c>
      <c r="ER7" s="92">
        <v>713</v>
      </c>
      <c r="ES7" s="411">
        <v>0</v>
      </c>
      <c r="ET7" s="91">
        <v>369</v>
      </c>
      <c r="EU7" s="91">
        <v>297</v>
      </c>
      <c r="EV7" s="91">
        <v>179</v>
      </c>
      <c r="EW7" s="91">
        <v>151</v>
      </c>
      <c r="EX7" s="91">
        <v>98</v>
      </c>
      <c r="EY7" s="92">
        <v>1094</v>
      </c>
      <c r="EZ7" s="93">
        <v>1807</v>
      </c>
      <c r="FA7" s="90">
        <v>339</v>
      </c>
      <c r="FB7" s="91">
        <v>434</v>
      </c>
      <c r="FC7" s="92">
        <v>773</v>
      </c>
      <c r="FD7" s="411">
        <v>0</v>
      </c>
      <c r="FE7" s="91">
        <v>545</v>
      </c>
      <c r="FF7" s="91">
        <v>466</v>
      </c>
      <c r="FG7" s="91">
        <v>277</v>
      </c>
      <c r="FH7" s="91">
        <v>268</v>
      </c>
      <c r="FI7" s="91">
        <v>163</v>
      </c>
      <c r="FJ7" s="92">
        <v>1719</v>
      </c>
      <c r="FK7" s="93">
        <v>2492</v>
      </c>
      <c r="FL7" s="90">
        <v>233</v>
      </c>
      <c r="FM7" s="91">
        <v>325</v>
      </c>
      <c r="FN7" s="92">
        <v>558</v>
      </c>
      <c r="FO7" s="411">
        <v>0</v>
      </c>
      <c r="FP7" s="91">
        <v>604</v>
      </c>
      <c r="FQ7" s="91">
        <v>623</v>
      </c>
      <c r="FR7" s="91">
        <v>514</v>
      </c>
      <c r="FS7" s="91">
        <v>577</v>
      </c>
      <c r="FT7" s="91">
        <v>340</v>
      </c>
      <c r="FU7" s="92">
        <v>2658</v>
      </c>
      <c r="FV7" s="93">
        <v>3216</v>
      </c>
      <c r="FW7" s="90">
        <v>0</v>
      </c>
      <c r="FX7" s="91">
        <v>0</v>
      </c>
      <c r="FY7" s="92">
        <v>0</v>
      </c>
      <c r="FZ7" s="411">
        <v>0</v>
      </c>
      <c r="GA7" s="91">
        <v>0</v>
      </c>
      <c r="GB7" s="91">
        <v>0</v>
      </c>
      <c r="GC7" s="91">
        <v>0</v>
      </c>
      <c r="GD7" s="91">
        <v>0</v>
      </c>
      <c r="GE7" s="91">
        <v>0</v>
      </c>
      <c r="GF7" s="92">
        <v>0</v>
      </c>
      <c r="GG7" s="93">
        <v>0</v>
      </c>
      <c r="GH7" s="90">
        <v>1254</v>
      </c>
      <c r="GI7" s="91">
        <v>1445</v>
      </c>
      <c r="GJ7" s="92">
        <v>2699</v>
      </c>
      <c r="GK7" s="411">
        <v>0</v>
      </c>
      <c r="GL7" s="91">
        <v>1806</v>
      </c>
      <c r="GM7" s="91">
        <v>1660</v>
      </c>
      <c r="GN7" s="91">
        <v>1109</v>
      </c>
      <c r="GO7" s="91">
        <v>1117</v>
      </c>
      <c r="GP7" s="91">
        <v>709</v>
      </c>
      <c r="GQ7" s="92">
        <v>6401</v>
      </c>
      <c r="GR7" s="93">
        <v>9100</v>
      </c>
      <c r="GS7" s="94">
        <v>4650</v>
      </c>
      <c r="GT7" s="86">
        <v>4835</v>
      </c>
      <c r="GU7" s="87">
        <v>9485</v>
      </c>
      <c r="GV7" s="411">
        <v>0</v>
      </c>
      <c r="GW7" s="86">
        <v>6271</v>
      </c>
      <c r="GX7" s="86">
        <v>5851</v>
      </c>
      <c r="GY7" s="86">
        <v>3607</v>
      </c>
      <c r="GZ7" s="86">
        <v>3136</v>
      </c>
      <c r="HA7" s="86">
        <v>2079</v>
      </c>
      <c r="HB7" s="88">
        <v>20944</v>
      </c>
      <c r="HC7" s="89">
        <v>30429</v>
      </c>
      <c r="HD7" s="90">
        <v>151</v>
      </c>
      <c r="HE7" s="91">
        <v>183</v>
      </c>
      <c r="HF7" s="92">
        <v>334</v>
      </c>
      <c r="HG7" s="411">
        <v>0</v>
      </c>
      <c r="HH7" s="91">
        <v>148</v>
      </c>
      <c r="HI7" s="91">
        <v>180</v>
      </c>
      <c r="HJ7" s="91">
        <v>122</v>
      </c>
      <c r="HK7" s="91">
        <v>110</v>
      </c>
      <c r="HL7" s="91">
        <v>88</v>
      </c>
      <c r="HM7" s="92">
        <v>648</v>
      </c>
      <c r="HN7" s="93">
        <v>982</v>
      </c>
      <c r="HO7" s="90">
        <v>318</v>
      </c>
      <c r="HP7" s="91">
        <v>386</v>
      </c>
      <c r="HQ7" s="92">
        <v>704</v>
      </c>
      <c r="HR7" s="411">
        <v>0</v>
      </c>
      <c r="HS7" s="91">
        <v>348</v>
      </c>
      <c r="HT7" s="91">
        <v>375</v>
      </c>
      <c r="HU7" s="91">
        <v>201</v>
      </c>
      <c r="HV7" s="91">
        <v>198</v>
      </c>
      <c r="HW7" s="91">
        <v>150</v>
      </c>
      <c r="HX7" s="92">
        <v>1272</v>
      </c>
      <c r="HY7" s="93">
        <v>1976</v>
      </c>
      <c r="HZ7" s="90">
        <v>579</v>
      </c>
      <c r="IA7" s="91">
        <v>651</v>
      </c>
      <c r="IB7" s="92">
        <v>1230</v>
      </c>
      <c r="IC7" s="411">
        <v>0</v>
      </c>
      <c r="ID7" s="91">
        <v>722</v>
      </c>
      <c r="IE7" s="91">
        <v>645</v>
      </c>
      <c r="IF7" s="91">
        <v>355</v>
      </c>
      <c r="IG7" s="91">
        <v>299</v>
      </c>
      <c r="IH7" s="91">
        <v>263</v>
      </c>
      <c r="II7" s="92">
        <v>2284</v>
      </c>
      <c r="IJ7" s="93">
        <v>3514</v>
      </c>
      <c r="IK7" s="90">
        <v>1176</v>
      </c>
      <c r="IL7" s="91">
        <v>1078</v>
      </c>
      <c r="IM7" s="92">
        <v>2254</v>
      </c>
      <c r="IN7" s="411">
        <v>0</v>
      </c>
      <c r="IO7" s="91">
        <v>1382</v>
      </c>
      <c r="IP7" s="91">
        <v>1141</v>
      </c>
      <c r="IQ7" s="91">
        <v>653</v>
      </c>
      <c r="IR7" s="91">
        <v>562</v>
      </c>
      <c r="IS7" s="91">
        <v>363</v>
      </c>
      <c r="IT7" s="92">
        <v>4101</v>
      </c>
      <c r="IU7" s="93">
        <v>6355</v>
      </c>
      <c r="IV7" s="90">
        <v>1387</v>
      </c>
      <c r="IW7" s="91">
        <v>1362</v>
      </c>
      <c r="IX7" s="92">
        <v>2749</v>
      </c>
      <c r="IY7" s="411">
        <v>0</v>
      </c>
      <c r="IZ7" s="91">
        <v>1868</v>
      </c>
      <c r="JA7" s="91">
        <v>1633</v>
      </c>
      <c r="JB7" s="91">
        <v>958</v>
      </c>
      <c r="JC7" s="91">
        <v>791</v>
      </c>
      <c r="JD7" s="91">
        <v>505</v>
      </c>
      <c r="JE7" s="92">
        <v>5755</v>
      </c>
      <c r="JF7" s="93">
        <v>8504</v>
      </c>
      <c r="JG7" s="90">
        <v>1039</v>
      </c>
      <c r="JH7" s="91">
        <v>1175</v>
      </c>
      <c r="JI7" s="92">
        <v>2214</v>
      </c>
      <c r="JJ7" s="411">
        <v>0</v>
      </c>
      <c r="JK7" s="91">
        <v>1803</v>
      </c>
      <c r="JL7" s="91">
        <v>1877</v>
      </c>
      <c r="JM7" s="91">
        <v>1318</v>
      </c>
      <c r="JN7" s="91">
        <v>1176</v>
      </c>
      <c r="JO7" s="91">
        <v>710</v>
      </c>
      <c r="JP7" s="92">
        <v>6884</v>
      </c>
      <c r="JQ7" s="93">
        <v>9098</v>
      </c>
      <c r="JR7" s="90">
        <v>0</v>
      </c>
      <c r="JS7" s="91">
        <v>0</v>
      </c>
      <c r="JT7" s="92">
        <v>0</v>
      </c>
      <c r="JU7" s="411">
        <v>0</v>
      </c>
      <c r="JV7" s="91">
        <v>0</v>
      </c>
      <c r="JW7" s="91">
        <v>0</v>
      </c>
      <c r="JX7" s="91">
        <v>0</v>
      </c>
      <c r="JY7" s="91">
        <v>0</v>
      </c>
      <c r="JZ7" s="91">
        <v>0</v>
      </c>
      <c r="KA7" s="92">
        <v>0</v>
      </c>
      <c r="KB7" s="93">
        <v>0</v>
      </c>
      <c r="KC7" s="90">
        <v>4650</v>
      </c>
      <c r="KD7" s="91">
        <v>4835</v>
      </c>
      <c r="KE7" s="92">
        <v>9485</v>
      </c>
      <c r="KF7" s="411">
        <v>0</v>
      </c>
      <c r="KG7" s="91">
        <v>6271</v>
      </c>
      <c r="KH7" s="91">
        <v>5851</v>
      </c>
      <c r="KI7" s="91">
        <v>3607</v>
      </c>
      <c r="KJ7" s="91">
        <v>3136</v>
      </c>
      <c r="KK7" s="91">
        <v>2079</v>
      </c>
      <c r="KL7" s="92">
        <v>20944</v>
      </c>
      <c r="KM7" s="93">
        <v>30429</v>
      </c>
    </row>
    <row r="8" spans="2:299" s="70" customFormat="1" ht="21" customHeight="1" x14ac:dyDescent="0.2">
      <c r="B8" s="95" t="s">
        <v>5</v>
      </c>
      <c r="C8" s="96">
        <v>1476</v>
      </c>
      <c r="D8" s="97">
        <v>1747</v>
      </c>
      <c r="E8" s="98">
        <v>3223</v>
      </c>
      <c r="F8" s="412">
        <v>0</v>
      </c>
      <c r="G8" s="97">
        <v>1641</v>
      </c>
      <c r="H8" s="97">
        <v>2023</v>
      </c>
      <c r="I8" s="97">
        <v>1140</v>
      </c>
      <c r="J8" s="97">
        <v>925</v>
      </c>
      <c r="K8" s="97">
        <v>609</v>
      </c>
      <c r="L8" s="99">
        <v>6338</v>
      </c>
      <c r="M8" s="100">
        <v>9561</v>
      </c>
      <c r="N8" s="101">
        <v>48</v>
      </c>
      <c r="O8" s="102">
        <v>63</v>
      </c>
      <c r="P8" s="103">
        <v>111</v>
      </c>
      <c r="Q8" s="412">
        <v>0</v>
      </c>
      <c r="R8" s="102">
        <v>45</v>
      </c>
      <c r="S8" s="102">
        <v>71</v>
      </c>
      <c r="T8" s="102">
        <v>45</v>
      </c>
      <c r="U8" s="102">
        <v>46</v>
      </c>
      <c r="V8" s="102">
        <v>29</v>
      </c>
      <c r="W8" s="103">
        <v>236</v>
      </c>
      <c r="X8" s="104">
        <v>347</v>
      </c>
      <c r="Y8" s="101">
        <v>88</v>
      </c>
      <c r="Z8" s="102">
        <v>140</v>
      </c>
      <c r="AA8" s="103">
        <v>228</v>
      </c>
      <c r="AB8" s="412">
        <v>0</v>
      </c>
      <c r="AC8" s="102">
        <v>82</v>
      </c>
      <c r="AD8" s="102">
        <v>137</v>
      </c>
      <c r="AE8" s="102">
        <v>66</v>
      </c>
      <c r="AF8" s="102">
        <v>76</v>
      </c>
      <c r="AG8" s="102">
        <v>46</v>
      </c>
      <c r="AH8" s="103">
        <v>407</v>
      </c>
      <c r="AI8" s="104">
        <v>635</v>
      </c>
      <c r="AJ8" s="101">
        <v>156</v>
      </c>
      <c r="AK8" s="102">
        <v>234</v>
      </c>
      <c r="AL8" s="103">
        <v>390</v>
      </c>
      <c r="AM8" s="412">
        <v>0</v>
      </c>
      <c r="AN8" s="102">
        <v>169</v>
      </c>
      <c r="AO8" s="102">
        <v>228</v>
      </c>
      <c r="AP8" s="102">
        <v>119</v>
      </c>
      <c r="AQ8" s="102">
        <v>98</v>
      </c>
      <c r="AR8" s="102">
        <v>80</v>
      </c>
      <c r="AS8" s="103">
        <v>694</v>
      </c>
      <c r="AT8" s="104">
        <v>1084</v>
      </c>
      <c r="AU8" s="101">
        <v>355</v>
      </c>
      <c r="AV8" s="102">
        <v>388</v>
      </c>
      <c r="AW8" s="103">
        <v>743</v>
      </c>
      <c r="AX8" s="412">
        <v>0</v>
      </c>
      <c r="AY8" s="102">
        <v>334</v>
      </c>
      <c r="AZ8" s="102">
        <v>395</v>
      </c>
      <c r="BA8" s="102">
        <v>212</v>
      </c>
      <c r="BB8" s="102">
        <v>191</v>
      </c>
      <c r="BC8" s="102">
        <v>116</v>
      </c>
      <c r="BD8" s="103">
        <v>1248</v>
      </c>
      <c r="BE8" s="104">
        <v>1991</v>
      </c>
      <c r="BF8" s="101">
        <v>475</v>
      </c>
      <c r="BG8" s="102">
        <v>487</v>
      </c>
      <c r="BH8" s="103">
        <v>962</v>
      </c>
      <c r="BI8" s="412">
        <v>0</v>
      </c>
      <c r="BJ8" s="102">
        <v>533</v>
      </c>
      <c r="BK8" s="102">
        <v>581</v>
      </c>
      <c r="BL8" s="102">
        <v>311</v>
      </c>
      <c r="BM8" s="102">
        <v>249</v>
      </c>
      <c r="BN8" s="102">
        <v>153</v>
      </c>
      <c r="BO8" s="103">
        <v>1827</v>
      </c>
      <c r="BP8" s="104">
        <v>2789</v>
      </c>
      <c r="BQ8" s="101">
        <v>354</v>
      </c>
      <c r="BR8" s="102">
        <v>435</v>
      </c>
      <c r="BS8" s="103">
        <v>789</v>
      </c>
      <c r="BT8" s="412">
        <v>0</v>
      </c>
      <c r="BU8" s="102">
        <v>478</v>
      </c>
      <c r="BV8" s="102">
        <v>611</v>
      </c>
      <c r="BW8" s="102">
        <v>387</v>
      </c>
      <c r="BX8" s="102">
        <v>265</v>
      </c>
      <c r="BY8" s="102">
        <v>185</v>
      </c>
      <c r="BZ8" s="103">
        <v>1926</v>
      </c>
      <c r="CA8" s="104">
        <v>2715</v>
      </c>
      <c r="CB8" s="101">
        <v>0</v>
      </c>
      <c r="CC8" s="102">
        <v>0</v>
      </c>
      <c r="CD8" s="103">
        <v>0</v>
      </c>
      <c r="CE8" s="412">
        <v>0</v>
      </c>
      <c r="CF8" s="102">
        <v>0</v>
      </c>
      <c r="CG8" s="102">
        <v>0</v>
      </c>
      <c r="CH8" s="102">
        <v>0</v>
      </c>
      <c r="CI8" s="102">
        <v>0</v>
      </c>
      <c r="CJ8" s="102">
        <v>0</v>
      </c>
      <c r="CK8" s="103">
        <v>0</v>
      </c>
      <c r="CL8" s="104">
        <v>0</v>
      </c>
      <c r="CM8" s="101">
        <v>1476</v>
      </c>
      <c r="CN8" s="102">
        <v>1747</v>
      </c>
      <c r="CO8" s="103">
        <v>3223</v>
      </c>
      <c r="CP8" s="412">
        <v>0</v>
      </c>
      <c r="CQ8" s="102">
        <v>1641</v>
      </c>
      <c r="CR8" s="102">
        <v>2023</v>
      </c>
      <c r="CS8" s="102">
        <v>1140</v>
      </c>
      <c r="CT8" s="102">
        <v>925</v>
      </c>
      <c r="CU8" s="102">
        <v>609</v>
      </c>
      <c r="CV8" s="103">
        <v>6338</v>
      </c>
      <c r="CW8" s="104">
        <v>9561</v>
      </c>
      <c r="CX8" s="105">
        <v>484</v>
      </c>
      <c r="CY8" s="97">
        <v>654</v>
      </c>
      <c r="CZ8" s="98">
        <v>1138</v>
      </c>
      <c r="DA8" s="412">
        <v>0</v>
      </c>
      <c r="DB8" s="97">
        <v>669</v>
      </c>
      <c r="DC8" s="97">
        <v>777</v>
      </c>
      <c r="DD8" s="97">
        <v>477</v>
      </c>
      <c r="DE8" s="97">
        <v>493</v>
      </c>
      <c r="DF8" s="97">
        <v>320</v>
      </c>
      <c r="DG8" s="99">
        <v>2736</v>
      </c>
      <c r="DH8" s="100">
        <v>3874</v>
      </c>
      <c r="DI8" s="101">
        <v>11</v>
      </c>
      <c r="DJ8" s="102">
        <v>19</v>
      </c>
      <c r="DK8" s="103">
        <v>30</v>
      </c>
      <c r="DL8" s="412">
        <v>0</v>
      </c>
      <c r="DM8" s="102">
        <v>8</v>
      </c>
      <c r="DN8" s="102">
        <v>17</v>
      </c>
      <c r="DO8" s="102">
        <v>7</v>
      </c>
      <c r="DP8" s="102">
        <v>10</v>
      </c>
      <c r="DQ8" s="102">
        <v>8</v>
      </c>
      <c r="DR8" s="103">
        <v>50</v>
      </c>
      <c r="DS8" s="104">
        <v>80</v>
      </c>
      <c r="DT8" s="101">
        <v>34</v>
      </c>
      <c r="DU8" s="102">
        <v>47</v>
      </c>
      <c r="DV8" s="103">
        <v>81</v>
      </c>
      <c r="DW8" s="412">
        <v>0</v>
      </c>
      <c r="DX8" s="102">
        <v>13</v>
      </c>
      <c r="DY8" s="102">
        <v>35</v>
      </c>
      <c r="DZ8" s="102">
        <v>14</v>
      </c>
      <c r="EA8" s="102">
        <v>16</v>
      </c>
      <c r="EB8" s="102">
        <v>20</v>
      </c>
      <c r="EC8" s="103">
        <v>98</v>
      </c>
      <c r="ED8" s="104">
        <v>179</v>
      </c>
      <c r="EE8" s="101">
        <v>65</v>
      </c>
      <c r="EF8" s="102">
        <v>91</v>
      </c>
      <c r="EG8" s="103">
        <v>156</v>
      </c>
      <c r="EH8" s="412">
        <v>0</v>
      </c>
      <c r="EI8" s="102">
        <v>70</v>
      </c>
      <c r="EJ8" s="102">
        <v>85</v>
      </c>
      <c r="EK8" s="102">
        <v>30</v>
      </c>
      <c r="EL8" s="102">
        <v>36</v>
      </c>
      <c r="EM8" s="102">
        <v>27</v>
      </c>
      <c r="EN8" s="103">
        <v>248</v>
      </c>
      <c r="EO8" s="104">
        <v>404</v>
      </c>
      <c r="EP8" s="101">
        <v>145</v>
      </c>
      <c r="EQ8" s="102">
        <v>163</v>
      </c>
      <c r="ER8" s="103">
        <v>308</v>
      </c>
      <c r="ES8" s="412">
        <v>0</v>
      </c>
      <c r="ET8" s="102">
        <v>150</v>
      </c>
      <c r="EU8" s="102">
        <v>129</v>
      </c>
      <c r="EV8" s="102">
        <v>83</v>
      </c>
      <c r="EW8" s="102">
        <v>69</v>
      </c>
      <c r="EX8" s="102">
        <v>35</v>
      </c>
      <c r="EY8" s="103">
        <v>466</v>
      </c>
      <c r="EZ8" s="104">
        <v>774</v>
      </c>
      <c r="FA8" s="101">
        <v>132</v>
      </c>
      <c r="FB8" s="102">
        <v>199</v>
      </c>
      <c r="FC8" s="103">
        <v>331</v>
      </c>
      <c r="FD8" s="412">
        <v>0</v>
      </c>
      <c r="FE8" s="102">
        <v>212</v>
      </c>
      <c r="FF8" s="102">
        <v>220</v>
      </c>
      <c r="FG8" s="102">
        <v>115</v>
      </c>
      <c r="FH8" s="102">
        <v>123</v>
      </c>
      <c r="FI8" s="102">
        <v>76</v>
      </c>
      <c r="FJ8" s="103">
        <v>746</v>
      </c>
      <c r="FK8" s="104">
        <v>1077</v>
      </c>
      <c r="FL8" s="101">
        <v>97</v>
      </c>
      <c r="FM8" s="102">
        <v>135</v>
      </c>
      <c r="FN8" s="103">
        <v>232</v>
      </c>
      <c r="FO8" s="412">
        <v>0</v>
      </c>
      <c r="FP8" s="102">
        <v>216</v>
      </c>
      <c r="FQ8" s="102">
        <v>291</v>
      </c>
      <c r="FR8" s="102">
        <v>228</v>
      </c>
      <c r="FS8" s="102">
        <v>239</v>
      </c>
      <c r="FT8" s="102">
        <v>154</v>
      </c>
      <c r="FU8" s="103">
        <v>1128</v>
      </c>
      <c r="FV8" s="104">
        <v>1360</v>
      </c>
      <c r="FW8" s="101">
        <v>0</v>
      </c>
      <c r="FX8" s="102">
        <v>0</v>
      </c>
      <c r="FY8" s="103">
        <v>0</v>
      </c>
      <c r="FZ8" s="412">
        <v>0</v>
      </c>
      <c r="GA8" s="102">
        <v>0</v>
      </c>
      <c r="GB8" s="102">
        <v>0</v>
      </c>
      <c r="GC8" s="102">
        <v>0</v>
      </c>
      <c r="GD8" s="102">
        <v>0</v>
      </c>
      <c r="GE8" s="102">
        <v>0</v>
      </c>
      <c r="GF8" s="103">
        <v>0</v>
      </c>
      <c r="GG8" s="104">
        <v>0</v>
      </c>
      <c r="GH8" s="101">
        <v>484</v>
      </c>
      <c r="GI8" s="102">
        <v>654</v>
      </c>
      <c r="GJ8" s="103">
        <v>1138</v>
      </c>
      <c r="GK8" s="412">
        <v>0</v>
      </c>
      <c r="GL8" s="102">
        <v>669</v>
      </c>
      <c r="GM8" s="102">
        <v>777</v>
      </c>
      <c r="GN8" s="102">
        <v>477</v>
      </c>
      <c r="GO8" s="102">
        <v>493</v>
      </c>
      <c r="GP8" s="102">
        <v>320</v>
      </c>
      <c r="GQ8" s="103">
        <v>2736</v>
      </c>
      <c r="GR8" s="104">
        <v>3874</v>
      </c>
      <c r="GS8" s="105">
        <v>1960</v>
      </c>
      <c r="GT8" s="97">
        <v>2401</v>
      </c>
      <c r="GU8" s="98">
        <v>4361</v>
      </c>
      <c r="GV8" s="412">
        <v>0</v>
      </c>
      <c r="GW8" s="97">
        <v>2310</v>
      </c>
      <c r="GX8" s="97">
        <v>2800</v>
      </c>
      <c r="GY8" s="97">
        <v>1617</v>
      </c>
      <c r="GZ8" s="97">
        <v>1418</v>
      </c>
      <c r="HA8" s="97">
        <v>929</v>
      </c>
      <c r="HB8" s="99">
        <v>9074</v>
      </c>
      <c r="HC8" s="100">
        <v>13435</v>
      </c>
      <c r="HD8" s="101">
        <v>59</v>
      </c>
      <c r="HE8" s="102">
        <v>82</v>
      </c>
      <c r="HF8" s="103">
        <v>141</v>
      </c>
      <c r="HG8" s="412">
        <v>0</v>
      </c>
      <c r="HH8" s="102">
        <v>53</v>
      </c>
      <c r="HI8" s="102">
        <v>88</v>
      </c>
      <c r="HJ8" s="102">
        <v>52</v>
      </c>
      <c r="HK8" s="102">
        <v>56</v>
      </c>
      <c r="HL8" s="102">
        <v>37</v>
      </c>
      <c r="HM8" s="103">
        <v>286</v>
      </c>
      <c r="HN8" s="104">
        <v>427</v>
      </c>
      <c r="HO8" s="101">
        <v>122</v>
      </c>
      <c r="HP8" s="102">
        <v>187</v>
      </c>
      <c r="HQ8" s="103">
        <v>309</v>
      </c>
      <c r="HR8" s="412">
        <v>0</v>
      </c>
      <c r="HS8" s="102">
        <v>95</v>
      </c>
      <c r="HT8" s="102">
        <v>172</v>
      </c>
      <c r="HU8" s="102">
        <v>80</v>
      </c>
      <c r="HV8" s="102">
        <v>92</v>
      </c>
      <c r="HW8" s="102">
        <v>66</v>
      </c>
      <c r="HX8" s="103">
        <v>505</v>
      </c>
      <c r="HY8" s="104">
        <v>814</v>
      </c>
      <c r="HZ8" s="101">
        <v>221</v>
      </c>
      <c r="IA8" s="102">
        <v>325</v>
      </c>
      <c r="IB8" s="103">
        <v>546</v>
      </c>
      <c r="IC8" s="412">
        <v>0</v>
      </c>
      <c r="ID8" s="102">
        <v>239</v>
      </c>
      <c r="IE8" s="102">
        <v>313</v>
      </c>
      <c r="IF8" s="102">
        <v>149</v>
      </c>
      <c r="IG8" s="102">
        <v>134</v>
      </c>
      <c r="IH8" s="102">
        <v>107</v>
      </c>
      <c r="II8" s="103">
        <v>942</v>
      </c>
      <c r="IJ8" s="104">
        <v>1488</v>
      </c>
      <c r="IK8" s="101">
        <v>500</v>
      </c>
      <c r="IL8" s="102">
        <v>551</v>
      </c>
      <c r="IM8" s="103">
        <v>1051</v>
      </c>
      <c r="IN8" s="412">
        <v>0</v>
      </c>
      <c r="IO8" s="102">
        <v>484</v>
      </c>
      <c r="IP8" s="102">
        <v>524</v>
      </c>
      <c r="IQ8" s="102">
        <v>295</v>
      </c>
      <c r="IR8" s="102">
        <v>260</v>
      </c>
      <c r="IS8" s="102">
        <v>151</v>
      </c>
      <c r="IT8" s="103">
        <v>1714</v>
      </c>
      <c r="IU8" s="104">
        <v>2765</v>
      </c>
      <c r="IV8" s="101">
        <v>607</v>
      </c>
      <c r="IW8" s="102">
        <v>686</v>
      </c>
      <c r="IX8" s="103">
        <v>1293</v>
      </c>
      <c r="IY8" s="412">
        <v>0</v>
      </c>
      <c r="IZ8" s="102">
        <v>745</v>
      </c>
      <c r="JA8" s="102">
        <v>801</v>
      </c>
      <c r="JB8" s="102">
        <v>426</v>
      </c>
      <c r="JC8" s="102">
        <v>372</v>
      </c>
      <c r="JD8" s="102">
        <v>229</v>
      </c>
      <c r="JE8" s="103">
        <v>2573</v>
      </c>
      <c r="JF8" s="104">
        <v>3866</v>
      </c>
      <c r="JG8" s="101">
        <v>451</v>
      </c>
      <c r="JH8" s="102">
        <v>570</v>
      </c>
      <c r="JI8" s="103">
        <v>1021</v>
      </c>
      <c r="JJ8" s="412">
        <v>0</v>
      </c>
      <c r="JK8" s="102">
        <v>694</v>
      </c>
      <c r="JL8" s="102">
        <v>902</v>
      </c>
      <c r="JM8" s="102">
        <v>615</v>
      </c>
      <c r="JN8" s="102">
        <v>504</v>
      </c>
      <c r="JO8" s="102">
        <v>339</v>
      </c>
      <c r="JP8" s="103">
        <v>3054</v>
      </c>
      <c r="JQ8" s="104">
        <v>4075</v>
      </c>
      <c r="JR8" s="101">
        <v>0</v>
      </c>
      <c r="JS8" s="102">
        <v>0</v>
      </c>
      <c r="JT8" s="103">
        <v>0</v>
      </c>
      <c r="JU8" s="412">
        <v>0</v>
      </c>
      <c r="JV8" s="102">
        <v>0</v>
      </c>
      <c r="JW8" s="102">
        <v>0</v>
      </c>
      <c r="JX8" s="102">
        <v>0</v>
      </c>
      <c r="JY8" s="102">
        <v>0</v>
      </c>
      <c r="JZ8" s="102">
        <v>0</v>
      </c>
      <c r="KA8" s="103">
        <v>0</v>
      </c>
      <c r="KB8" s="104">
        <v>0</v>
      </c>
      <c r="KC8" s="101">
        <v>1960</v>
      </c>
      <c r="KD8" s="102">
        <v>2401</v>
      </c>
      <c r="KE8" s="103">
        <v>4361</v>
      </c>
      <c r="KF8" s="412">
        <v>0</v>
      </c>
      <c r="KG8" s="102">
        <v>2310</v>
      </c>
      <c r="KH8" s="102">
        <v>2800</v>
      </c>
      <c r="KI8" s="102">
        <v>1617</v>
      </c>
      <c r="KJ8" s="102">
        <v>1418</v>
      </c>
      <c r="KK8" s="102">
        <v>929</v>
      </c>
      <c r="KL8" s="103">
        <v>9074</v>
      </c>
      <c r="KM8" s="104">
        <v>13435</v>
      </c>
    </row>
    <row r="9" spans="2:299" s="70" customFormat="1" ht="21" customHeight="1" x14ac:dyDescent="0.2">
      <c r="B9" s="106" t="s">
        <v>6</v>
      </c>
      <c r="C9" s="96">
        <v>444</v>
      </c>
      <c r="D9" s="97">
        <v>406</v>
      </c>
      <c r="E9" s="98">
        <v>850</v>
      </c>
      <c r="F9" s="412">
        <v>0</v>
      </c>
      <c r="G9" s="97">
        <v>793</v>
      </c>
      <c r="H9" s="97">
        <v>596</v>
      </c>
      <c r="I9" s="97">
        <v>341</v>
      </c>
      <c r="J9" s="97">
        <v>308</v>
      </c>
      <c r="K9" s="97">
        <v>228</v>
      </c>
      <c r="L9" s="99">
        <v>2266</v>
      </c>
      <c r="M9" s="100">
        <v>3116</v>
      </c>
      <c r="N9" s="101">
        <v>26</v>
      </c>
      <c r="O9" s="102">
        <v>19</v>
      </c>
      <c r="P9" s="103">
        <v>45</v>
      </c>
      <c r="Q9" s="412">
        <v>0</v>
      </c>
      <c r="R9" s="102">
        <v>27</v>
      </c>
      <c r="S9" s="102">
        <v>25</v>
      </c>
      <c r="T9" s="102">
        <v>11</v>
      </c>
      <c r="U9" s="102">
        <v>12</v>
      </c>
      <c r="V9" s="102">
        <v>14</v>
      </c>
      <c r="W9" s="103">
        <v>89</v>
      </c>
      <c r="X9" s="104">
        <v>134</v>
      </c>
      <c r="Y9" s="101">
        <v>37</v>
      </c>
      <c r="Z9" s="102">
        <v>34</v>
      </c>
      <c r="AA9" s="103">
        <v>71</v>
      </c>
      <c r="AB9" s="412">
        <v>0</v>
      </c>
      <c r="AC9" s="102">
        <v>45</v>
      </c>
      <c r="AD9" s="102">
        <v>49</v>
      </c>
      <c r="AE9" s="102">
        <v>17</v>
      </c>
      <c r="AF9" s="102">
        <v>25</v>
      </c>
      <c r="AG9" s="102">
        <v>20</v>
      </c>
      <c r="AH9" s="103">
        <v>156</v>
      </c>
      <c r="AI9" s="104">
        <v>227</v>
      </c>
      <c r="AJ9" s="101">
        <v>57</v>
      </c>
      <c r="AK9" s="102">
        <v>49</v>
      </c>
      <c r="AL9" s="103">
        <v>106</v>
      </c>
      <c r="AM9" s="412">
        <v>0</v>
      </c>
      <c r="AN9" s="102">
        <v>100</v>
      </c>
      <c r="AO9" s="102">
        <v>64</v>
      </c>
      <c r="AP9" s="102">
        <v>43</v>
      </c>
      <c r="AQ9" s="102">
        <v>45</v>
      </c>
      <c r="AR9" s="102">
        <v>37</v>
      </c>
      <c r="AS9" s="103">
        <v>289</v>
      </c>
      <c r="AT9" s="104">
        <v>395</v>
      </c>
      <c r="AU9" s="101">
        <v>100</v>
      </c>
      <c r="AV9" s="102">
        <v>71</v>
      </c>
      <c r="AW9" s="103">
        <v>171</v>
      </c>
      <c r="AX9" s="412">
        <v>0</v>
      </c>
      <c r="AY9" s="102">
        <v>190</v>
      </c>
      <c r="AZ9" s="102">
        <v>120</v>
      </c>
      <c r="BA9" s="102">
        <v>64</v>
      </c>
      <c r="BB9" s="102">
        <v>59</v>
      </c>
      <c r="BC9" s="102">
        <v>39</v>
      </c>
      <c r="BD9" s="103">
        <v>472</v>
      </c>
      <c r="BE9" s="104">
        <v>643</v>
      </c>
      <c r="BF9" s="101">
        <v>120</v>
      </c>
      <c r="BG9" s="102">
        <v>112</v>
      </c>
      <c r="BH9" s="103">
        <v>232</v>
      </c>
      <c r="BI9" s="412">
        <v>0</v>
      </c>
      <c r="BJ9" s="102">
        <v>227</v>
      </c>
      <c r="BK9" s="102">
        <v>146</v>
      </c>
      <c r="BL9" s="102">
        <v>82</v>
      </c>
      <c r="BM9" s="102">
        <v>77</v>
      </c>
      <c r="BN9" s="102">
        <v>52</v>
      </c>
      <c r="BO9" s="103">
        <v>584</v>
      </c>
      <c r="BP9" s="104">
        <v>816</v>
      </c>
      <c r="BQ9" s="101">
        <v>104</v>
      </c>
      <c r="BR9" s="102">
        <v>121</v>
      </c>
      <c r="BS9" s="103">
        <v>225</v>
      </c>
      <c r="BT9" s="412">
        <v>0</v>
      </c>
      <c r="BU9" s="102">
        <v>204</v>
      </c>
      <c r="BV9" s="102">
        <v>192</v>
      </c>
      <c r="BW9" s="102">
        <v>124</v>
      </c>
      <c r="BX9" s="102">
        <v>90</v>
      </c>
      <c r="BY9" s="102">
        <v>66</v>
      </c>
      <c r="BZ9" s="103">
        <v>676</v>
      </c>
      <c r="CA9" s="104">
        <v>901</v>
      </c>
      <c r="CB9" s="101">
        <v>0</v>
      </c>
      <c r="CC9" s="102">
        <v>0</v>
      </c>
      <c r="CD9" s="103">
        <v>0</v>
      </c>
      <c r="CE9" s="412">
        <v>0</v>
      </c>
      <c r="CF9" s="102">
        <v>0</v>
      </c>
      <c r="CG9" s="102">
        <v>0</v>
      </c>
      <c r="CH9" s="102">
        <v>0</v>
      </c>
      <c r="CI9" s="102">
        <v>0</v>
      </c>
      <c r="CJ9" s="102">
        <v>0</v>
      </c>
      <c r="CK9" s="103">
        <v>0</v>
      </c>
      <c r="CL9" s="104">
        <v>0</v>
      </c>
      <c r="CM9" s="101">
        <v>444</v>
      </c>
      <c r="CN9" s="102">
        <v>406</v>
      </c>
      <c r="CO9" s="103">
        <v>850</v>
      </c>
      <c r="CP9" s="412">
        <v>0</v>
      </c>
      <c r="CQ9" s="102">
        <v>793</v>
      </c>
      <c r="CR9" s="102">
        <v>596</v>
      </c>
      <c r="CS9" s="102">
        <v>341</v>
      </c>
      <c r="CT9" s="102">
        <v>308</v>
      </c>
      <c r="CU9" s="102">
        <v>228</v>
      </c>
      <c r="CV9" s="103">
        <v>2266</v>
      </c>
      <c r="CW9" s="104">
        <v>3116</v>
      </c>
      <c r="CX9" s="105">
        <v>230</v>
      </c>
      <c r="CY9" s="97">
        <v>255</v>
      </c>
      <c r="CZ9" s="98">
        <v>485</v>
      </c>
      <c r="DA9" s="412">
        <v>0</v>
      </c>
      <c r="DB9" s="97">
        <v>384</v>
      </c>
      <c r="DC9" s="97">
        <v>284</v>
      </c>
      <c r="DD9" s="97">
        <v>198</v>
      </c>
      <c r="DE9" s="97">
        <v>183</v>
      </c>
      <c r="DF9" s="97">
        <v>119</v>
      </c>
      <c r="DG9" s="99">
        <v>1168</v>
      </c>
      <c r="DH9" s="100">
        <v>1653</v>
      </c>
      <c r="DI9" s="101">
        <v>4</v>
      </c>
      <c r="DJ9" s="102">
        <v>6</v>
      </c>
      <c r="DK9" s="103">
        <v>10</v>
      </c>
      <c r="DL9" s="412">
        <v>0</v>
      </c>
      <c r="DM9" s="102">
        <v>3</v>
      </c>
      <c r="DN9" s="102">
        <v>8</v>
      </c>
      <c r="DO9" s="102">
        <v>4</v>
      </c>
      <c r="DP9" s="102">
        <v>1</v>
      </c>
      <c r="DQ9" s="102">
        <v>1</v>
      </c>
      <c r="DR9" s="103">
        <v>17</v>
      </c>
      <c r="DS9" s="104">
        <v>27</v>
      </c>
      <c r="DT9" s="101">
        <v>11</v>
      </c>
      <c r="DU9" s="102">
        <v>24</v>
      </c>
      <c r="DV9" s="103">
        <v>35</v>
      </c>
      <c r="DW9" s="412">
        <v>0</v>
      </c>
      <c r="DX9" s="102">
        <v>20</v>
      </c>
      <c r="DY9" s="102">
        <v>8</v>
      </c>
      <c r="DZ9" s="102">
        <v>10</v>
      </c>
      <c r="EA9" s="102">
        <v>4</v>
      </c>
      <c r="EB9" s="102">
        <v>3</v>
      </c>
      <c r="EC9" s="103">
        <v>45</v>
      </c>
      <c r="ED9" s="104">
        <v>80</v>
      </c>
      <c r="EE9" s="101">
        <v>35</v>
      </c>
      <c r="EF9" s="102">
        <v>32</v>
      </c>
      <c r="EG9" s="103">
        <v>67</v>
      </c>
      <c r="EH9" s="412">
        <v>0</v>
      </c>
      <c r="EI9" s="102">
        <v>43</v>
      </c>
      <c r="EJ9" s="102">
        <v>26</v>
      </c>
      <c r="EK9" s="102">
        <v>15</v>
      </c>
      <c r="EL9" s="102">
        <v>8</v>
      </c>
      <c r="EM9" s="102">
        <v>14</v>
      </c>
      <c r="EN9" s="103">
        <v>106</v>
      </c>
      <c r="EO9" s="104">
        <v>173</v>
      </c>
      <c r="EP9" s="101">
        <v>75</v>
      </c>
      <c r="EQ9" s="102">
        <v>51</v>
      </c>
      <c r="ER9" s="103">
        <v>126</v>
      </c>
      <c r="ES9" s="412">
        <v>0</v>
      </c>
      <c r="ET9" s="102">
        <v>82</v>
      </c>
      <c r="EU9" s="102">
        <v>52</v>
      </c>
      <c r="EV9" s="102">
        <v>27</v>
      </c>
      <c r="EW9" s="102">
        <v>26</v>
      </c>
      <c r="EX9" s="102">
        <v>19</v>
      </c>
      <c r="EY9" s="103">
        <v>206</v>
      </c>
      <c r="EZ9" s="104">
        <v>332</v>
      </c>
      <c r="FA9" s="101">
        <v>56</v>
      </c>
      <c r="FB9" s="102">
        <v>81</v>
      </c>
      <c r="FC9" s="103">
        <v>137</v>
      </c>
      <c r="FD9" s="412">
        <v>0</v>
      </c>
      <c r="FE9" s="102">
        <v>103</v>
      </c>
      <c r="FF9" s="102">
        <v>79</v>
      </c>
      <c r="FG9" s="102">
        <v>64</v>
      </c>
      <c r="FH9" s="102">
        <v>44</v>
      </c>
      <c r="FI9" s="102">
        <v>24</v>
      </c>
      <c r="FJ9" s="103">
        <v>314</v>
      </c>
      <c r="FK9" s="104">
        <v>451</v>
      </c>
      <c r="FL9" s="101">
        <v>49</v>
      </c>
      <c r="FM9" s="102">
        <v>61</v>
      </c>
      <c r="FN9" s="103">
        <v>110</v>
      </c>
      <c r="FO9" s="412">
        <v>0</v>
      </c>
      <c r="FP9" s="102">
        <v>133</v>
      </c>
      <c r="FQ9" s="102">
        <v>111</v>
      </c>
      <c r="FR9" s="102">
        <v>78</v>
      </c>
      <c r="FS9" s="102">
        <v>100</v>
      </c>
      <c r="FT9" s="102">
        <v>58</v>
      </c>
      <c r="FU9" s="103">
        <v>480</v>
      </c>
      <c r="FV9" s="104">
        <v>590</v>
      </c>
      <c r="FW9" s="101">
        <v>0</v>
      </c>
      <c r="FX9" s="102">
        <v>0</v>
      </c>
      <c r="FY9" s="103">
        <v>0</v>
      </c>
      <c r="FZ9" s="412">
        <v>0</v>
      </c>
      <c r="GA9" s="102">
        <v>0</v>
      </c>
      <c r="GB9" s="102">
        <v>0</v>
      </c>
      <c r="GC9" s="102">
        <v>0</v>
      </c>
      <c r="GD9" s="102">
        <v>0</v>
      </c>
      <c r="GE9" s="102">
        <v>0</v>
      </c>
      <c r="GF9" s="103">
        <v>0</v>
      </c>
      <c r="GG9" s="104">
        <v>0</v>
      </c>
      <c r="GH9" s="101">
        <v>230</v>
      </c>
      <c r="GI9" s="102">
        <v>255</v>
      </c>
      <c r="GJ9" s="103">
        <v>485</v>
      </c>
      <c r="GK9" s="412">
        <v>0</v>
      </c>
      <c r="GL9" s="102">
        <v>384</v>
      </c>
      <c r="GM9" s="102">
        <v>284</v>
      </c>
      <c r="GN9" s="102">
        <v>198</v>
      </c>
      <c r="GO9" s="102">
        <v>183</v>
      </c>
      <c r="GP9" s="102">
        <v>119</v>
      </c>
      <c r="GQ9" s="103">
        <v>1168</v>
      </c>
      <c r="GR9" s="104">
        <v>1653</v>
      </c>
      <c r="GS9" s="105">
        <v>674</v>
      </c>
      <c r="GT9" s="97">
        <v>661</v>
      </c>
      <c r="GU9" s="98">
        <v>1335</v>
      </c>
      <c r="GV9" s="412">
        <v>0</v>
      </c>
      <c r="GW9" s="97">
        <v>1177</v>
      </c>
      <c r="GX9" s="97">
        <v>880</v>
      </c>
      <c r="GY9" s="97">
        <v>539</v>
      </c>
      <c r="GZ9" s="97">
        <v>491</v>
      </c>
      <c r="HA9" s="97">
        <v>347</v>
      </c>
      <c r="HB9" s="99">
        <v>3434</v>
      </c>
      <c r="HC9" s="100">
        <v>4769</v>
      </c>
      <c r="HD9" s="101">
        <v>30</v>
      </c>
      <c r="HE9" s="102">
        <v>25</v>
      </c>
      <c r="HF9" s="103">
        <v>55</v>
      </c>
      <c r="HG9" s="412">
        <v>0</v>
      </c>
      <c r="HH9" s="102">
        <v>30</v>
      </c>
      <c r="HI9" s="102">
        <v>33</v>
      </c>
      <c r="HJ9" s="102">
        <v>15</v>
      </c>
      <c r="HK9" s="102">
        <v>13</v>
      </c>
      <c r="HL9" s="102">
        <v>15</v>
      </c>
      <c r="HM9" s="103">
        <v>106</v>
      </c>
      <c r="HN9" s="104">
        <v>161</v>
      </c>
      <c r="HO9" s="101">
        <v>48</v>
      </c>
      <c r="HP9" s="102">
        <v>58</v>
      </c>
      <c r="HQ9" s="103">
        <v>106</v>
      </c>
      <c r="HR9" s="412">
        <v>0</v>
      </c>
      <c r="HS9" s="102">
        <v>65</v>
      </c>
      <c r="HT9" s="102">
        <v>57</v>
      </c>
      <c r="HU9" s="102">
        <v>27</v>
      </c>
      <c r="HV9" s="102">
        <v>29</v>
      </c>
      <c r="HW9" s="102">
        <v>23</v>
      </c>
      <c r="HX9" s="103">
        <v>201</v>
      </c>
      <c r="HY9" s="104">
        <v>307</v>
      </c>
      <c r="HZ9" s="101">
        <v>92</v>
      </c>
      <c r="IA9" s="102">
        <v>81</v>
      </c>
      <c r="IB9" s="103">
        <v>173</v>
      </c>
      <c r="IC9" s="412">
        <v>0</v>
      </c>
      <c r="ID9" s="102">
        <v>143</v>
      </c>
      <c r="IE9" s="102">
        <v>90</v>
      </c>
      <c r="IF9" s="102">
        <v>58</v>
      </c>
      <c r="IG9" s="102">
        <v>53</v>
      </c>
      <c r="IH9" s="102">
        <v>51</v>
      </c>
      <c r="II9" s="103">
        <v>395</v>
      </c>
      <c r="IJ9" s="104">
        <v>568</v>
      </c>
      <c r="IK9" s="101">
        <v>175</v>
      </c>
      <c r="IL9" s="102">
        <v>122</v>
      </c>
      <c r="IM9" s="103">
        <v>297</v>
      </c>
      <c r="IN9" s="412">
        <v>0</v>
      </c>
      <c r="IO9" s="102">
        <v>272</v>
      </c>
      <c r="IP9" s="102">
        <v>172</v>
      </c>
      <c r="IQ9" s="102">
        <v>91</v>
      </c>
      <c r="IR9" s="102">
        <v>85</v>
      </c>
      <c r="IS9" s="102">
        <v>58</v>
      </c>
      <c r="IT9" s="103">
        <v>678</v>
      </c>
      <c r="IU9" s="104">
        <v>975</v>
      </c>
      <c r="IV9" s="101">
        <v>176</v>
      </c>
      <c r="IW9" s="102">
        <v>193</v>
      </c>
      <c r="IX9" s="103">
        <v>369</v>
      </c>
      <c r="IY9" s="412">
        <v>0</v>
      </c>
      <c r="IZ9" s="102">
        <v>330</v>
      </c>
      <c r="JA9" s="102">
        <v>225</v>
      </c>
      <c r="JB9" s="102">
        <v>146</v>
      </c>
      <c r="JC9" s="102">
        <v>121</v>
      </c>
      <c r="JD9" s="102">
        <v>76</v>
      </c>
      <c r="JE9" s="103">
        <v>898</v>
      </c>
      <c r="JF9" s="104">
        <v>1267</v>
      </c>
      <c r="JG9" s="101">
        <v>153</v>
      </c>
      <c r="JH9" s="102">
        <v>182</v>
      </c>
      <c r="JI9" s="103">
        <v>335</v>
      </c>
      <c r="JJ9" s="412">
        <v>0</v>
      </c>
      <c r="JK9" s="102">
        <v>337</v>
      </c>
      <c r="JL9" s="102">
        <v>303</v>
      </c>
      <c r="JM9" s="102">
        <v>202</v>
      </c>
      <c r="JN9" s="102">
        <v>190</v>
      </c>
      <c r="JO9" s="102">
        <v>124</v>
      </c>
      <c r="JP9" s="103">
        <v>1156</v>
      </c>
      <c r="JQ9" s="104">
        <v>1491</v>
      </c>
      <c r="JR9" s="101">
        <v>0</v>
      </c>
      <c r="JS9" s="102">
        <v>0</v>
      </c>
      <c r="JT9" s="103">
        <v>0</v>
      </c>
      <c r="JU9" s="412">
        <v>0</v>
      </c>
      <c r="JV9" s="102">
        <v>0</v>
      </c>
      <c r="JW9" s="102">
        <v>0</v>
      </c>
      <c r="JX9" s="102">
        <v>0</v>
      </c>
      <c r="JY9" s="102">
        <v>0</v>
      </c>
      <c r="JZ9" s="102">
        <v>0</v>
      </c>
      <c r="KA9" s="103">
        <v>0</v>
      </c>
      <c r="KB9" s="104">
        <v>0</v>
      </c>
      <c r="KC9" s="101">
        <v>674</v>
      </c>
      <c r="KD9" s="102">
        <v>661</v>
      </c>
      <c r="KE9" s="103">
        <v>1335</v>
      </c>
      <c r="KF9" s="412">
        <v>0</v>
      </c>
      <c r="KG9" s="102">
        <v>1177</v>
      </c>
      <c r="KH9" s="102">
        <v>880</v>
      </c>
      <c r="KI9" s="102">
        <v>539</v>
      </c>
      <c r="KJ9" s="102">
        <v>491</v>
      </c>
      <c r="KK9" s="102">
        <v>347</v>
      </c>
      <c r="KL9" s="103">
        <v>3434</v>
      </c>
      <c r="KM9" s="104">
        <v>4769</v>
      </c>
    </row>
    <row r="10" spans="2:299" s="70" customFormat="1" ht="21" customHeight="1" x14ac:dyDescent="0.2">
      <c r="B10" s="106" t="s">
        <v>14</v>
      </c>
      <c r="C10" s="96">
        <v>198</v>
      </c>
      <c r="D10" s="97">
        <v>216</v>
      </c>
      <c r="E10" s="98">
        <v>414</v>
      </c>
      <c r="F10" s="412">
        <v>0</v>
      </c>
      <c r="G10" s="97">
        <v>241</v>
      </c>
      <c r="H10" s="97">
        <v>282</v>
      </c>
      <c r="I10" s="97">
        <v>167</v>
      </c>
      <c r="J10" s="97">
        <v>124</v>
      </c>
      <c r="K10" s="97">
        <v>85</v>
      </c>
      <c r="L10" s="99">
        <v>899</v>
      </c>
      <c r="M10" s="100">
        <v>1313</v>
      </c>
      <c r="N10" s="101">
        <v>2</v>
      </c>
      <c r="O10" s="102">
        <v>9</v>
      </c>
      <c r="P10" s="103">
        <v>11</v>
      </c>
      <c r="Q10" s="412">
        <v>0</v>
      </c>
      <c r="R10" s="102">
        <v>4</v>
      </c>
      <c r="S10" s="102">
        <v>9</v>
      </c>
      <c r="T10" s="102">
        <v>11</v>
      </c>
      <c r="U10" s="102">
        <v>8</v>
      </c>
      <c r="V10" s="102">
        <v>3</v>
      </c>
      <c r="W10" s="103">
        <v>35</v>
      </c>
      <c r="X10" s="104">
        <v>46</v>
      </c>
      <c r="Y10" s="101">
        <v>18</v>
      </c>
      <c r="Z10" s="102">
        <v>22</v>
      </c>
      <c r="AA10" s="103">
        <v>40</v>
      </c>
      <c r="AB10" s="412">
        <v>0</v>
      </c>
      <c r="AC10" s="102">
        <v>23</v>
      </c>
      <c r="AD10" s="102">
        <v>19</v>
      </c>
      <c r="AE10" s="102">
        <v>13</v>
      </c>
      <c r="AF10" s="102">
        <v>9</v>
      </c>
      <c r="AG10" s="102">
        <v>9</v>
      </c>
      <c r="AH10" s="103">
        <v>73</v>
      </c>
      <c r="AI10" s="104">
        <v>113</v>
      </c>
      <c r="AJ10" s="101">
        <v>26</v>
      </c>
      <c r="AK10" s="102">
        <v>38</v>
      </c>
      <c r="AL10" s="103">
        <v>64</v>
      </c>
      <c r="AM10" s="412">
        <v>0</v>
      </c>
      <c r="AN10" s="102">
        <v>22</v>
      </c>
      <c r="AO10" s="102">
        <v>42</v>
      </c>
      <c r="AP10" s="102">
        <v>15</v>
      </c>
      <c r="AQ10" s="102">
        <v>11</v>
      </c>
      <c r="AR10" s="102">
        <v>14</v>
      </c>
      <c r="AS10" s="103">
        <v>104</v>
      </c>
      <c r="AT10" s="104">
        <v>168</v>
      </c>
      <c r="AU10" s="101">
        <v>51</v>
      </c>
      <c r="AV10" s="102">
        <v>44</v>
      </c>
      <c r="AW10" s="103">
        <v>95</v>
      </c>
      <c r="AX10" s="412">
        <v>0</v>
      </c>
      <c r="AY10" s="102">
        <v>64</v>
      </c>
      <c r="AZ10" s="102">
        <v>61</v>
      </c>
      <c r="BA10" s="102">
        <v>25</v>
      </c>
      <c r="BB10" s="102">
        <v>27</v>
      </c>
      <c r="BC10" s="102">
        <v>21</v>
      </c>
      <c r="BD10" s="103">
        <v>198</v>
      </c>
      <c r="BE10" s="104">
        <v>293</v>
      </c>
      <c r="BF10" s="101">
        <v>63</v>
      </c>
      <c r="BG10" s="102">
        <v>60</v>
      </c>
      <c r="BH10" s="103">
        <v>123</v>
      </c>
      <c r="BI10" s="412">
        <v>0</v>
      </c>
      <c r="BJ10" s="102">
        <v>66</v>
      </c>
      <c r="BK10" s="102">
        <v>83</v>
      </c>
      <c r="BL10" s="102">
        <v>55</v>
      </c>
      <c r="BM10" s="102">
        <v>35</v>
      </c>
      <c r="BN10" s="102">
        <v>19</v>
      </c>
      <c r="BO10" s="103">
        <v>258</v>
      </c>
      <c r="BP10" s="104">
        <v>381</v>
      </c>
      <c r="BQ10" s="101">
        <v>38</v>
      </c>
      <c r="BR10" s="102">
        <v>43</v>
      </c>
      <c r="BS10" s="103">
        <v>81</v>
      </c>
      <c r="BT10" s="412">
        <v>0</v>
      </c>
      <c r="BU10" s="102">
        <v>62</v>
      </c>
      <c r="BV10" s="102">
        <v>68</v>
      </c>
      <c r="BW10" s="102">
        <v>48</v>
      </c>
      <c r="BX10" s="102">
        <v>34</v>
      </c>
      <c r="BY10" s="102">
        <v>19</v>
      </c>
      <c r="BZ10" s="103">
        <v>231</v>
      </c>
      <c r="CA10" s="104">
        <v>312</v>
      </c>
      <c r="CB10" s="101">
        <v>0</v>
      </c>
      <c r="CC10" s="102">
        <v>0</v>
      </c>
      <c r="CD10" s="103">
        <v>0</v>
      </c>
      <c r="CE10" s="412">
        <v>0</v>
      </c>
      <c r="CF10" s="102">
        <v>0</v>
      </c>
      <c r="CG10" s="102">
        <v>0</v>
      </c>
      <c r="CH10" s="102">
        <v>0</v>
      </c>
      <c r="CI10" s="102">
        <v>0</v>
      </c>
      <c r="CJ10" s="102">
        <v>0</v>
      </c>
      <c r="CK10" s="103">
        <v>0</v>
      </c>
      <c r="CL10" s="104">
        <v>0</v>
      </c>
      <c r="CM10" s="101">
        <v>198</v>
      </c>
      <c r="CN10" s="102">
        <v>216</v>
      </c>
      <c r="CO10" s="103">
        <v>414</v>
      </c>
      <c r="CP10" s="412">
        <v>0</v>
      </c>
      <c r="CQ10" s="102">
        <v>241</v>
      </c>
      <c r="CR10" s="102">
        <v>282</v>
      </c>
      <c r="CS10" s="102">
        <v>167</v>
      </c>
      <c r="CT10" s="102">
        <v>124</v>
      </c>
      <c r="CU10" s="102">
        <v>85</v>
      </c>
      <c r="CV10" s="103">
        <v>899</v>
      </c>
      <c r="CW10" s="104">
        <v>1313</v>
      </c>
      <c r="CX10" s="105">
        <v>62</v>
      </c>
      <c r="CY10" s="97">
        <v>77</v>
      </c>
      <c r="CZ10" s="98">
        <v>139</v>
      </c>
      <c r="DA10" s="412">
        <v>0</v>
      </c>
      <c r="DB10" s="97">
        <v>99</v>
      </c>
      <c r="DC10" s="97">
        <v>129</v>
      </c>
      <c r="DD10" s="97">
        <v>80</v>
      </c>
      <c r="DE10" s="97">
        <v>85</v>
      </c>
      <c r="DF10" s="97">
        <v>40</v>
      </c>
      <c r="DG10" s="99">
        <v>433</v>
      </c>
      <c r="DH10" s="100">
        <v>572</v>
      </c>
      <c r="DI10" s="101">
        <v>1</v>
      </c>
      <c r="DJ10" s="102">
        <v>2</v>
      </c>
      <c r="DK10" s="103">
        <v>3</v>
      </c>
      <c r="DL10" s="412">
        <v>0</v>
      </c>
      <c r="DM10" s="102">
        <v>2</v>
      </c>
      <c r="DN10" s="102">
        <v>7</v>
      </c>
      <c r="DO10" s="102">
        <v>1</v>
      </c>
      <c r="DP10" s="102">
        <v>2</v>
      </c>
      <c r="DQ10" s="102">
        <v>1</v>
      </c>
      <c r="DR10" s="103">
        <v>13</v>
      </c>
      <c r="DS10" s="104">
        <v>16</v>
      </c>
      <c r="DT10" s="101">
        <v>8</v>
      </c>
      <c r="DU10" s="102">
        <v>2</v>
      </c>
      <c r="DV10" s="103">
        <v>10</v>
      </c>
      <c r="DW10" s="412">
        <v>0</v>
      </c>
      <c r="DX10" s="102">
        <v>4</v>
      </c>
      <c r="DY10" s="102">
        <v>6</v>
      </c>
      <c r="DZ10" s="102">
        <v>5</v>
      </c>
      <c r="EA10" s="102">
        <v>0</v>
      </c>
      <c r="EB10" s="102">
        <v>0</v>
      </c>
      <c r="EC10" s="103">
        <v>15</v>
      </c>
      <c r="ED10" s="104">
        <v>25</v>
      </c>
      <c r="EE10" s="101">
        <v>11</v>
      </c>
      <c r="EF10" s="102">
        <v>13</v>
      </c>
      <c r="EG10" s="103">
        <v>24</v>
      </c>
      <c r="EH10" s="412">
        <v>0</v>
      </c>
      <c r="EI10" s="102">
        <v>13</v>
      </c>
      <c r="EJ10" s="102">
        <v>12</v>
      </c>
      <c r="EK10" s="102">
        <v>4</v>
      </c>
      <c r="EL10" s="102">
        <v>4</v>
      </c>
      <c r="EM10" s="102">
        <v>6</v>
      </c>
      <c r="EN10" s="103">
        <v>39</v>
      </c>
      <c r="EO10" s="104">
        <v>63</v>
      </c>
      <c r="EP10" s="101">
        <v>20</v>
      </c>
      <c r="EQ10" s="102">
        <v>16</v>
      </c>
      <c r="ER10" s="103">
        <v>36</v>
      </c>
      <c r="ES10" s="412">
        <v>0</v>
      </c>
      <c r="ET10" s="102">
        <v>15</v>
      </c>
      <c r="EU10" s="102">
        <v>26</v>
      </c>
      <c r="EV10" s="102">
        <v>17</v>
      </c>
      <c r="EW10" s="102">
        <v>11</v>
      </c>
      <c r="EX10" s="102">
        <v>7</v>
      </c>
      <c r="EY10" s="103">
        <v>76</v>
      </c>
      <c r="EZ10" s="104">
        <v>112</v>
      </c>
      <c r="FA10" s="101">
        <v>12</v>
      </c>
      <c r="FB10" s="102">
        <v>24</v>
      </c>
      <c r="FC10" s="103">
        <v>36</v>
      </c>
      <c r="FD10" s="412">
        <v>0</v>
      </c>
      <c r="FE10" s="102">
        <v>35</v>
      </c>
      <c r="FF10" s="102">
        <v>35</v>
      </c>
      <c r="FG10" s="102">
        <v>16</v>
      </c>
      <c r="FH10" s="102">
        <v>21</v>
      </c>
      <c r="FI10" s="102">
        <v>10</v>
      </c>
      <c r="FJ10" s="103">
        <v>117</v>
      </c>
      <c r="FK10" s="104">
        <v>153</v>
      </c>
      <c r="FL10" s="101">
        <v>10</v>
      </c>
      <c r="FM10" s="102">
        <v>20</v>
      </c>
      <c r="FN10" s="103">
        <v>30</v>
      </c>
      <c r="FO10" s="412">
        <v>0</v>
      </c>
      <c r="FP10" s="102">
        <v>30</v>
      </c>
      <c r="FQ10" s="102">
        <v>43</v>
      </c>
      <c r="FR10" s="102">
        <v>37</v>
      </c>
      <c r="FS10" s="102">
        <v>47</v>
      </c>
      <c r="FT10" s="102">
        <v>16</v>
      </c>
      <c r="FU10" s="103">
        <v>173</v>
      </c>
      <c r="FV10" s="104">
        <v>203</v>
      </c>
      <c r="FW10" s="101">
        <v>0</v>
      </c>
      <c r="FX10" s="102">
        <v>0</v>
      </c>
      <c r="FY10" s="103">
        <v>0</v>
      </c>
      <c r="FZ10" s="412">
        <v>0</v>
      </c>
      <c r="GA10" s="102">
        <v>0</v>
      </c>
      <c r="GB10" s="102">
        <v>0</v>
      </c>
      <c r="GC10" s="102">
        <v>0</v>
      </c>
      <c r="GD10" s="102">
        <v>0</v>
      </c>
      <c r="GE10" s="102">
        <v>0</v>
      </c>
      <c r="GF10" s="103">
        <v>0</v>
      </c>
      <c r="GG10" s="104">
        <v>0</v>
      </c>
      <c r="GH10" s="101">
        <v>62</v>
      </c>
      <c r="GI10" s="102">
        <v>77</v>
      </c>
      <c r="GJ10" s="103">
        <v>139</v>
      </c>
      <c r="GK10" s="412">
        <v>0</v>
      </c>
      <c r="GL10" s="102">
        <v>99</v>
      </c>
      <c r="GM10" s="102">
        <v>129</v>
      </c>
      <c r="GN10" s="102">
        <v>80</v>
      </c>
      <c r="GO10" s="102">
        <v>85</v>
      </c>
      <c r="GP10" s="102">
        <v>40</v>
      </c>
      <c r="GQ10" s="103">
        <v>433</v>
      </c>
      <c r="GR10" s="104">
        <v>572</v>
      </c>
      <c r="GS10" s="105">
        <v>260</v>
      </c>
      <c r="GT10" s="97">
        <v>293</v>
      </c>
      <c r="GU10" s="98">
        <v>553</v>
      </c>
      <c r="GV10" s="412">
        <v>0</v>
      </c>
      <c r="GW10" s="97">
        <v>340</v>
      </c>
      <c r="GX10" s="97">
        <v>411</v>
      </c>
      <c r="GY10" s="97">
        <v>247</v>
      </c>
      <c r="GZ10" s="97">
        <v>209</v>
      </c>
      <c r="HA10" s="97">
        <v>125</v>
      </c>
      <c r="HB10" s="99">
        <v>1332</v>
      </c>
      <c r="HC10" s="100">
        <v>1885</v>
      </c>
      <c r="HD10" s="101">
        <v>3</v>
      </c>
      <c r="HE10" s="102">
        <v>11</v>
      </c>
      <c r="HF10" s="103">
        <v>14</v>
      </c>
      <c r="HG10" s="412">
        <v>0</v>
      </c>
      <c r="HH10" s="102">
        <v>6</v>
      </c>
      <c r="HI10" s="102">
        <v>16</v>
      </c>
      <c r="HJ10" s="102">
        <v>12</v>
      </c>
      <c r="HK10" s="102">
        <v>10</v>
      </c>
      <c r="HL10" s="102">
        <v>4</v>
      </c>
      <c r="HM10" s="103">
        <v>48</v>
      </c>
      <c r="HN10" s="104">
        <v>62</v>
      </c>
      <c r="HO10" s="101">
        <v>26</v>
      </c>
      <c r="HP10" s="102">
        <v>24</v>
      </c>
      <c r="HQ10" s="103">
        <v>50</v>
      </c>
      <c r="HR10" s="412">
        <v>0</v>
      </c>
      <c r="HS10" s="102">
        <v>27</v>
      </c>
      <c r="HT10" s="102">
        <v>25</v>
      </c>
      <c r="HU10" s="102">
        <v>18</v>
      </c>
      <c r="HV10" s="102">
        <v>9</v>
      </c>
      <c r="HW10" s="102">
        <v>9</v>
      </c>
      <c r="HX10" s="103">
        <v>88</v>
      </c>
      <c r="HY10" s="104">
        <v>138</v>
      </c>
      <c r="HZ10" s="101">
        <v>37</v>
      </c>
      <c r="IA10" s="102">
        <v>51</v>
      </c>
      <c r="IB10" s="103">
        <v>88</v>
      </c>
      <c r="IC10" s="412">
        <v>0</v>
      </c>
      <c r="ID10" s="102">
        <v>35</v>
      </c>
      <c r="IE10" s="102">
        <v>54</v>
      </c>
      <c r="IF10" s="102">
        <v>19</v>
      </c>
      <c r="IG10" s="102">
        <v>15</v>
      </c>
      <c r="IH10" s="102">
        <v>20</v>
      </c>
      <c r="II10" s="103">
        <v>143</v>
      </c>
      <c r="IJ10" s="104">
        <v>231</v>
      </c>
      <c r="IK10" s="101">
        <v>71</v>
      </c>
      <c r="IL10" s="102">
        <v>60</v>
      </c>
      <c r="IM10" s="103">
        <v>131</v>
      </c>
      <c r="IN10" s="412">
        <v>0</v>
      </c>
      <c r="IO10" s="102">
        <v>79</v>
      </c>
      <c r="IP10" s="102">
        <v>87</v>
      </c>
      <c r="IQ10" s="102">
        <v>42</v>
      </c>
      <c r="IR10" s="102">
        <v>38</v>
      </c>
      <c r="IS10" s="102">
        <v>28</v>
      </c>
      <c r="IT10" s="103">
        <v>274</v>
      </c>
      <c r="IU10" s="104">
        <v>405</v>
      </c>
      <c r="IV10" s="101">
        <v>75</v>
      </c>
      <c r="IW10" s="102">
        <v>84</v>
      </c>
      <c r="IX10" s="103">
        <v>159</v>
      </c>
      <c r="IY10" s="412">
        <v>0</v>
      </c>
      <c r="IZ10" s="102">
        <v>101</v>
      </c>
      <c r="JA10" s="102">
        <v>118</v>
      </c>
      <c r="JB10" s="102">
        <v>71</v>
      </c>
      <c r="JC10" s="102">
        <v>56</v>
      </c>
      <c r="JD10" s="102">
        <v>29</v>
      </c>
      <c r="JE10" s="103">
        <v>375</v>
      </c>
      <c r="JF10" s="104">
        <v>534</v>
      </c>
      <c r="JG10" s="101">
        <v>48</v>
      </c>
      <c r="JH10" s="102">
        <v>63</v>
      </c>
      <c r="JI10" s="103">
        <v>111</v>
      </c>
      <c r="JJ10" s="412">
        <v>0</v>
      </c>
      <c r="JK10" s="102">
        <v>92</v>
      </c>
      <c r="JL10" s="102">
        <v>111</v>
      </c>
      <c r="JM10" s="102">
        <v>85</v>
      </c>
      <c r="JN10" s="102">
        <v>81</v>
      </c>
      <c r="JO10" s="102">
        <v>35</v>
      </c>
      <c r="JP10" s="103">
        <v>404</v>
      </c>
      <c r="JQ10" s="104">
        <v>515</v>
      </c>
      <c r="JR10" s="101">
        <v>0</v>
      </c>
      <c r="JS10" s="102">
        <v>0</v>
      </c>
      <c r="JT10" s="103">
        <v>0</v>
      </c>
      <c r="JU10" s="412">
        <v>0</v>
      </c>
      <c r="JV10" s="102">
        <v>0</v>
      </c>
      <c r="JW10" s="102">
        <v>0</v>
      </c>
      <c r="JX10" s="102">
        <v>0</v>
      </c>
      <c r="JY10" s="102">
        <v>0</v>
      </c>
      <c r="JZ10" s="102">
        <v>0</v>
      </c>
      <c r="KA10" s="103">
        <v>0</v>
      </c>
      <c r="KB10" s="104">
        <v>0</v>
      </c>
      <c r="KC10" s="101">
        <v>260</v>
      </c>
      <c r="KD10" s="102">
        <v>293</v>
      </c>
      <c r="KE10" s="103">
        <v>553</v>
      </c>
      <c r="KF10" s="412">
        <v>0</v>
      </c>
      <c r="KG10" s="102">
        <v>340</v>
      </c>
      <c r="KH10" s="102">
        <v>411</v>
      </c>
      <c r="KI10" s="102">
        <v>247</v>
      </c>
      <c r="KJ10" s="102">
        <v>209</v>
      </c>
      <c r="KK10" s="102">
        <v>125</v>
      </c>
      <c r="KL10" s="103">
        <v>1332</v>
      </c>
      <c r="KM10" s="104">
        <v>1885</v>
      </c>
    </row>
    <row r="11" spans="2:299" s="70" customFormat="1" ht="21" customHeight="1" x14ac:dyDescent="0.2">
      <c r="B11" s="106" t="s">
        <v>7</v>
      </c>
      <c r="C11" s="96">
        <v>142</v>
      </c>
      <c r="D11" s="97">
        <v>86</v>
      </c>
      <c r="E11" s="98">
        <v>228</v>
      </c>
      <c r="F11" s="412">
        <v>0</v>
      </c>
      <c r="G11" s="97">
        <v>238</v>
      </c>
      <c r="H11" s="97">
        <v>131</v>
      </c>
      <c r="I11" s="97">
        <v>71</v>
      </c>
      <c r="J11" s="97">
        <v>77</v>
      </c>
      <c r="K11" s="97">
        <v>38</v>
      </c>
      <c r="L11" s="99">
        <v>555</v>
      </c>
      <c r="M11" s="100">
        <v>783</v>
      </c>
      <c r="N11" s="101">
        <v>6</v>
      </c>
      <c r="O11" s="102">
        <v>5</v>
      </c>
      <c r="P11" s="103">
        <v>11</v>
      </c>
      <c r="Q11" s="412">
        <v>0</v>
      </c>
      <c r="R11" s="102">
        <v>2</v>
      </c>
      <c r="S11" s="102">
        <v>4</v>
      </c>
      <c r="T11" s="102">
        <v>3</v>
      </c>
      <c r="U11" s="102">
        <v>5</v>
      </c>
      <c r="V11" s="102">
        <v>2</v>
      </c>
      <c r="W11" s="103">
        <v>16</v>
      </c>
      <c r="X11" s="104">
        <v>27</v>
      </c>
      <c r="Y11" s="101">
        <v>7</v>
      </c>
      <c r="Z11" s="102">
        <v>11</v>
      </c>
      <c r="AA11" s="103">
        <v>18</v>
      </c>
      <c r="AB11" s="412">
        <v>0</v>
      </c>
      <c r="AC11" s="102">
        <v>16</v>
      </c>
      <c r="AD11" s="102">
        <v>8</v>
      </c>
      <c r="AE11" s="102">
        <v>5</v>
      </c>
      <c r="AF11" s="102">
        <v>8</v>
      </c>
      <c r="AG11" s="102">
        <v>5</v>
      </c>
      <c r="AH11" s="103">
        <v>42</v>
      </c>
      <c r="AI11" s="104">
        <v>60</v>
      </c>
      <c r="AJ11" s="101">
        <v>17</v>
      </c>
      <c r="AK11" s="102">
        <v>8</v>
      </c>
      <c r="AL11" s="103">
        <v>25</v>
      </c>
      <c r="AM11" s="412">
        <v>0</v>
      </c>
      <c r="AN11" s="102">
        <v>30</v>
      </c>
      <c r="AO11" s="102">
        <v>11</v>
      </c>
      <c r="AP11" s="102">
        <v>8</v>
      </c>
      <c r="AQ11" s="102">
        <v>12</v>
      </c>
      <c r="AR11" s="102">
        <v>7</v>
      </c>
      <c r="AS11" s="103">
        <v>68</v>
      </c>
      <c r="AT11" s="104">
        <v>93</v>
      </c>
      <c r="AU11" s="101">
        <v>29</v>
      </c>
      <c r="AV11" s="102">
        <v>22</v>
      </c>
      <c r="AW11" s="103">
        <v>51</v>
      </c>
      <c r="AX11" s="412">
        <v>0</v>
      </c>
      <c r="AY11" s="102">
        <v>57</v>
      </c>
      <c r="AZ11" s="102">
        <v>28</v>
      </c>
      <c r="BA11" s="102">
        <v>17</v>
      </c>
      <c r="BB11" s="102">
        <v>9</v>
      </c>
      <c r="BC11" s="102">
        <v>5</v>
      </c>
      <c r="BD11" s="103">
        <v>116</v>
      </c>
      <c r="BE11" s="104">
        <v>167</v>
      </c>
      <c r="BF11" s="101">
        <v>50</v>
      </c>
      <c r="BG11" s="102">
        <v>19</v>
      </c>
      <c r="BH11" s="103">
        <v>69</v>
      </c>
      <c r="BI11" s="412">
        <v>0</v>
      </c>
      <c r="BJ11" s="102">
        <v>67</v>
      </c>
      <c r="BK11" s="102">
        <v>43</v>
      </c>
      <c r="BL11" s="102">
        <v>17</v>
      </c>
      <c r="BM11" s="102">
        <v>23</v>
      </c>
      <c r="BN11" s="102">
        <v>13</v>
      </c>
      <c r="BO11" s="103">
        <v>163</v>
      </c>
      <c r="BP11" s="104">
        <v>232</v>
      </c>
      <c r="BQ11" s="101">
        <v>33</v>
      </c>
      <c r="BR11" s="102">
        <v>21</v>
      </c>
      <c r="BS11" s="103">
        <v>54</v>
      </c>
      <c r="BT11" s="412">
        <v>0</v>
      </c>
      <c r="BU11" s="102">
        <v>66</v>
      </c>
      <c r="BV11" s="102">
        <v>37</v>
      </c>
      <c r="BW11" s="102">
        <v>21</v>
      </c>
      <c r="BX11" s="102">
        <v>20</v>
      </c>
      <c r="BY11" s="102">
        <v>6</v>
      </c>
      <c r="BZ11" s="103">
        <v>150</v>
      </c>
      <c r="CA11" s="104">
        <v>204</v>
      </c>
      <c r="CB11" s="101">
        <v>0</v>
      </c>
      <c r="CC11" s="102">
        <v>0</v>
      </c>
      <c r="CD11" s="103">
        <v>0</v>
      </c>
      <c r="CE11" s="412">
        <v>0</v>
      </c>
      <c r="CF11" s="102">
        <v>0</v>
      </c>
      <c r="CG11" s="102">
        <v>0</v>
      </c>
      <c r="CH11" s="102">
        <v>0</v>
      </c>
      <c r="CI11" s="102">
        <v>0</v>
      </c>
      <c r="CJ11" s="102">
        <v>0</v>
      </c>
      <c r="CK11" s="103">
        <v>0</v>
      </c>
      <c r="CL11" s="104">
        <v>0</v>
      </c>
      <c r="CM11" s="101">
        <v>142</v>
      </c>
      <c r="CN11" s="102">
        <v>86</v>
      </c>
      <c r="CO11" s="103">
        <v>228</v>
      </c>
      <c r="CP11" s="412">
        <v>0</v>
      </c>
      <c r="CQ11" s="102">
        <v>238</v>
      </c>
      <c r="CR11" s="102">
        <v>131</v>
      </c>
      <c r="CS11" s="102">
        <v>71</v>
      </c>
      <c r="CT11" s="102">
        <v>77</v>
      </c>
      <c r="CU11" s="102">
        <v>38</v>
      </c>
      <c r="CV11" s="103">
        <v>555</v>
      </c>
      <c r="CW11" s="104">
        <v>783</v>
      </c>
      <c r="CX11" s="105">
        <v>44</v>
      </c>
      <c r="CY11" s="97">
        <v>43</v>
      </c>
      <c r="CZ11" s="98">
        <v>87</v>
      </c>
      <c r="DA11" s="412">
        <v>0</v>
      </c>
      <c r="DB11" s="97">
        <v>71</v>
      </c>
      <c r="DC11" s="97">
        <v>36</v>
      </c>
      <c r="DD11" s="97">
        <v>27</v>
      </c>
      <c r="DE11" s="97">
        <v>33</v>
      </c>
      <c r="DF11" s="97">
        <v>17</v>
      </c>
      <c r="DG11" s="99">
        <v>184</v>
      </c>
      <c r="DH11" s="100">
        <v>271</v>
      </c>
      <c r="DI11" s="101">
        <v>1</v>
      </c>
      <c r="DJ11" s="102">
        <v>0</v>
      </c>
      <c r="DK11" s="103">
        <v>1</v>
      </c>
      <c r="DL11" s="412">
        <v>0</v>
      </c>
      <c r="DM11" s="102">
        <v>2</v>
      </c>
      <c r="DN11" s="102">
        <v>1</v>
      </c>
      <c r="DO11" s="102">
        <v>2</v>
      </c>
      <c r="DP11" s="102">
        <v>0</v>
      </c>
      <c r="DQ11" s="102">
        <v>0</v>
      </c>
      <c r="DR11" s="103">
        <v>5</v>
      </c>
      <c r="DS11" s="104">
        <v>6</v>
      </c>
      <c r="DT11" s="101">
        <v>0</v>
      </c>
      <c r="DU11" s="102">
        <v>1</v>
      </c>
      <c r="DV11" s="103">
        <v>1</v>
      </c>
      <c r="DW11" s="412">
        <v>0</v>
      </c>
      <c r="DX11" s="102">
        <v>3</v>
      </c>
      <c r="DY11" s="102">
        <v>2</v>
      </c>
      <c r="DZ11" s="102">
        <v>3</v>
      </c>
      <c r="EA11" s="102">
        <v>1</v>
      </c>
      <c r="EB11" s="102">
        <v>1</v>
      </c>
      <c r="EC11" s="103">
        <v>10</v>
      </c>
      <c r="ED11" s="104">
        <v>11</v>
      </c>
      <c r="EE11" s="101">
        <v>7</v>
      </c>
      <c r="EF11" s="102">
        <v>9</v>
      </c>
      <c r="EG11" s="103">
        <v>16</v>
      </c>
      <c r="EH11" s="412">
        <v>0</v>
      </c>
      <c r="EI11" s="102">
        <v>15</v>
      </c>
      <c r="EJ11" s="102">
        <v>1</v>
      </c>
      <c r="EK11" s="102">
        <v>1</v>
      </c>
      <c r="EL11" s="102">
        <v>4</v>
      </c>
      <c r="EM11" s="102">
        <v>2</v>
      </c>
      <c r="EN11" s="103">
        <v>23</v>
      </c>
      <c r="EO11" s="104">
        <v>39</v>
      </c>
      <c r="EP11" s="101">
        <v>14</v>
      </c>
      <c r="EQ11" s="102">
        <v>8</v>
      </c>
      <c r="ER11" s="103">
        <v>22</v>
      </c>
      <c r="ES11" s="412">
        <v>0</v>
      </c>
      <c r="ET11" s="102">
        <v>12</v>
      </c>
      <c r="EU11" s="102">
        <v>11</v>
      </c>
      <c r="EV11" s="102">
        <v>3</v>
      </c>
      <c r="EW11" s="102">
        <v>4</v>
      </c>
      <c r="EX11" s="102">
        <v>3</v>
      </c>
      <c r="EY11" s="103">
        <v>33</v>
      </c>
      <c r="EZ11" s="104">
        <v>55</v>
      </c>
      <c r="FA11" s="101">
        <v>11</v>
      </c>
      <c r="FB11" s="102">
        <v>16</v>
      </c>
      <c r="FC11" s="103">
        <v>27</v>
      </c>
      <c r="FD11" s="412">
        <v>0</v>
      </c>
      <c r="FE11" s="102">
        <v>20</v>
      </c>
      <c r="FF11" s="102">
        <v>6</v>
      </c>
      <c r="FG11" s="102">
        <v>7</v>
      </c>
      <c r="FH11" s="102">
        <v>11</v>
      </c>
      <c r="FI11" s="102">
        <v>5</v>
      </c>
      <c r="FJ11" s="103">
        <v>49</v>
      </c>
      <c r="FK11" s="104">
        <v>76</v>
      </c>
      <c r="FL11" s="101">
        <v>11</v>
      </c>
      <c r="FM11" s="102">
        <v>9</v>
      </c>
      <c r="FN11" s="103">
        <v>20</v>
      </c>
      <c r="FO11" s="412">
        <v>0</v>
      </c>
      <c r="FP11" s="102">
        <v>19</v>
      </c>
      <c r="FQ11" s="102">
        <v>15</v>
      </c>
      <c r="FR11" s="102">
        <v>11</v>
      </c>
      <c r="FS11" s="102">
        <v>13</v>
      </c>
      <c r="FT11" s="102">
        <v>6</v>
      </c>
      <c r="FU11" s="103">
        <v>64</v>
      </c>
      <c r="FV11" s="104">
        <v>84</v>
      </c>
      <c r="FW11" s="101">
        <v>0</v>
      </c>
      <c r="FX11" s="102">
        <v>0</v>
      </c>
      <c r="FY11" s="103">
        <v>0</v>
      </c>
      <c r="FZ11" s="412">
        <v>0</v>
      </c>
      <c r="GA11" s="102">
        <v>0</v>
      </c>
      <c r="GB11" s="102">
        <v>0</v>
      </c>
      <c r="GC11" s="102">
        <v>0</v>
      </c>
      <c r="GD11" s="102">
        <v>0</v>
      </c>
      <c r="GE11" s="102">
        <v>0</v>
      </c>
      <c r="GF11" s="103">
        <v>0</v>
      </c>
      <c r="GG11" s="104">
        <v>0</v>
      </c>
      <c r="GH11" s="101">
        <v>44</v>
      </c>
      <c r="GI11" s="102">
        <v>43</v>
      </c>
      <c r="GJ11" s="103">
        <v>87</v>
      </c>
      <c r="GK11" s="412">
        <v>0</v>
      </c>
      <c r="GL11" s="102">
        <v>71</v>
      </c>
      <c r="GM11" s="102">
        <v>36</v>
      </c>
      <c r="GN11" s="102">
        <v>27</v>
      </c>
      <c r="GO11" s="102">
        <v>33</v>
      </c>
      <c r="GP11" s="102">
        <v>17</v>
      </c>
      <c r="GQ11" s="103">
        <v>184</v>
      </c>
      <c r="GR11" s="104">
        <v>271</v>
      </c>
      <c r="GS11" s="105">
        <v>186</v>
      </c>
      <c r="GT11" s="97">
        <v>129</v>
      </c>
      <c r="GU11" s="98">
        <v>315</v>
      </c>
      <c r="GV11" s="412">
        <v>0</v>
      </c>
      <c r="GW11" s="97">
        <v>309</v>
      </c>
      <c r="GX11" s="97">
        <v>167</v>
      </c>
      <c r="GY11" s="97">
        <v>98</v>
      </c>
      <c r="GZ11" s="97">
        <v>110</v>
      </c>
      <c r="HA11" s="97">
        <v>55</v>
      </c>
      <c r="HB11" s="99">
        <v>739</v>
      </c>
      <c r="HC11" s="100">
        <v>1054</v>
      </c>
      <c r="HD11" s="101">
        <v>7</v>
      </c>
      <c r="HE11" s="102">
        <v>5</v>
      </c>
      <c r="HF11" s="103">
        <v>12</v>
      </c>
      <c r="HG11" s="412">
        <v>0</v>
      </c>
      <c r="HH11" s="102">
        <v>4</v>
      </c>
      <c r="HI11" s="102">
        <v>5</v>
      </c>
      <c r="HJ11" s="102">
        <v>5</v>
      </c>
      <c r="HK11" s="102">
        <v>5</v>
      </c>
      <c r="HL11" s="102">
        <v>2</v>
      </c>
      <c r="HM11" s="103">
        <v>21</v>
      </c>
      <c r="HN11" s="104">
        <v>33</v>
      </c>
      <c r="HO11" s="101">
        <v>7</v>
      </c>
      <c r="HP11" s="102">
        <v>12</v>
      </c>
      <c r="HQ11" s="103">
        <v>19</v>
      </c>
      <c r="HR11" s="412">
        <v>0</v>
      </c>
      <c r="HS11" s="102">
        <v>19</v>
      </c>
      <c r="HT11" s="102">
        <v>10</v>
      </c>
      <c r="HU11" s="102">
        <v>8</v>
      </c>
      <c r="HV11" s="102">
        <v>9</v>
      </c>
      <c r="HW11" s="102">
        <v>6</v>
      </c>
      <c r="HX11" s="103">
        <v>52</v>
      </c>
      <c r="HY11" s="104">
        <v>71</v>
      </c>
      <c r="HZ11" s="101">
        <v>24</v>
      </c>
      <c r="IA11" s="102">
        <v>17</v>
      </c>
      <c r="IB11" s="103">
        <v>41</v>
      </c>
      <c r="IC11" s="412">
        <v>0</v>
      </c>
      <c r="ID11" s="102">
        <v>45</v>
      </c>
      <c r="IE11" s="102">
        <v>12</v>
      </c>
      <c r="IF11" s="102">
        <v>9</v>
      </c>
      <c r="IG11" s="102">
        <v>16</v>
      </c>
      <c r="IH11" s="102">
        <v>9</v>
      </c>
      <c r="II11" s="103">
        <v>91</v>
      </c>
      <c r="IJ11" s="104">
        <v>132</v>
      </c>
      <c r="IK11" s="101">
        <v>43</v>
      </c>
      <c r="IL11" s="102">
        <v>30</v>
      </c>
      <c r="IM11" s="103">
        <v>73</v>
      </c>
      <c r="IN11" s="412">
        <v>0</v>
      </c>
      <c r="IO11" s="102">
        <v>69</v>
      </c>
      <c r="IP11" s="102">
        <v>39</v>
      </c>
      <c r="IQ11" s="102">
        <v>20</v>
      </c>
      <c r="IR11" s="102">
        <v>13</v>
      </c>
      <c r="IS11" s="102">
        <v>8</v>
      </c>
      <c r="IT11" s="103">
        <v>149</v>
      </c>
      <c r="IU11" s="104">
        <v>222</v>
      </c>
      <c r="IV11" s="101">
        <v>61</v>
      </c>
      <c r="IW11" s="102">
        <v>35</v>
      </c>
      <c r="IX11" s="103">
        <v>96</v>
      </c>
      <c r="IY11" s="412">
        <v>0</v>
      </c>
      <c r="IZ11" s="102">
        <v>87</v>
      </c>
      <c r="JA11" s="102">
        <v>49</v>
      </c>
      <c r="JB11" s="102">
        <v>24</v>
      </c>
      <c r="JC11" s="102">
        <v>34</v>
      </c>
      <c r="JD11" s="102">
        <v>18</v>
      </c>
      <c r="JE11" s="103">
        <v>212</v>
      </c>
      <c r="JF11" s="104">
        <v>308</v>
      </c>
      <c r="JG11" s="101">
        <v>44</v>
      </c>
      <c r="JH11" s="102">
        <v>30</v>
      </c>
      <c r="JI11" s="103">
        <v>74</v>
      </c>
      <c r="JJ11" s="412">
        <v>0</v>
      </c>
      <c r="JK11" s="102">
        <v>85</v>
      </c>
      <c r="JL11" s="102">
        <v>52</v>
      </c>
      <c r="JM11" s="102">
        <v>32</v>
      </c>
      <c r="JN11" s="102">
        <v>33</v>
      </c>
      <c r="JO11" s="102">
        <v>12</v>
      </c>
      <c r="JP11" s="103">
        <v>214</v>
      </c>
      <c r="JQ11" s="104">
        <v>288</v>
      </c>
      <c r="JR11" s="101">
        <v>0</v>
      </c>
      <c r="JS11" s="102">
        <v>0</v>
      </c>
      <c r="JT11" s="103">
        <v>0</v>
      </c>
      <c r="JU11" s="412">
        <v>0</v>
      </c>
      <c r="JV11" s="102">
        <v>0</v>
      </c>
      <c r="JW11" s="102">
        <v>0</v>
      </c>
      <c r="JX11" s="102">
        <v>0</v>
      </c>
      <c r="JY11" s="102">
        <v>0</v>
      </c>
      <c r="JZ11" s="102">
        <v>0</v>
      </c>
      <c r="KA11" s="103">
        <v>0</v>
      </c>
      <c r="KB11" s="104">
        <v>0</v>
      </c>
      <c r="KC11" s="101">
        <v>186</v>
      </c>
      <c r="KD11" s="102">
        <v>129</v>
      </c>
      <c r="KE11" s="103">
        <v>315</v>
      </c>
      <c r="KF11" s="412">
        <v>0</v>
      </c>
      <c r="KG11" s="102">
        <v>309</v>
      </c>
      <c r="KH11" s="102">
        <v>167</v>
      </c>
      <c r="KI11" s="102">
        <v>98</v>
      </c>
      <c r="KJ11" s="102">
        <v>110</v>
      </c>
      <c r="KK11" s="102">
        <v>55</v>
      </c>
      <c r="KL11" s="103">
        <v>739</v>
      </c>
      <c r="KM11" s="104">
        <v>1054</v>
      </c>
    </row>
    <row r="12" spans="2:299" s="70" customFormat="1" ht="21" customHeight="1" x14ac:dyDescent="0.2">
      <c r="B12" s="106" t="s">
        <v>8</v>
      </c>
      <c r="C12" s="96">
        <v>62</v>
      </c>
      <c r="D12" s="97">
        <v>34</v>
      </c>
      <c r="E12" s="98">
        <v>96</v>
      </c>
      <c r="F12" s="412">
        <v>0</v>
      </c>
      <c r="G12" s="97">
        <v>111</v>
      </c>
      <c r="H12" s="97">
        <v>87</v>
      </c>
      <c r="I12" s="97">
        <v>57</v>
      </c>
      <c r="J12" s="97">
        <v>51</v>
      </c>
      <c r="K12" s="97">
        <v>22</v>
      </c>
      <c r="L12" s="99">
        <v>328</v>
      </c>
      <c r="M12" s="100">
        <v>424</v>
      </c>
      <c r="N12" s="101">
        <v>1</v>
      </c>
      <c r="O12" s="102">
        <v>3</v>
      </c>
      <c r="P12" s="103">
        <v>4</v>
      </c>
      <c r="Q12" s="412">
        <v>0</v>
      </c>
      <c r="R12" s="102">
        <v>7</v>
      </c>
      <c r="S12" s="102">
        <v>2</v>
      </c>
      <c r="T12" s="102">
        <v>2</v>
      </c>
      <c r="U12" s="102">
        <v>1</v>
      </c>
      <c r="V12" s="102">
        <v>2</v>
      </c>
      <c r="W12" s="103">
        <v>14</v>
      </c>
      <c r="X12" s="104">
        <v>18</v>
      </c>
      <c r="Y12" s="101">
        <v>4</v>
      </c>
      <c r="Z12" s="102">
        <v>6</v>
      </c>
      <c r="AA12" s="103">
        <v>10</v>
      </c>
      <c r="AB12" s="412">
        <v>0</v>
      </c>
      <c r="AC12" s="102">
        <v>8</v>
      </c>
      <c r="AD12" s="102">
        <v>8</v>
      </c>
      <c r="AE12" s="102">
        <v>2</v>
      </c>
      <c r="AF12" s="102">
        <v>7</v>
      </c>
      <c r="AG12" s="102">
        <v>2</v>
      </c>
      <c r="AH12" s="103">
        <v>27</v>
      </c>
      <c r="AI12" s="104">
        <v>37</v>
      </c>
      <c r="AJ12" s="101">
        <v>11</v>
      </c>
      <c r="AK12" s="102">
        <v>6</v>
      </c>
      <c r="AL12" s="103">
        <v>17</v>
      </c>
      <c r="AM12" s="412">
        <v>0</v>
      </c>
      <c r="AN12" s="102">
        <v>16</v>
      </c>
      <c r="AO12" s="102">
        <v>12</v>
      </c>
      <c r="AP12" s="102">
        <v>8</v>
      </c>
      <c r="AQ12" s="102">
        <v>4</v>
      </c>
      <c r="AR12" s="102">
        <v>3</v>
      </c>
      <c r="AS12" s="103">
        <v>43</v>
      </c>
      <c r="AT12" s="104">
        <v>60</v>
      </c>
      <c r="AU12" s="101">
        <v>14</v>
      </c>
      <c r="AV12" s="102">
        <v>5</v>
      </c>
      <c r="AW12" s="103">
        <v>19</v>
      </c>
      <c r="AX12" s="412">
        <v>0</v>
      </c>
      <c r="AY12" s="102">
        <v>23</v>
      </c>
      <c r="AZ12" s="102">
        <v>15</v>
      </c>
      <c r="BA12" s="102">
        <v>8</v>
      </c>
      <c r="BB12" s="102">
        <v>11</v>
      </c>
      <c r="BC12" s="102">
        <v>5</v>
      </c>
      <c r="BD12" s="103">
        <v>62</v>
      </c>
      <c r="BE12" s="104">
        <v>81</v>
      </c>
      <c r="BF12" s="101">
        <v>15</v>
      </c>
      <c r="BG12" s="102">
        <v>9</v>
      </c>
      <c r="BH12" s="103">
        <v>24</v>
      </c>
      <c r="BI12" s="412">
        <v>0</v>
      </c>
      <c r="BJ12" s="102">
        <v>31</v>
      </c>
      <c r="BK12" s="102">
        <v>28</v>
      </c>
      <c r="BL12" s="102">
        <v>18</v>
      </c>
      <c r="BM12" s="102">
        <v>8</v>
      </c>
      <c r="BN12" s="102">
        <v>6</v>
      </c>
      <c r="BO12" s="103">
        <v>91</v>
      </c>
      <c r="BP12" s="104">
        <v>115</v>
      </c>
      <c r="BQ12" s="101">
        <v>17</v>
      </c>
      <c r="BR12" s="102">
        <v>5</v>
      </c>
      <c r="BS12" s="103">
        <v>22</v>
      </c>
      <c r="BT12" s="412">
        <v>0</v>
      </c>
      <c r="BU12" s="102">
        <v>26</v>
      </c>
      <c r="BV12" s="102">
        <v>22</v>
      </c>
      <c r="BW12" s="102">
        <v>19</v>
      </c>
      <c r="BX12" s="102">
        <v>20</v>
      </c>
      <c r="BY12" s="102">
        <v>4</v>
      </c>
      <c r="BZ12" s="103">
        <v>91</v>
      </c>
      <c r="CA12" s="104">
        <v>113</v>
      </c>
      <c r="CB12" s="101">
        <v>0</v>
      </c>
      <c r="CC12" s="102">
        <v>0</v>
      </c>
      <c r="CD12" s="103">
        <v>0</v>
      </c>
      <c r="CE12" s="412">
        <v>0</v>
      </c>
      <c r="CF12" s="102">
        <v>0</v>
      </c>
      <c r="CG12" s="102">
        <v>0</v>
      </c>
      <c r="CH12" s="102">
        <v>0</v>
      </c>
      <c r="CI12" s="102">
        <v>0</v>
      </c>
      <c r="CJ12" s="102">
        <v>0</v>
      </c>
      <c r="CK12" s="103">
        <v>0</v>
      </c>
      <c r="CL12" s="104">
        <v>0</v>
      </c>
      <c r="CM12" s="101">
        <v>62</v>
      </c>
      <c r="CN12" s="102">
        <v>34</v>
      </c>
      <c r="CO12" s="103">
        <v>96</v>
      </c>
      <c r="CP12" s="412">
        <v>0</v>
      </c>
      <c r="CQ12" s="102">
        <v>111</v>
      </c>
      <c r="CR12" s="102">
        <v>87</v>
      </c>
      <c r="CS12" s="102">
        <v>57</v>
      </c>
      <c r="CT12" s="102">
        <v>51</v>
      </c>
      <c r="CU12" s="102">
        <v>22</v>
      </c>
      <c r="CV12" s="103">
        <v>328</v>
      </c>
      <c r="CW12" s="104">
        <v>424</v>
      </c>
      <c r="CX12" s="105">
        <v>25</v>
      </c>
      <c r="CY12" s="97">
        <v>28</v>
      </c>
      <c r="CZ12" s="98">
        <v>53</v>
      </c>
      <c r="DA12" s="412">
        <v>0</v>
      </c>
      <c r="DB12" s="97">
        <v>52</v>
      </c>
      <c r="DC12" s="97">
        <v>40</v>
      </c>
      <c r="DD12" s="97">
        <v>24</v>
      </c>
      <c r="DE12" s="97">
        <v>20</v>
      </c>
      <c r="DF12" s="97">
        <v>14</v>
      </c>
      <c r="DG12" s="99">
        <v>150</v>
      </c>
      <c r="DH12" s="100">
        <v>203</v>
      </c>
      <c r="DI12" s="101">
        <v>2</v>
      </c>
      <c r="DJ12" s="102">
        <v>0</v>
      </c>
      <c r="DK12" s="103">
        <v>2</v>
      </c>
      <c r="DL12" s="412">
        <v>0</v>
      </c>
      <c r="DM12" s="102">
        <v>0</v>
      </c>
      <c r="DN12" s="102">
        <v>0</v>
      </c>
      <c r="DO12" s="102">
        <v>0</v>
      </c>
      <c r="DP12" s="102">
        <v>1</v>
      </c>
      <c r="DQ12" s="102">
        <v>0</v>
      </c>
      <c r="DR12" s="103">
        <v>1</v>
      </c>
      <c r="DS12" s="104">
        <v>3</v>
      </c>
      <c r="DT12" s="101">
        <v>2</v>
      </c>
      <c r="DU12" s="102">
        <v>1</v>
      </c>
      <c r="DV12" s="103">
        <v>3</v>
      </c>
      <c r="DW12" s="412">
        <v>0</v>
      </c>
      <c r="DX12" s="102">
        <v>1</v>
      </c>
      <c r="DY12" s="102">
        <v>3</v>
      </c>
      <c r="DZ12" s="102">
        <v>1</v>
      </c>
      <c r="EA12" s="102">
        <v>2</v>
      </c>
      <c r="EB12" s="102">
        <v>1</v>
      </c>
      <c r="EC12" s="103">
        <v>8</v>
      </c>
      <c r="ED12" s="104">
        <v>11</v>
      </c>
      <c r="EE12" s="101">
        <v>5</v>
      </c>
      <c r="EF12" s="102">
        <v>5</v>
      </c>
      <c r="EG12" s="103">
        <v>10</v>
      </c>
      <c r="EH12" s="412">
        <v>0</v>
      </c>
      <c r="EI12" s="102">
        <v>6</v>
      </c>
      <c r="EJ12" s="102">
        <v>6</v>
      </c>
      <c r="EK12" s="102">
        <v>2</v>
      </c>
      <c r="EL12" s="102">
        <v>1</v>
      </c>
      <c r="EM12" s="102">
        <v>0</v>
      </c>
      <c r="EN12" s="103">
        <v>15</v>
      </c>
      <c r="EO12" s="104">
        <v>25</v>
      </c>
      <c r="EP12" s="101">
        <v>4</v>
      </c>
      <c r="EQ12" s="102">
        <v>8</v>
      </c>
      <c r="ER12" s="103">
        <v>12</v>
      </c>
      <c r="ES12" s="412">
        <v>0</v>
      </c>
      <c r="ET12" s="102">
        <v>11</v>
      </c>
      <c r="EU12" s="102">
        <v>6</v>
      </c>
      <c r="EV12" s="102">
        <v>4</v>
      </c>
      <c r="EW12" s="102">
        <v>3</v>
      </c>
      <c r="EX12" s="102">
        <v>3</v>
      </c>
      <c r="EY12" s="103">
        <v>27</v>
      </c>
      <c r="EZ12" s="104">
        <v>39</v>
      </c>
      <c r="FA12" s="101">
        <v>7</v>
      </c>
      <c r="FB12" s="102">
        <v>4</v>
      </c>
      <c r="FC12" s="103">
        <v>11</v>
      </c>
      <c r="FD12" s="412">
        <v>0</v>
      </c>
      <c r="FE12" s="102">
        <v>14</v>
      </c>
      <c r="FF12" s="102">
        <v>10</v>
      </c>
      <c r="FG12" s="102">
        <v>4</v>
      </c>
      <c r="FH12" s="102">
        <v>3</v>
      </c>
      <c r="FI12" s="102">
        <v>5</v>
      </c>
      <c r="FJ12" s="103">
        <v>36</v>
      </c>
      <c r="FK12" s="104">
        <v>47</v>
      </c>
      <c r="FL12" s="101">
        <v>5</v>
      </c>
      <c r="FM12" s="102">
        <v>10</v>
      </c>
      <c r="FN12" s="103">
        <v>15</v>
      </c>
      <c r="FO12" s="412">
        <v>0</v>
      </c>
      <c r="FP12" s="102">
        <v>20</v>
      </c>
      <c r="FQ12" s="102">
        <v>15</v>
      </c>
      <c r="FR12" s="102">
        <v>13</v>
      </c>
      <c r="FS12" s="102">
        <v>10</v>
      </c>
      <c r="FT12" s="102">
        <v>5</v>
      </c>
      <c r="FU12" s="103">
        <v>63</v>
      </c>
      <c r="FV12" s="104">
        <v>78</v>
      </c>
      <c r="FW12" s="101">
        <v>0</v>
      </c>
      <c r="FX12" s="102">
        <v>0</v>
      </c>
      <c r="FY12" s="103">
        <v>0</v>
      </c>
      <c r="FZ12" s="412">
        <v>0</v>
      </c>
      <c r="GA12" s="102">
        <v>0</v>
      </c>
      <c r="GB12" s="102">
        <v>0</v>
      </c>
      <c r="GC12" s="102">
        <v>0</v>
      </c>
      <c r="GD12" s="102">
        <v>0</v>
      </c>
      <c r="GE12" s="102">
        <v>0</v>
      </c>
      <c r="GF12" s="103">
        <v>0</v>
      </c>
      <c r="GG12" s="104">
        <v>0</v>
      </c>
      <c r="GH12" s="101">
        <v>25</v>
      </c>
      <c r="GI12" s="102">
        <v>28</v>
      </c>
      <c r="GJ12" s="103">
        <v>53</v>
      </c>
      <c r="GK12" s="412">
        <v>0</v>
      </c>
      <c r="GL12" s="102">
        <v>52</v>
      </c>
      <c r="GM12" s="102">
        <v>40</v>
      </c>
      <c r="GN12" s="102">
        <v>24</v>
      </c>
      <c r="GO12" s="102">
        <v>20</v>
      </c>
      <c r="GP12" s="102">
        <v>14</v>
      </c>
      <c r="GQ12" s="103">
        <v>150</v>
      </c>
      <c r="GR12" s="104">
        <v>203</v>
      </c>
      <c r="GS12" s="105">
        <v>87</v>
      </c>
      <c r="GT12" s="97">
        <v>62</v>
      </c>
      <c r="GU12" s="98">
        <v>149</v>
      </c>
      <c r="GV12" s="412">
        <v>0</v>
      </c>
      <c r="GW12" s="97">
        <v>163</v>
      </c>
      <c r="GX12" s="97">
        <v>127</v>
      </c>
      <c r="GY12" s="97">
        <v>81</v>
      </c>
      <c r="GZ12" s="97">
        <v>71</v>
      </c>
      <c r="HA12" s="97">
        <v>36</v>
      </c>
      <c r="HB12" s="99">
        <v>478</v>
      </c>
      <c r="HC12" s="100">
        <v>627</v>
      </c>
      <c r="HD12" s="101">
        <v>3</v>
      </c>
      <c r="HE12" s="102">
        <v>3</v>
      </c>
      <c r="HF12" s="103">
        <v>6</v>
      </c>
      <c r="HG12" s="412">
        <v>0</v>
      </c>
      <c r="HH12" s="102">
        <v>7</v>
      </c>
      <c r="HI12" s="102">
        <v>2</v>
      </c>
      <c r="HJ12" s="102">
        <v>2</v>
      </c>
      <c r="HK12" s="102">
        <v>2</v>
      </c>
      <c r="HL12" s="102">
        <v>2</v>
      </c>
      <c r="HM12" s="103">
        <v>15</v>
      </c>
      <c r="HN12" s="104">
        <v>21</v>
      </c>
      <c r="HO12" s="101">
        <v>6</v>
      </c>
      <c r="HP12" s="102">
        <v>7</v>
      </c>
      <c r="HQ12" s="103">
        <v>13</v>
      </c>
      <c r="HR12" s="412">
        <v>0</v>
      </c>
      <c r="HS12" s="102">
        <v>9</v>
      </c>
      <c r="HT12" s="102">
        <v>11</v>
      </c>
      <c r="HU12" s="102">
        <v>3</v>
      </c>
      <c r="HV12" s="102">
        <v>9</v>
      </c>
      <c r="HW12" s="102">
        <v>3</v>
      </c>
      <c r="HX12" s="103">
        <v>35</v>
      </c>
      <c r="HY12" s="104">
        <v>48</v>
      </c>
      <c r="HZ12" s="101">
        <v>16</v>
      </c>
      <c r="IA12" s="102">
        <v>11</v>
      </c>
      <c r="IB12" s="103">
        <v>27</v>
      </c>
      <c r="IC12" s="412">
        <v>0</v>
      </c>
      <c r="ID12" s="102">
        <v>22</v>
      </c>
      <c r="IE12" s="102">
        <v>18</v>
      </c>
      <c r="IF12" s="102">
        <v>10</v>
      </c>
      <c r="IG12" s="102">
        <v>5</v>
      </c>
      <c r="IH12" s="102">
        <v>3</v>
      </c>
      <c r="II12" s="103">
        <v>58</v>
      </c>
      <c r="IJ12" s="104">
        <v>85</v>
      </c>
      <c r="IK12" s="101">
        <v>18</v>
      </c>
      <c r="IL12" s="102">
        <v>13</v>
      </c>
      <c r="IM12" s="103">
        <v>31</v>
      </c>
      <c r="IN12" s="412">
        <v>0</v>
      </c>
      <c r="IO12" s="102">
        <v>34</v>
      </c>
      <c r="IP12" s="102">
        <v>21</v>
      </c>
      <c r="IQ12" s="102">
        <v>12</v>
      </c>
      <c r="IR12" s="102">
        <v>14</v>
      </c>
      <c r="IS12" s="102">
        <v>8</v>
      </c>
      <c r="IT12" s="103">
        <v>89</v>
      </c>
      <c r="IU12" s="104">
        <v>120</v>
      </c>
      <c r="IV12" s="101">
        <v>22</v>
      </c>
      <c r="IW12" s="102">
        <v>13</v>
      </c>
      <c r="IX12" s="103">
        <v>35</v>
      </c>
      <c r="IY12" s="412">
        <v>0</v>
      </c>
      <c r="IZ12" s="102">
        <v>45</v>
      </c>
      <c r="JA12" s="102">
        <v>38</v>
      </c>
      <c r="JB12" s="102">
        <v>22</v>
      </c>
      <c r="JC12" s="102">
        <v>11</v>
      </c>
      <c r="JD12" s="102">
        <v>11</v>
      </c>
      <c r="JE12" s="103">
        <v>127</v>
      </c>
      <c r="JF12" s="104">
        <v>162</v>
      </c>
      <c r="JG12" s="101">
        <v>22</v>
      </c>
      <c r="JH12" s="102">
        <v>15</v>
      </c>
      <c r="JI12" s="103">
        <v>37</v>
      </c>
      <c r="JJ12" s="412">
        <v>0</v>
      </c>
      <c r="JK12" s="102">
        <v>46</v>
      </c>
      <c r="JL12" s="102">
        <v>37</v>
      </c>
      <c r="JM12" s="102">
        <v>32</v>
      </c>
      <c r="JN12" s="102">
        <v>30</v>
      </c>
      <c r="JO12" s="102">
        <v>9</v>
      </c>
      <c r="JP12" s="103">
        <v>154</v>
      </c>
      <c r="JQ12" s="104">
        <v>191</v>
      </c>
      <c r="JR12" s="101">
        <v>0</v>
      </c>
      <c r="JS12" s="102">
        <v>0</v>
      </c>
      <c r="JT12" s="103">
        <v>0</v>
      </c>
      <c r="JU12" s="412">
        <v>0</v>
      </c>
      <c r="JV12" s="102">
        <v>0</v>
      </c>
      <c r="JW12" s="102">
        <v>0</v>
      </c>
      <c r="JX12" s="102">
        <v>0</v>
      </c>
      <c r="JY12" s="102">
        <v>0</v>
      </c>
      <c r="JZ12" s="102">
        <v>0</v>
      </c>
      <c r="KA12" s="103">
        <v>0</v>
      </c>
      <c r="KB12" s="104">
        <v>0</v>
      </c>
      <c r="KC12" s="101">
        <v>87</v>
      </c>
      <c r="KD12" s="102">
        <v>62</v>
      </c>
      <c r="KE12" s="103">
        <v>149</v>
      </c>
      <c r="KF12" s="412">
        <v>0</v>
      </c>
      <c r="KG12" s="102">
        <v>163</v>
      </c>
      <c r="KH12" s="102">
        <v>127</v>
      </c>
      <c r="KI12" s="102">
        <v>81</v>
      </c>
      <c r="KJ12" s="102">
        <v>71</v>
      </c>
      <c r="KK12" s="102">
        <v>36</v>
      </c>
      <c r="KL12" s="103">
        <v>478</v>
      </c>
      <c r="KM12" s="104">
        <v>627</v>
      </c>
    </row>
    <row r="13" spans="2:299" s="70" customFormat="1" ht="21" customHeight="1" x14ac:dyDescent="0.2">
      <c r="B13" s="106" t="s">
        <v>9</v>
      </c>
      <c r="C13" s="96">
        <v>193</v>
      </c>
      <c r="D13" s="97">
        <v>106</v>
      </c>
      <c r="E13" s="98">
        <v>299</v>
      </c>
      <c r="F13" s="412">
        <v>0</v>
      </c>
      <c r="G13" s="97">
        <v>235</v>
      </c>
      <c r="H13" s="97">
        <v>146</v>
      </c>
      <c r="I13" s="97">
        <v>106</v>
      </c>
      <c r="J13" s="97">
        <v>78</v>
      </c>
      <c r="K13" s="97">
        <v>60</v>
      </c>
      <c r="L13" s="99">
        <v>625</v>
      </c>
      <c r="M13" s="100">
        <v>924</v>
      </c>
      <c r="N13" s="101">
        <v>4</v>
      </c>
      <c r="O13" s="102">
        <v>5</v>
      </c>
      <c r="P13" s="103">
        <v>9</v>
      </c>
      <c r="Q13" s="412">
        <v>0</v>
      </c>
      <c r="R13" s="102">
        <v>3</v>
      </c>
      <c r="S13" s="102">
        <v>4</v>
      </c>
      <c r="T13" s="102">
        <v>2</v>
      </c>
      <c r="U13" s="102">
        <v>1</v>
      </c>
      <c r="V13" s="102">
        <v>5</v>
      </c>
      <c r="W13" s="103">
        <v>15</v>
      </c>
      <c r="X13" s="104">
        <v>24</v>
      </c>
      <c r="Y13" s="101">
        <v>4</v>
      </c>
      <c r="Z13" s="102">
        <v>8</v>
      </c>
      <c r="AA13" s="103">
        <v>12</v>
      </c>
      <c r="AB13" s="412">
        <v>0</v>
      </c>
      <c r="AC13" s="102">
        <v>9</v>
      </c>
      <c r="AD13" s="102">
        <v>5</v>
      </c>
      <c r="AE13" s="102">
        <v>2</v>
      </c>
      <c r="AF13" s="102">
        <v>3</v>
      </c>
      <c r="AG13" s="102">
        <v>2</v>
      </c>
      <c r="AH13" s="103">
        <v>21</v>
      </c>
      <c r="AI13" s="104">
        <v>33</v>
      </c>
      <c r="AJ13" s="101">
        <v>26</v>
      </c>
      <c r="AK13" s="102">
        <v>11</v>
      </c>
      <c r="AL13" s="103">
        <v>37</v>
      </c>
      <c r="AM13" s="412">
        <v>0</v>
      </c>
      <c r="AN13" s="102">
        <v>17</v>
      </c>
      <c r="AO13" s="102">
        <v>9</v>
      </c>
      <c r="AP13" s="102">
        <v>13</v>
      </c>
      <c r="AQ13" s="102">
        <v>5</v>
      </c>
      <c r="AR13" s="102">
        <v>7</v>
      </c>
      <c r="AS13" s="103">
        <v>51</v>
      </c>
      <c r="AT13" s="104">
        <v>88</v>
      </c>
      <c r="AU13" s="101">
        <v>38</v>
      </c>
      <c r="AV13" s="102">
        <v>21</v>
      </c>
      <c r="AW13" s="103">
        <v>59</v>
      </c>
      <c r="AX13" s="412">
        <v>0</v>
      </c>
      <c r="AY13" s="102">
        <v>52</v>
      </c>
      <c r="AZ13" s="102">
        <v>21</v>
      </c>
      <c r="BA13" s="102">
        <v>20</v>
      </c>
      <c r="BB13" s="102">
        <v>10</v>
      </c>
      <c r="BC13" s="102">
        <v>5</v>
      </c>
      <c r="BD13" s="103">
        <v>108</v>
      </c>
      <c r="BE13" s="104">
        <v>167</v>
      </c>
      <c r="BF13" s="101">
        <v>69</v>
      </c>
      <c r="BG13" s="102">
        <v>38</v>
      </c>
      <c r="BH13" s="103">
        <v>107</v>
      </c>
      <c r="BI13" s="412">
        <v>0</v>
      </c>
      <c r="BJ13" s="102">
        <v>80</v>
      </c>
      <c r="BK13" s="102">
        <v>40</v>
      </c>
      <c r="BL13" s="102">
        <v>27</v>
      </c>
      <c r="BM13" s="102">
        <v>19</v>
      </c>
      <c r="BN13" s="102">
        <v>22</v>
      </c>
      <c r="BO13" s="103">
        <v>188</v>
      </c>
      <c r="BP13" s="104">
        <v>295</v>
      </c>
      <c r="BQ13" s="101">
        <v>52</v>
      </c>
      <c r="BR13" s="102">
        <v>23</v>
      </c>
      <c r="BS13" s="103">
        <v>75</v>
      </c>
      <c r="BT13" s="412">
        <v>0</v>
      </c>
      <c r="BU13" s="102">
        <v>74</v>
      </c>
      <c r="BV13" s="102">
        <v>67</v>
      </c>
      <c r="BW13" s="102">
        <v>42</v>
      </c>
      <c r="BX13" s="102">
        <v>40</v>
      </c>
      <c r="BY13" s="102">
        <v>19</v>
      </c>
      <c r="BZ13" s="103">
        <v>242</v>
      </c>
      <c r="CA13" s="104">
        <v>317</v>
      </c>
      <c r="CB13" s="101">
        <v>0</v>
      </c>
      <c r="CC13" s="102">
        <v>0</v>
      </c>
      <c r="CD13" s="103">
        <v>0</v>
      </c>
      <c r="CE13" s="412">
        <v>0</v>
      </c>
      <c r="CF13" s="102">
        <v>0</v>
      </c>
      <c r="CG13" s="102">
        <v>0</v>
      </c>
      <c r="CH13" s="102">
        <v>0</v>
      </c>
      <c r="CI13" s="102">
        <v>0</v>
      </c>
      <c r="CJ13" s="102">
        <v>0</v>
      </c>
      <c r="CK13" s="103">
        <v>0</v>
      </c>
      <c r="CL13" s="104">
        <v>0</v>
      </c>
      <c r="CM13" s="101">
        <v>193</v>
      </c>
      <c r="CN13" s="102">
        <v>106</v>
      </c>
      <c r="CO13" s="103">
        <v>299</v>
      </c>
      <c r="CP13" s="412">
        <v>0</v>
      </c>
      <c r="CQ13" s="102">
        <v>235</v>
      </c>
      <c r="CR13" s="102">
        <v>146</v>
      </c>
      <c r="CS13" s="102">
        <v>106</v>
      </c>
      <c r="CT13" s="102">
        <v>78</v>
      </c>
      <c r="CU13" s="102">
        <v>60</v>
      </c>
      <c r="CV13" s="103">
        <v>625</v>
      </c>
      <c r="CW13" s="104">
        <v>924</v>
      </c>
      <c r="CX13" s="105">
        <v>84</v>
      </c>
      <c r="CY13" s="97">
        <v>50</v>
      </c>
      <c r="CZ13" s="98">
        <v>134</v>
      </c>
      <c r="DA13" s="412">
        <v>0</v>
      </c>
      <c r="DB13" s="97">
        <v>72</v>
      </c>
      <c r="DC13" s="97">
        <v>61</v>
      </c>
      <c r="DD13" s="97">
        <v>42</v>
      </c>
      <c r="DE13" s="97">
        <v>44</v>
      </c>
      <c r="DF13" s="97">
        <v>23</v>
      </c>
      <c r="DG13" s="99">
        <v>242</v>
      </c>
      <c r="DH13" s="100">
        <v>376</v>
      </c>
      <c r="DI13" s="101">
        <v>1</v>
      </c>
      <c r="DJ13" s="102">
        <v>2</v>
      </c>
      <c r="DK13" s="103">
        <v>3</v>
      </c>
      <c r="DL13" s="412">
        <v>0</v>
      </c>
      <c r="DM13" s="102">
        <v>0</v>
      </c>
      <c r="DN13" s="102">
        <v>0</v>
      </c>
      <c r="DO13" s="102">
        <v>0</v>
      </c>
      <c r="DP13" s="102">
        <v>2</v>
      </c>
      <c r="DQ13" s="102">
        <v>0</v>
      </c>
      <c r="DR13" s="103">
        <v>2</v>
      </c>
      <c r="DS13" s="104">
        <v>5</v>
      </c>
      <c r="DT13" s="101">
        <v>4</v>
      </c>
      <c r="DU13" s="102">
        <v>9</v>
      </c>
      <c r="DV13" s="103">
        <v>13</v>
      </c>
      <c r="DW13" s="412">
        <v>0</v>
      </c>
      <c r="DX13" s="102">
        <v>4</v>
      </c>
      <c r="DY13" s="102">
        <v>0</v>
      </c>
      <c r="DZ13" s="102">
        <v>0</v>
      </c>
      <c r="EA13" s="102">
        <v>2</v>
      </c>
      <c r="EB13" s="102">
        <v>1</v>
      </c>
      <c r="EC13" s="103">
        <v>7</v>
      </c>
      <c r="ED13" s="104">
        <v>20</v>
      </c>
      <c r="EE13" s="101">
        <v>8</v>
      </c>
      <c r="EF13" s="102">
        <v>7</v>
      </c>
      <c r="EG13" s="103">
        <v>15</v>
      </c>
      <c r="EH13" s="412">
        <v>0</v>
      </c>
      <c r="EI13" s="102">
        <v>7</v>
      </c>
      <c r="EJ13" s="102">
        <v>6</v>
      </c>
      <c r="EK13" s="102">
        <v>3</v>
      </c>
      <c r="EL13" s="102">
        <v>3</v>
      </c>
      <c r="EM13" s="102">
        <v>0</v>
      </c>
      <c r="EN13" s="103">
        <v>19</v>
      </c>
      <c r="EO13" s="104">
        <v>34</v>
      </c>
      <c r="EP13" s="101">
        <v>26</v>
      </c>
      <c r="EQ13" s="102">
        <v>10</v>
      </c>
      <c r="ER13" s="103">
        <v>36</v>
      </c>
      <c r="ES13" s="412">
        <v>0</v>
      </c>
      <c r="ET13" s="102">
        <v>17</v>
      </c>
      <c r="EU13" s="102">
        <v>9</v>
      </c>
      <c r="EV13" s="102">
        <v>8</v>
      </c>
      <c r="EW13" s="102">
        <v>5</v>
      </c>
      <c r="EX13" s="102">
        <v>2</v>
      </c>
      <c r="EY13" s="103">
        <v>41</v>
      </c>
      <c r="EZ13" s="104">
        <v>77</v>
      </c>
      <c r="FA13" s="101">
        <v>32</v>
      </c>
      <c r="FB13" s="102">
        <v>11</v>
      </c>
      <c r="FC13" s="103">
        <v>43</v>
      </c>
      <c r="FD13" s="412">
        <v>0</v>
      </c>
      <c r="FE13" s="102">
        <v>19</v>
      </c>
      <c r="FF13" s="102">
        <v>19</v>
      </c>
      <c r="FG13" s="102">
        <v>11</v>
      </c>
      <c r="FH13" s="102">
        <v>7</v>
      </c>
      <c r="FI13" s="102">
        <v>5</v>
      </c>
      <c r="FJ13" s="103">
        <v>61</v>
      </c>
      <c r="FK13" s="104">
        <v>104</v>
      </c>
      <c r="FL13" s="101">
        <v>13</v>
      </c>
      <c r="FM13" s="102">
        <v>11</v>
      </c>
      <c r="FN13" s="103">
        <v>24</v>
      </c>
      <c r="FO13" s="412">
        <v>0</v>
      </c>
      <c r="FP13" s="102">
        <v>25</v>
      </c>
      <c r="FQ13" s="102">
        <v>27</v>
      </c>
      <c r="FR13" s="102">
        <v>20</v>
      </c>
      <c r="FS13" s="102">
        <v>25</v>
      </c>
      <c r="FT13" s="102">
        <v>15</v>
      </c>
      <c r="FU13" s="103">
        <v>112</v>
      </c>
      <c r="FV13" s="104">
        <v>136</v>
      </c>
      <c r="FW13" s="101">
        <v>0</v>
      </c>
      <c r="FX13" s="102">
        <v>0</v>
      </c>
      <c r="FY13" s="103">
        <v>0</v>
      </c>
      <c r="FZ13" s="412">
        <v>0</v>
      </c>
      <c r="GA13" s="102">
        <v>0</v>
      </c>
      <c r="GB13" s="102">
        <v>0</v>
      </c>
      <c r="GC13" s="102">
        <v>0</v>
      </c>
      <c r="GD13" s="102">
        <v>0</v>
      </c>
      <c r="GE13" s="102">
        <v>0</v>
      </c>
      <c r="GF13" s="103">
        <v>0</v>
      </c>
      <c r="GG13" s="104">
        <v>0</v>
      </c>
      <c r="GH13" s="101">
        <v>84</v>
      </c>
      <c r="GI13" s="102">
        <v>50</v>
      </c>
      <c r="GJ13" s="103">
        <v>134</v>
      </c>
      <c r="GK13" s="412">
        <v>0</v>
      </c>
      <c r="GL13" s="102">
        <v>72</v>
      </c>
      <c r="GM13" s="102">
        <v>61</v>
      </c>
      <c r="GN13" s="102">
        <v>42</v>
      </c>
      <c r="GO13" s="102">
        <v>44</v>
      </c>
      <c r="GP13" s="102">
        <v>23</v>
      </c>
      <c r="GQ13" s="103">
        <v>242</v>
      </c>
      <c r="GR13" s="104">
        <v>376</v>
      </c>
      <c r="GS13" s="105">
        <v>277</v>
      </c>
      <c r="GT13" s="97">
        <v>156</v>
      </c>
      <c r="GU13" s="98">
        <v>433</v>
      </c>
      <c r="GV13" s="412">
        <v>0</v>
      </c>
      <c r="GW13" s="97">
        <v>307</v>
      </c>
      <c r="GX13" s="97">
        <v>207</v>
      </c>
      <c r="GY13" s="97">
        <v>148</v>
      </c>
      <c r="GZ13" s="97">
        <v>122</v>
      </c>
      <c r="HA13" s="97">
        <v>83</v>
      </c>
      <c r="HB13" s="99">
        <v>867</v>
      </c>
      <c r="HC13" s="100">
        <v>1300</v>
      </c>
      <c r="HD13" s="101">
        <v>5</v>
      </c>
      <c r="HE13" s="102">
        <v>7</v>
      </c>
      <c r="HF13" s="103">
        <v>12</v>
      </c>
      <c r="HG13" s="412">
        <v>0</v>
      </c>
      <c r="HH13" s="102">
        <v>3</v>
      </c>
      <c r="HI13" s="102">
        <v>4</v>
      </c>
      <c r="HJ13" s="102">
        <v>2</v>
      </c>
      <c r="HK13" s="102">
        <v>3</v>
      </c>
      <c r="HL13" s="102">
        <v>5</v>
      </c>
      <c r="HM13" s="103">
        <v>17</v>
      </c>
      <c r="HN13" s="104">
        <v>29</v>
      </c>
      <c r="HO13" s="101">
        <v>8</v>
      </c>
      <c r="HP13" s="102">
        <v>17</v>
      </c>
      <c r="HQ13" s="103">
        <v>25</v>
      </c>
      <c r="HR13" s="412">
        <v>0</v>
      </c>
      <c r="HS13" s="102">
        <v>13</v>
      </c>
      <c r="HT13" s="102">
        <v>5</v>
      </c>
      <c r="HU13" s="102">
        <v>2</v>
      </c>
      <c r="HV13" s="102">
        <v>5</v>
      </c>
      <c r="HW13" s="102">
        <v>3</v>
      </c>
      <c r="HX13" s="103">
        <v>28</v>
      </c>
      <c r="HY13" s="104">
        <v>53</v>
      </c>
      <c r="HZ13" s="101">
        <v>34</v>
      </c>
      <c r="IA13" s="102">
        <v>18</v>
      </c>
      <c r="IB13" s="103">
        <v>52</v>
      </c>
      <c r="IC13" s="412">
        <v>0</v>
      </c>
      <c r="ID13" s="102">
        <v>24</v>
      </c>
      <c r="IE13" s="102">
        <v>15</v>
      </c>
      <c r="IF13" s="102">
        <v>16</v>
      </c>
      <c r="IG13" s="102">
        <v>8</v>
      </c>
      <c r="IH13" s="102">
        <v>7</v>
      </c>
      <c r="II13" s="103">
        <v>70</v>
      </c>
      <c r="IJ13" s="104">
        <v>122</v>
      </c>
      <c r="IK13" s="101">
        <v>64</v>
      </c>
      <c r="IL13" s="102">
        <v>31</v>
      </c>
      <c r="IM13" s="103">
        <v>95</v>
      </c>
      <c r="IN13" s="412">
        <v>0</v>
      </c>
      <c r="IO13" s="102">
        <v>69</v>
      </c>
      <c r="IP13" s="102">
        <v>30</v>
      </c>
      <c r="IQ13" s="102">
        <v>28</v>
      </c>
      <c r="IR13" s="102">
        <v>15</v>
      </c>
      <c r="IS13" s="102">
        <v>7</v>
      </c>
      <c r="IT13" s="103">
        <v>149</v>
      </c>
      <c r="IU13" s="104">
        <v>244</v>
      </c>
      <c r="IV13" s="101">
        <v>101</v>
      </c>
      <c r="IW13" s="102">
        <v>49</v>
      </c>
      <c r="IX13" s="103">
        <v>150</v>
      </c>
      <c r="IY13" s="412">
        <v>0</v>
      </c>
      <c r="IZ13" s="102">
        <v>99</v>
      </c>
      <c r="JA13" s="102">
        <v>59</v>
      </c>
      <c r="JB13" s="102">
        <v>38</v>
      </c>
      <c r="JC13" s="102">
        <v>26</v>
      </c>
      <c r="JD13" s="102">
        <v>27</v>
      </c>
      <c r="JE13" s="103">
        <v>249</v>
      </c>
      <c r="JF13" s="104">
        <v>399</v>
      </c>
      <c r="JG13" s="101">
        <v>65</v>
      </c>
      <c r="JH13" s="102">
        <v>34</v>
      </c>
      <c r="JI13" s="103">
        <v>99</v>
      </c>
      <c r="JJ13" s="412">
        <v>0</v>
      </c>
      <c r="JK13" s="102">
        <v>99</v>
      </c>
      <c r="JL13" s="102">
        <v>94</v>
      </c>
      <c r="JM13" s="102">
        <v>62</v>
      </c>
      <c r="JN13" s="102">
        <v>65</v>
      </c>
      <c r="JO13" s="102">
        <v>34</v>
      </c>
      <c r="JP13" s="103">
        <v>354</v>
      </c>
      <c r="JQ13" s="104">
        <v>453</v>
      </c>
      <c r="JR13" s="101">
        <v>0</v>
      </c>
      <c r="JS13" s="102">
        <v>0</v>
      </c>
      <c r="JT13" s="103">
        <v>0</v>
      </c>
      <c r="JU13" s="412">
        <v>0</v>
      </c>
      <c r="JV13" s="102">
        <v>0</v>
      </c>
      <c r="JW13" s="102">
        <v>0</v>
      </c>
      <c r="JX13" s="102">
        <v>0</v>
      </c>
      <c r="JY13" s="102">
        <v>0</v>
      </c>
      <c r="JZ13" s="102">
        <v>0</v>
      </c>
      <c r="KA13" s="103">
        <v>0</v>
      </c>
      <c r="KB13" s="104">
        <v>0</v>
      </c>
      <c r="KC13" s="101">
        <v>277</v>
      </c>
      <c r="KD13" s="102">
        <v>156</v>
      </c>
      <c r="KE13" s="103">
        <v>433</v>
      </c>
      <c r="KF13" s="412">
        <v>0</v>
      </c>
      <c r="KG13" s="102">
        <v>307</v>
      </c>
      <c r="KH13" s="102">
        <v>207</v>
      </c>
      <c r="KI13" s="102">
        <v>148</v>
      </c>
      <c r="KJ13" s="102">
        <v>122</v>
      </c>
      <c r="KK13" s="102">
        <v>83</v>
      </c>
      <c r="KL13" s="103">
        <v>867</v>
      </c>
      <c r="KM13" s="104">
        <v>1300</v>
      </c>
    </row>
    <row r="14" spans="2:299" s="70" customFormat="1" ht="21" customHeight="1" x14ac:dyDescent="0.2">
      <c r="B14" s="106" t="s">
        <v>10</v>
      </c>
      <c r="C14" s="96">
        <v>274</v>
      </c>
      <c r="D14" s="97">
        <v>194</v>
      </c>
      <c r="E14" s="98">
        <v>468</v>
      </c>
      <c r="F14" s="412">
        <v>0</v>
      </c>
      <c r="G14" s="97">
        <v>290</v>
      </c>
      <c r="H14" s="97">
        <v>162</v>
      </c>
      <c r="I14" s="97">
        <v>114</v>
      </c>
      <c r="J14" s="97">
        <v>88</v>
      </c>
      <c r="K14" s="97">
        <v>75</v>
      </c>
      <c r="L14" s="99">
        <v>729</v>
      </c>
      <c r="M14" s="100">
        <v>1197</v>
      </c>
      <c r="N14" s="101">
        <v>8</v>
      </c>
      <c r="O14" s="102">
        <v>8</v>
      </c>
      <c r="P14" s="103">
        <v>16</v>
      </c>
      <c r="Q14" s="412">
        <v>0</v>
      </c>
      <c r="R14" s="102">
        <v>8</v>
      </c>
      <c r="S14" s="102">
        <v>9</v>
      </c>
      <c r="T14" s="102">
        <v>5</v>
      </c>
      <c r="U14" s="102">
        <v>3</v>
      </c>
      <c r="V14" s="102">
        <v>3</v>
      </c>
      <c r="W14" s="103">
        <v>28</v>
      </c>
      <c r="X14" s="104">
        <v>44</v>
      </c>
      <c r="Y14" s="101">
        <v>19</v>
      </c>
      <c r="Z14" s="102">
        <v>10</v>
      </c>
      <c r="AA14" s="103">
        <v>29</v>
      </c>
      <c r="AB14" s="412">
        <v>0</v>
      </c>
      <c r="AC14" s="102">
        <v>24</v>
      </c>
      <c r="AD14" s="102">
        <v>16</v>
      </c>
      <c r="AE14" s="102">
        <v>11</v>
      </c>
      <c r="AF14" s="102">
        <v>10</v>
      </c>
      <c r="AG14" s="102">
        <v>11</v>
      </c>
      <c r="AH14" s="103">
        <v>72</v>
      </c>
      <c r="AI14" s="104">
        <v>101</v>
      </c>
      <c r="AJ14" s="101">
        <v>23</v>
      </c>
      <c r="AK14" s="102">
        <v>37</v>
      </c>
      <c r="AL14" s="103">
        <v>60</v>
      </c>
      <c r="AM14" s="412">
        <v>0</v>
      </c>
      <c r="AN14" s="102">
        <v>40</v>
      </c>
      <c r="AO14" s="102">
        <v>15</v>
      </c>
      <c r="AP14" s="102">
        <v>10</v>
      </c>
      <c r="AQ14" s="102">
        <v>11</v>
      </c>
      <c r="AR14" s="102">
        <v>14</v>
      </c>
      <c r="AS14" s="103">
        <v>90</v>
      </c>
      <c r="AT14" s="104">
        <v>150</v>
      </c>
      <c r="AU14" s="101">
        <v>66</v>
      </c>
      <c r="AV14" s="102">
        <v>43</v>
      </c>
      <c r="AW14" s="103">
        <v>109</v>
      </c>
      <c r="AX14" s="412">
        <v>0</v>
      </c>
      <c r="AY14" s="102">
        <v>67</v>
      </c>
      <c r="AZ14" s="102">
        <v>25</v>
      </c>
      <c r="BA14" s="102">
        <v>18</v>
      </c>
      <c r="BB14" s="102">
        <v>16</v>
      </c>
      <c r="BC14" s="102">
        <v>15</v>
      </c>
      <c r="BD14" s="103">
        <v>141</v>
      </c>
      <c r="BE14" s="104">
        <v>250</v>
      </c>
      <c r="BF14" s="101">
        <v>81</v>
      </c>
      <c r="BG14" s="102">
        <v>43</v>
      </c>
      <c r="BH14" s="103">
        <v>124</v>
      </c>
      <c r="BI14" s="412">
        <v>0</v>
      </c>
      <c r="BJ14" s="102">
        <v>74</v>
      </c>
      <c r="BK14" s="102">
        <v>46</v>
      </c>
      <c r="BL14" s="102">
        <v>33</v>
      </c>
      <c r="BM14" s="102">
        <v>19</v>
      </c>
      <c r="BN14" s="102">
        <v>17</v>
      </c>
      <c r="BO14" s="103">
        <v>189</v>
      </c>
      <c r="BP14" s="104">
        <v>313</v>
      </c>
      <c r="BQ14" s="101">
        <v>77</v>
      </c>
      <c r="BR14" s="102">
        <v>53</v>
      </c>
      <c r="BS14" s="103">
        <v>130</v>
      </c>
      <c r="BT14" s="412">
        <v>0</v>
      </c>
      <c r="BU14" s="102">
        <v>77</v>
      </c>
      <c r="BV14" s="102">
        <v>51</v>
      </c>
      <c r="BW14" s="102">
        <v>37</v>
      </c>
      <c r="BX14" s="102">
        <v>29</v>
      </c>
      <c r="BY14" s="102">
        <v>15</v>
      </c>
      <c r="BZ14" s="103">
        <v>209</v>
      </c>
      <c r="CA14" s="104">
        <v>339</v>
      </c>
      <c r="CB14" s="101">
        <v>0</v>
      </c>
      <c r="CC14" s="102">
        <v>0</v>
      </c>
      <c r="CD14" s="103">
        <v>0</v>
      </c>
      <c r="CE14" s="412">
        <v>0</v>
      </c>
      <c r="CF14" s="102">
        <v>0</v>
      </c>
      <c r="CG14" s="102">
        <v>0</v>
      </c>
      <c r="CH14" s="102">
        <v>0</v>
      </c>
      <c r="CI14" s="102">
        <v>0</v>
      </c>
      <c r="CJ14" s="102">
        <v>0</v>
      </c>
      <c r="CK14" s="103">
        <v>0</v>
      </c>
      <c r="CL14" s="104">
        <v>0</v>
      </c>
      <c r="CM14" s="101">
        <v>274</v>
      </c>
      <c r="CN14" s="102">
        <v>194</v>
      </c>
      <c r="CO14" s="103">
        <v>468</v>
      </c>
      <c r="CP14" s="412">
        <v>0</v>
      </c>
      <c r="CQ14" s="102">
        <v>290</v>
      </c>
      <c r="CR14" s="102">
        <v>162</v>
      </c>
      <c r="CS14" s="102">
        <v>114</v>
      </c>
      <c r="CT14" s="102">
        <v>88</v>
      </c>
      <c r="CU14" s="102">
        <v>75</v>
      </c>
      <c r="CV14" s="103">
        <v>729</v>
      </c>
      <c r="CW14" s="104">
        <v>1197</v>
      </c>
      <c r="CX14" s="105">
        <v>111</v>
      </c>
      <c r="CY14" s="97">
        <v>78</v>
      </c>
      <c r="CZ14" s="98">
        <v>189</v>
      </c>
      <c r="DA14" s="412">
        <v>0</v>
      </c>
      <c r="DB14" s="97">
        <v>115</v>
      </c>
      <c r="DC14" s="97">
        <v>62</v>
      </c>
      <c r="DD14" s="97">
        <v>49</v>
      </c>
      <c r="DE14" s="97">
        <v>49</v>
      </c>
      <c r="DF14" s="97">
        <v>38</v>
      </c>
      <c r="DG14" s="99">
        <v>313</v>
      </c>
      <c r="DH14" s="100">
        <v>502</v>
      </c>
      <c r="DI14" s="101">
        <v>4</v>
      </c>
      <c r="DJ14" s="102">
        <v>4</v>
      </c>
      <c r="DK14" s="103">
        <v>8</v>
      </c>
      <c r="DL14" s="412">
        <v>0</v>
      </c>
      <c r="DM14" s="102">
        <v>1</v>
      </c>
      <c r="DN14" s="102">
        <v>1</v>
      </c>
      <c r="DO14" s="102">
        <v>1</v>
      </c>
      <c r="DP14" s="102">
        <v>0</v>
      </c>
      <c r="DQ14" s="102">
        <v>0</v>
      </c>
      <c r="DR14" s="103">
        <v>3</v>
      </c>
      <c r="DS14" s="104">
        <v>11</v>
      </c>
      <c r="DT14" s="101">
        <v>7</v>
      </c>
      <c r="DU14" s="102">
        <v>5</v>
      </c>
      <c r="DV14" s="103">
        <v>12</v>
      </c>
      <c r="DW14" s="412">
        <v>0</v>
      </c>
      <c r="DX14" s="102">
        <v>8</v>
      </c>
      <c r="DY14" s="102">
        <v>1</v>
      </c>
      <c r="DZ14" s="102">
        <v>1</v>
      </c>
      <c r="EA14" s="102">
        <v>2</v>
      </c>
      <c r="EB14" s="102">
        <v>2</v>
      </c>
      <c r="EC14" s="103">
        <v>14</v>
      </c>
      <c r="ED14" s="104">
        <v>26</v>
      </c>
      <c r="EE14" s="101">
        <v>20</v>
      </c>
      <c r="EF14" s="102">
        <v>11</v>
      </c>
      <c r="EG14" s="103">
        <v>31</v>
      </c>
      <c r="EH14" s="412">
        <v>0</v>
      </c>
      <c r="EI14" s="102">
        <v>10</v>
      </c>
      <c r="EJ14" s="102">
        <v>5</v>
      </c>
      <c r="EK14" s="102">
        <v>3</v>
      </c>
      <c r="EL14" s="102">
        <v>2</v>
      </c>
      <c r="EM14" s="102">
        <v>1</v>
      </c>
      <c r="EN14" s="103">
        <v>21</v>
      </c>
      <c r="EO14" s="104">
        <v>52</v>
      </c>
      <c r="EP14" s="101">
        <v>25</v>
      </c>
      <c r="EQ14" s="102">
        <v>17</v>
      </c>
      <c r="ER14" s="103">
        <v>42</v>
      </c>
      <c r="ES14" s="412">
        <v>0</v>
      </c>
      <c r="ET14" s="102">
        <v>25</v>
      </c>
      <c r="EU14" s="102">
        <v>14</v>
      </c>
      <c r="EV14" s="102">
        <v>5</v>
      </c>
      <c r="EW14" s="102">
        <v>4</v>
      </c>
      <c r="EX14" s="102">
        <v>6</v>
      </c>
      <c r="EY14" s="103">
        <v>54</v>
      </c>
      <c r="EZ14" s="104">
        <v>96</v>
      </c>
      <c r="FA14" s="101">
        <v>31</v>
      </c>
      <c r="FB14" s="102">
        <v>25</v>
      </c>
      <c r="FC14" s="103">
        <v>56</v>
      </c>
      <c r="FD14" s="412">
        <v>0</v>
      </c>
      <c r="FE14" s="102">
        <v>29</v>
      </c>
      <c r="FF14" s="102">
        <v>16</v>
      </c>
      <c r="FG14" s="102">
        <v>13</v>
      </c>
      <c r="FH14" s="102">
        <v>10</v>
      </c>
      <c r="FI14" s="102">
        <v>9</v>
      </c>
      <c r="FJ14" s="103">
        <v>77</v>
      </c>
      <c r="FK14" s="104">
        <v>133</v>
      </c>
      <c r="FL14" s="101">
        <v>24</v>
      </c>
      <c r="FM14" s="102">
        <v>16</v>
      </c>
      <c r="FN14" s="103">
        <v>40</v>
      </c>
      <c r="FO14" s="412">
        <v>0</v>
      </c>
      <c r="FP14" s="102">
        <v>42</v>
      </c>
      <c r="FQ14" s="102">
        <v>25</v>
      </c>
      <c r="FR14" s="102">
        <v>26</v>
      </c>
      <c r="FS14" s="102">
        <v>31</v>
      </c>
      <c r="FT14" s="102">
        <v>20</v>
      </c>
      <c r="FU14" s="103">
        <v>144</v>
      </c>
      <c r="FV14" s="104">
        <v>184</v>
      </c>
      <c r="FW14" s="101">
        <v>0</v>
      </c>
      <c r="FX14" s="102">
        <v>0</v>
      </c>
      <c r="FY14" s="103">
        <v>0</v>
      </c>
      <c r="FZ14" s="412">
        <v>0</v>
      </c>
      <c r="GA14" s="102">
        <v>0</v>
      </c>
      <c r="GB14" s="102">
        <v>0</v>
      </c>
      <c r="GC14" s="102">
        <v>0</v>
      </c>
      <c r="GD14" s="102">
        <v>0</v>
      </c>
      <c r="GE14" s="102">
        <v>0</v>
      </c>
      <c r="GF14" s="103">
        <v>0</v>
      </c>
      <c r="GG14" s="104">
        <v>0</v>
      </c>
      <c r="GH14" s="101">
        <v>111</v>
      </c>
      <c r="GI14" s="102">
        <v>78</v>
      </c>
      <c r="GJ14" s="103">
        <v>189</v>
      </c>
      <c r="GK14" s="412">
        <v>0</v>
      </c>
      <c r="GL14" s="102">
        <v>115</v>
      </c>
      <c r="GM14" s="102">
        <v>62</v>
      </c>
      <c r="GN14" s="102">
        <v>49</v>
      </c>
      <c r="GO14" s="102">
        <v>49</v>
      </c>
      <c r="GP14" s="102">
        <v>38</v>
      </c>
      <c r="GQ14" s="103">
        <v>313</v>
      </c>
      <c r="GR14" s="104">
        <v>502</v>
      </c>
      <c r="GS14" s="105">
        <v>385</v>
      </c>
      <c r="GT14" s="97">
        <v>272</v>
      </c>
      <c r="GU14" s="98">
        <v>657</v>
      </c>
      <c r="GV14" s="412">
        <v>0</v>
      </c>
      <c r="GW14" s="97">
        <v>405</v>
      </c>
      <c r="GX14" s="97">
        <v>224</v>
      </c>
      <c r="GY14" s="97">
        <v>163</v>
      </c>
      <c r="GZ14" s="97">
        <v>137</v>
      </c>
      <c r="HA14" s="97">
        <v>113</v>
      </c>
      <c r="HB14" s="99">
        <v>1042</v>
      </c>
      <c r="HC14" s="100">
        <v>1699</v>
      </c>
      <c r="HD14" s="101">
        <v>12</v>
      </c>
      <c r="HE14" s="102">
        <v>12</v>
      </c>
      <c r="HF14" s="103">
        <v>24</v>
      </c>
      <c r="HG14" s="412">
        <v>0</v>
      </c>
      <c r="HH14" s="102">
        <v>9</v>
      </c>
      <c r="HI14" s="102">
        <v>10</v>
      </c>
      <c r="HJ14" s="102">
        <v>6</v>
      </c>
      <c r="HK14" s="102">
        <v>3</v>
      </c>
      <c r="HL14" s="102">
        <v>3</v>
      </c>
      <c r="HM14" s="103">
        <v>31</v>
      </c>
      <c r="HN14" s="104">
        <v>55</v>
      </c>
      <c r="HO14" s="101">
        <v>26</v>
      </c>
      <c r="HP14" s="102">
        <v>15</v>
      </c>
      <c r="HQ14" s="103">
        <v>41</v>
      </c>
      <c r="HR14" s="412">
        <v>0</v>
      </c>
      <c r="HS14" s="102">
        <v>32</v>
      </c>
      <c r="HT14" s="102">
        <v>17</v>
      </c>
      <c r="HU14" s="102">
        <v>12</v>
      </c>
      <c r="HV14" s="102">
        <v>12</v>
      </c>
      <c r="HW14" s="102">
        <v>13</v>
      </c>
      <c r="HX14" s="103">
        <v>86</v>
      </c>
      <c r="HY14" s="104">
        <v>127</v>
      </c>
      <c r="HZ14" s="101">
        <v>43</v>
      </c>
      <c r="IA14" s="102">
        <v>48</v>
      </c>
      <c r="IB14" s="103">
        <v>91</v>
      </c>
      <c r="IC14" s="412">
        <v>0</v>
      </c>
      <c r="ID14" s="102">
        <v>50</v>
      </c>
      <c r="IE14" s="102">
        <v>20</v>
      </c>
      <c r="IF14" s="102">
        <v>13</v>
      </c>
      <c r="IG14" s="102">
        <v>13</v>
      </c>
      <c r="IH14" s="102">
        <v>15</v>
      </c>
      <c r="II14" s="103">
        <v>111</v>
      </c>
      <c r="IJ14" s="104">
        <v>202</v>
      </c>
      <c r="IK14" s="101">
        <v>91</v>
      </c>
      <c r="IL14" s="102">
        <v>60</v>
      </c>
      <c r="IM14" s="103">
        <v>151</v>
      </c>
      <c r="IN14" s="412">
        <v>0</v>
      </c>
      <c r="IO14" s="102">
        <v>92</v>
      </c>
      <c r="IP14" s="102">
        <v>39</v>
      </c>
      <c r="IQ14" s="102">
        <v>23</v>
      </c>
      <c r="IR14" s="102">
        <v>20</v>
      </c>
      <c r="IS14" s="102">
        <v>21</v>
      </c>
      <c r="IT14" s="103">
        <v>195</v>
      </c>
      <c r="IU14" s="104">
        <v>346</v>
      </c>
      <c r="IV14" s="101">
        <v>112</v>
      </c>
      <c r="IW14" s="102">
        <v>68</v>
      </c>
      <c r="IX14" s="103">
        <v>180</v>
      </c>
      <c r="IY14" s="412">
        <v>0</v>
      </c>
      <c r="IZ14" s="102">
        <v>103</v>
      </c>
      <c r="JA14" s="102">
        <v>62</v>
      </c>
      <c r="JB14" s="102">
        <v>46</v>
      </c>
      <c r="JC14" s="102">
        <v>29</v>
      </c>
      <c r="JD14" s="102">
        <v>26</v>
      </c>
      <c r="JE14" s="103">
        <v>266</v>
      </c>
      <c r="JF14" s="104">
        <v>446</v>
      </c>
      <c r="JG14" s="101">
        <v>101</v>
      </c>
      <c r="JH14" s="102">
        <v>69</v>
      </c>
      <c r="JI14" s="103">
        <v>170</v>
      </c>
      <c r="JJ14" s="412">
        <v>0</v>
      </c>
      <c r="JK14" s="102">
        <v>119</v>
      </c>
      <c r="JL14" s="102">
        <v>76</v>
      </c>
      <c r="JM14" s="102">
        <v>63</v>
      </c>
      <c r="JN14" s="102">
        <v>60</v>
      </c>
      <c r="JO14" s="102">
        <v>35</v>
      </c>
      <c r="JP14" s="103">
        <v>353</v>
      </c>
      <c r="JQ14" s="104">
        <v>523</v>
      </c>
      <c r="JR14" s="101">
        <v>0</v>
      </c>
      <c r="JS14" s="102">
        <v>0</v>
      </c>
      <c r="JT14" s="103">
        <v>0</v>
      </c>
      <c r="JU14" s="412">
        <v>0</v>
      </c>
      <c r="JV14" s="102">
        <v>0</v>
      </c>
      <c r="JW14" s="102">
        <v>0</v>
      </c>
      <c r="JX14" s="102">
        <v>0</v>
      </c>
      <c r="JY14" s="102">
        <v>0</v>
      </c>
      <c r="JZ14" s="102">
        <v>0</v>
      </c>
      <c r="KA14" s="103">
        <v>0</v>
      </c>
      <c r="KB14" s="104">
        <v>0</v>
      </c>
      <c r="KC14" s="101">
        <v>385</v>
      </c>
      <c r="KD14" s="102">
        <v>272</v>
      </c>
      <c r="KE14" s="103">
        <v>657</v>
      </c>
      <c r="KF14" s="412">
        <v>0</v>
      </c>
      <c r="KG14" s="102">
        <v>405</v>
      </c>
      <c r="KH14" s="102">
        <v>224</v>
      </c>
      <c r="KI14" s="102">
        <v>163</v>
      </c>
      <c r="KJ14" s="102">
        <v>137</v>
      </c>
      <c r="KK14" s="102">
        <v>113</v>
      </c>
      <c r="KL14" s="103">
        <v>1042</v>
      </c>
      <c r="KM14" s="104">
        <v>1699</v>
      </c>
    </row>
    <row r="15" spans="2:299" s="70" customFormat="1" ht="21" customHeight="1" x14ac:dyDescent="0.2">
      <c r="B15" s="106" t="s">
        <v>11</v>
      </c>
      <c r="C15" s="96">
        <v>54</v>
      </c>
      <c r="D15" s="97">
        <v>38</v>
      </c>
      <c r="E15" s="98">
        <v>92</v>
      </c>
      <c r="F15" s="412">
        <v>0</v>
      </c>
      <c r="G15" s="97">
        <v>103</v>
      </c>
      <c r="H15" s="97">
        <v>60</v>
      </c>
      <c r="I15" s="97">
        <v>41</v>
      </c>
      <c r="J15" s="97">
        <v>26</v>
      </c>
      <c r="K15" s="97">
        <v>18</v>
      </c>
      <c r="L15" s="99">
        <v>248</v>
      </c>
      <c r="M15" s="100">
        <v>340</v>
      </c>
      <c r="N15" s="101">
        <v>1</v>
      </c>
      <c r="O15" s="102">
        <v>1</v>
      </c>
      <c r="P15" s="103">
        <v>2</v>
      </c>
      <c r="Q15" s="412">
        <v>0</v>
      </c>
      <c r="R15" s="102">
        <v>3</v>
      </c>
      <c r="S15" s="102">
        <v>3</v>
      </c>
      <c r="T15" s="102">
        <v>0</v>
      </c>
      <c r="U15" s="102">
        <v>2</v>
      </c>
      <c r="V15" s="102">
        <v>1</v>
      </c>
      <c r="W15" s="103">
        <v>9</v>
      </c>
      <c r="X15" s="104">
        <v>11</v>
      </c>
      <c r="Y15" s="101">
        <v>6</v>
      </c>
      <c r="Z15" s="102">
        <v>1</v>
      </c>
      <c r="AA15" s="103">
        <v>7</v>
      </c>
      <c r="AB15" s="412">
        <v>0</v>
      </c>
      <c r="AC15" s="102">
        <v>9</v>
      </c>
      <c r="AD15" s="102">
        <v>1</v>
      </c>
      <c r="AE15" s="102">
        <v>4</v>
      </c>
      <c r="AF15" s="102">
        <v>1</v>
      </c>
      <c r="AG15" s="102">
        <v>1</v>
      </c>
      <c r="AH15" s="103">
        <v>16</v>
      </c>
      <c r="AI15" s="104">
        <v>23</v>
      </c>
      <c r="AJ15" s="101">
        <v>7</v>
      </c>
      <c r="AK15" s="102">
        <v>8</v>
      </c>
      <c r="AL15" s="103">
        <v>15</v>
      </c>
      <c r="AM15" s="412">
        <v>0</v>
      </c>
      <c r="AN15" s="102">
        <v>20</v>
      </c>
      <c r="AO15" s="102">
        <v>5</v>
      </c>
      <c r="AP15" s="102">
        <v>8</v>
      </c>
      <c r="AQ15" s="102">
        <v>3</v>
      </c>
      <c r="AR15" s="102">
        <v>1</v>
      </c>
      <c r="AS15" s="103">
        <v>37</v>
      </c>
      <c r="AT15" s="104">
        <v>52</v>
      </c>
      <c r="AU15" s="101">
        <v>13</v>
      </c>
      <c r="AV15" s="102">
        <v>8</v>
      </c>
      <c r="AW15" s="103">
        <v>21</v>
      </c>
      <c r="AX15" s="412">
        <v>0</v>
      </c>
      <c r="AY15" s="102">
        <v>24</v>
      </c>
      <c r="AZ15" s="102">
        <v>12</v>
      </c>
      <c r="BA15" s="102">
        <v>7</v>
      </c>
      <c r="BB15" s="102">
        <v>10</v>
      </c>
      <c r="BC15" s="102">
        <v>5</v>
      </c>
      <c r="BD15" s="103">
        <v>58</v>
      </c>
      <c r="BE15" s="104">
        <v>79</v>
      </c>
      <c r="BF15" s="101">
        <v>16</v>
      </c>
      <c r="BG15" s="102">
        <v>12</v>
      </c>
      <c r="BH15" s="103">
        <v>28</v>
      </c>
      <c r="BI15" s="412">
        <v>0</v>
      </c>
      <c r="BJ15" s="102">
        <v>27</v>
      </c>
      <c r="BK15" s="102">
        <v>21</v>
      </c>
      <c r="BL15" s="102">
        <v>9</v>
      </c>
      <c r="BM15" s="102">
        <v>6</v>
      </c>
      <c r="BN15" s="102">
        <v>4</v>
      </c>
      <c r="BO15" s="103">
        <v>67</v>
      </c>
      <c r="BP15" s="104">
        <v>95</v>
      </c>
      <c r="BQ15" s="101">
        <v>11</v>
      </c>
      <c r="BR15" s="102">
        <v>8</v>
      </c>
      <c r="BS15" s="103">
        <v>19</v>
      </c>
      <c r="BT15" s="412">
        <v>0</v>
      </c>
      <c r="BU15" s="102">
        <v>20</v>
      </c>
      <c r="BV15" s="102">
        <v>18</v>
      </c>
      <c r="BW15" s="102">
        <v>13</v>
      </c>
      <c r="BX15" s="102">
        <v>4</v>
      </c>
      <c r="BY15" s="102">
        <v>6</v>
      </c>
      <c r="BZ15" s="103">
        <v>61</v>
      </c>
      <c r="CA15" s="104">
        <v>80</v>
      </c>
      <c r="CB15" s="101">
        <v>0</v>
      </c>
      <c r="CC15" s="102">
        <v>0</v>
      </c>
      <c r="CD15" s="103">
        <v>0</v>
      </c>
      <c r="CE15" s="412">
        <v>0</v>
      </c>
      <c r="CF15" s="102">
        <v>0</v>
      </c>
      <c r="CG15" s="102">
        <v>0</v>
      </c>
      <c r="CH15" s="102">
        <v>0</v>
      </c>
      <c r="CI15" s="102">
        <v>0</v>
      </c>
      <c r="CJ15" s="102">
        <v>0</v>
      </c>
      <c r="CK15" s="103">
        <v>0</v>
      </c>
      <c r="CL15" s="104">
        <v>0</v>
      </c>
      <c r="CM15" s="101">
        <v>54</v>
      </c>
      <c r="CN15" s="102">
        <v>38</v>
      </c>
      <c r="CO15" s="103">
        <v>92</v>
      </c>
      <c r="CP15" s="412">
        <v>0</v>
      </c>
      <c r="CQ15" s="102">
        <v>103</v>
      </c>
      <c r="CR15" s="102">
        <v>60</v>
      </c>
      <c r="CS15" s="102">
        <v>41</v>
      </c>
      <c r="CT15" s="102">
        <v>26</v>
      </c>
      <c r="CU15" s="102">
        <v>18</v>
      </c>
      <c r="CV15" s="103">
        <v>248</v>
      </c>
      <c r="CW15" s="104">
        <v>340</v>
      </c>
      <c r="CX15" s="105">
        <v>23</v>
      </c>
      <c r="CY15" s="97">
        <v>20</v>
      </c>
      <c r="CZ15" s="98">
        <v>43</v>
      </c>
      <c r="DA15" s="412">
        <v>0</v>
      </c>
      <c r="DB15" s="97">
        <v>45</v>
      </c>
      <c r="DC15" s="97">
        <v>23</v>
      </c>
      <c r="DD15" s="97">
        <v>21</v>
      </c>
      <c r="DE15" s="97">
        <v>31</v>
      </c>
      <c r="DF15" s="97">
        <v>10</v>
      </c>
      <c r="DG15" s="99">
        <v>130</v>
      </c>
      <c r="DH15" s="100">
        <v>173</v>
      </c>
      <c r="DI15" s="101">
        <v>0</v>
      </c>
      <c r="DJ15" s="102">
        <v>1</v>
      </c>
      <c r="DK15" s="103">
        <v>1</v>
      </c>
      <c r="DL15" s="412">
        <v>0</v>
      </c>
      <c r="DM15" s="102">
        <v>2</v>
      </c>
      <c r="DN15" s="102">
        <v>1</v>
      </c>
      <c r="DO15" s="102">
        <v>0</v>
      </c>
      <c r="DP15" s="102">
        <v>0</v>
      </c>
      <c r="DQ15" s="102">
        <v>0</v>
      </c>
      <c r="DR15" s="103">
        <v>3</v>
      </c>
      <c r="DS15" s="104">
        <v>4</v>
      </c>
      <c r="DT15" s="101">
        <v>1</v>
      </c>
      <c r="DU15" s="102">
        <v>1</v>
      </c>
      <c r="DV15" s="103">
        <v>2</v>
      </c>
      <c r="DW15" s="412">
        <v>0</v>
      </c>
      <c r="DX15" s="102">
        <v>3</v>
      </c>
      <c r="DY15" s="102">
        <v>2</v>
      </c>
      <c r="DZ15" s="102">
        <v>0</v>
      </c>
      <c r="EA15" s="102">
        <v>2</v>
      </c>
      <c r="EB15" s="102">
        <v>1</v>
      </c>
      <c r="EC15" s="103">
        <v>8</v>
      </c>
      <c r="ED15" s="104">
        <v>10</v>
      </c>
      <c r="EE15" s="101">
        <v>2</v>
      </c>
      <c r="EF15" s="102">
        <v>5</v>
      </c>
      <c r="EG15" s="103">
        <v>7</v>
      </c>
      <c r="EH15" s="412">
        <v>0</v>
      </c>
      <c r="EI15" s="102">
        <v>4</v>
      </c>
      <c r="EJ15" s="102">
        <v>2</v>
      </c>
      <c r="EK15" s="102">
        <v>2</v>
      </c>
      <c r="EL15" s="102">
        <v>2</v>
      </c>
      <c r="EM15" s="102">
        <v>1</v>
      </c>
      <c r="EN15" s="103">
        <v>11</v>
      </c>
      <c r="EO15" s="104">
        <v>18</v>
      </c>
      <c r="EP15" s="101">
        <v>5</v>
      </c>
      <c r="EQ15" s="102">
        <v>3</v>
      </c>
      <c r="ER15" s="103">
        <v>8</v>
      </c>
      <c r="ES15" s="412">
        <v>0</v>
      </c>
      <c r="ET15" s="102">
        <v>8</v>
      </c>
      <c r="EU15" s="102">
        <v>4</v>
      </c>
      <c r="EV15" s="102">
        <v>3</v>
      </c>
      <c r="EW15" s="102">
        <v>2</v>
      </c>
      <c r="EX15" s="102">
        <v>1</v>
      </c>
      <c r="EY15" s="103">
        <v>18</v>
      </c>
      <c r="EZ15" s="104">
        <v>26</v>
      </c>
      <c r="FA15" s="101">
        <v>13</v>
      </c>
      <c r="FB15" s="102">
        <v>5</v>
      </c>
      <c r="FC15" s="103">
        <v>18</v>
      </c>
      <c r="FD15" s="412">
        <v>0</v>
      </c>
      <c r="FE15" s="102">
        <v>11</v>
      </c>
      <c r="FF15" s="102">
        <v>5</v>
      </c>
      <c r="FG15" s="102">
        <v>6</v>
      </c>
      <c r="FH15" s="102">
        <v>8</v>
      </c>
      <c r="FI15" s="102">
        <v>2</v>
      </c>
      <c r="FJ15" s="103">
        <v>32</v>
      </c>
      <c r="FK15" s="104">
        <v>50</v>
      </c>
      <c r="FL15" s="101">
        <v>2</v>
      </c>
      <c r="FM15" s="102">
        <v>5</v>
      </c>
      <c r="FN15" s="103">
        <v>7</v>
      </c>
      <c r="FO15" s="412">
        <v>0</v>
      </c>
      <c r="FP15" s="102">
        <v>17</v>
      </c>
      <c r="FQ15" s="102">
        <v>9</v>
      </c>
      <c r="FR15" s="102">
        <v>10</v>
      </c>
      <c r="FS15" s="102">
        <v>17</v>
      </c>
      <c r="FT15" s="102">
        <v>5</v>
      </c>
      <c r="FU15" s="103">
        <v>58</v>
      </c>
      <c r="FV15" s="104">
        <v>65</v>
      </c>
      <c r="FW15" s="101">
        <v>0</v>
      </c>
      <c r="FX15" s="102">
        <v>0</v>
      </c>
      <c r="FY15" s="103">
        <v>0</v>
      </c>
      <c r="FZ15" s="412">
        <v>0</v>
      </c>
      <c r="GA15" s="102">
        <v>0</v>
      </c>
      <c r="GB15" s="102">
        <v>0</v>
      </c>
      <c r="GC15" s="102">
        <v>0</v>
      </c>
      <c r="GD15" s="102">
        <v>0</v>
      </c>
      <c r="GE15" s="102">
        <v>0</v>
      </c>
      <c r="GF15" s="103">
        <v>0</v>
      </c>
      <c r="GG15" s="104">
        <v>0</v>
      </c>
      <c r="GH15" s="101">
        <v>23</v>
      </c>
      <c r="GI15" s="102">
        <v>20</v>
      </c>
      <c r="GJ15" s="103">
        <v>43</v>
      </c>
      <c r="GK15" s="412">
        <v>0</v>
      </c>
      <c r="GL15" s="102">
        <v>45</v>
      </c>
      <c r="GM15" s="102">
        <v>23</v>
      </c>
      <c r="GN15" s="102">
        <v>21</v>
      </c>
      <c r="GO15" s="102">
        <v>31</v>
      </c>
      <c r="GP15" s="102">
        <v>10</v>
      </c>
      <c r="GQ15" s="103">
        <v>130</v>
      </c>
      <c r="GR15" s="104">
        <v>173</v>
      </c>
      <c r="GS15" s="105">
        <v>77</v>
      </c>
      <c r="GT15" s="97">
        <v>58</v>
      </c>
      <c r="GU15" s="98">
        <v>135</v>
      </c>
      <c r="GV15" s="412">
        <v>0</v>
      </c>
      <c r="GW15" s="97">
        <v>148</v>
      </c>
      <c r="GX15" s="97">
        <v>83</v>
      </c>
      <c r="GY15" s="97">
        <v>62</v>
      </c>
      <c r="GZ15" s="97">
        <v>57</v>
      </c>
      <c r="HA15" s="97">
        <v>28</v>
      </c>
      <c r="HB15" s="99">
        <v>378</v>
      </c>
      <c r="HC15" s="100">
        <v>513</v>
      </c>
      <c r="HD15" s="101">
        <v>1</v>
      </c>
      <c r="HE15" s="102">
        <v>2</v>
      </c>
      <c r="HF15" s="103">
        <v>3</v>
      </c>
      <c r="HG15" s="412">
        <v>0</v>
      </c>
      <c r="HH15" s="102">
        <v>5</v>
      </c>
      <c r="HI15" s="102">
        <v>4</v>
      </c>
      <c r="HJ15" s="102">
        <v>0</v>
      </c>
      <c r="HK15" s="102">
        <v>2</v>
      </c>
      <c r="HL15" s="102">
        <v>1</v>
      </c>
      <c r="HM15" s="103">
        <v>12</v>
      </c>
      <c r="HN15" s="104">
        <v>15</v>
      </c>
      <c r="HO15" s="101">
        <v>7</v>
      </c>
      <c r="HP15" s="102">
        <v>2</v>
      </c>
      <c r="HQ15" s="103">
        <v>9</v>
      </c>
      <c r="HR15" s="412">
        <v>0</v>
      </c>
      <c r="HS15" s="102">
        <v>12</v>
      </c>
      <c r="HT15" s="102">
        <v>3</v>
      </c>
      <c r="HU15" s="102">
        <v>4</v>
      </c>
      <c r="HV15" s="102">
        <v>3</v>
      </c>
      <c r="HW15" s="102">
        <v>2</v>
      </c>
      <c r="HX15" s="103">
        <v>24</v>
      </c>
      <c r="HY15" s="104">
        <v>33</v>
      </c>
      <c r="HZ15" s="101">
        <v>9</v>
      </c>
      <c r="IA15" s="102">
        <v>13</v>
      </c>
      <c r="IB15" s="103">
        <v>22</v>
      </c>
      <c r="IC15" s="412">
        <v>0</v>
      </c>
      <c r="ID15" s="102">
        <v>24</v>
      </c>
      <c r="IE15" s="102">
        <v>7</v>
      </c>
      <c r="IF15" s="102">
        <v>10</v>
      </c>
      <c r="IG15" s="102">
        <v>5</v>
      </c>
      <c r="IH15" s="102">
        <v>2</v>
      </c>
      <c r="II15" s="103">
        <v>48</v>
      </c>
      <c r="IJ15" s="104">
        <v>70</v>
      </c>
      <c r="IK15" s="101">
        <v>18</v>
      </c>
      <c r="IL15" s="102">
        <v>11</v>
      </c>
      <c r="IM15" s="103">
        <v>29</v>
      </c>
      <c r="IN15" s="412">
        <v>0</v>
      </c>
      <c r="IO15" s="102">
        <v>32</v>
      </c>
      <c r="IP15" s="102">
        <v>16</v>
      </c>
      <c r="IQ15" s="102">
        <v>10</v>
      </c>
      <c r="IR15" s="102">
        <v>12</v>
      </c>
      <c r="IS15" s="102">
        <v>6</v>
      </c>
      <c r="IT15" s="103">
        <v>76</v>
      </c>
      <c r="IU15" s="104">
        <v>105</v>
      </c>
      <c r="IV15" s="101">
        <v>29</v>
      </c>
      <c r="IW15" s="102">
        <v>17</v>
      </c>
      <c r="IX15" s="103">
        <v>46</v>
      </c>
      <c r="IY15" s="412">
        <v>0</v>
      </c>
      <c r="IZ15" s="102">
        <v>38</v>
      </c>
      <c r="JA15" s="102">
        <v>26</v>
      </c>
      <c r="JB15" s="102">
        <v>15</v>
      </c>
      <c r="JC15" s="102">
        <v>14</v>
      </c>
      <c r="JD15" s="102">
        <v>6</v>
      </c>
      <c r="JE15" s="103">
        <v>99</v>
      </c>
      <c r="JF15" s="104">
        <v>145</v>
      </c>
      <c r="JG15" s="101">
        <v>13</v>
      </c>
      <c r="JH15" s="102">
        <v>13</v>
      </c>
      <c r="JI15" s="103">
        <v>26</v>
      </c>
      <c r="JJ15" s="412">
        <v>0</v>
      </c>
      <c r="JK15" s="102">
        <v>37</v>
      </c>
      <c r="JL15" s="102">
        <v>27</v>
      </c>
      <c r="JM15" s="102">
        <v>23</v>
      </c>
      <c r="JN15" s="102">
        <v>21</v>
      </c>
      <c r="JO15" s="102">
        <v>11</v>
      </c>
      <c r="JP15" s="103">
        <v>119</v>
      </c>
      <c r="JQ15" s="104">
        <v>145</v>
      </c>
      <c r="JR15" s="101">
        <v>0</v>
      </c>
      <c r="JS15" s="102">
        <v>0</v>
      </c>
      <c r="JT15" s="103">
        <v>0</v>
      </c>
      <c r="JU15" s="412">
        <v>0</v>
      </c>
      <c r="JV15" s="102">
        <v>0</v>
      </c>
      <c r="JW15" s="102">
        <v>0</v>
      </c>
      <c r="JX15" s="102">
        <v>0</v>
      </c>
      <c r="JY15" s="102">
        <v>0</v>
      </c>
      <c r="JZ15" s="102">
        <v>0</v>
      </c>
      <c r="KA15" s="103">
        <v>0</v>
      </c>
      <c r="KB15" s="104">
        <v>0</v>
      </c>
      <c r="KC15" s="101">
        <v>77</v>
      </c>
      <c r="KD15" s="102">
        <v>58</v>
      </c>
      <c r="KE15" s="103">
        <v>135</v>
      </c>
      <c r="KF15" s="412">
        <v>0</v>
      </c>
      <c r="KG15" s="102">
        <v>148</v>
      </c>
      <c r="KH15" s="102">
        <v>83</v>
      </c>
      <c r="KI15" s="102">
        <v>62</v>
      </c>
      <c r="KJ15" s="102">
        <v>57</v>
      </c>
      <c r="KK15" s="102">
        <v>28</v>
      </c>
      <c r="KL15" s="103">
        <v>378</v>
      </c>
      <c r="KM15" s="104">
        <v>513</v>
      </c>
    </row>
    <row r="16" spans="2:299" s="70" customFormat="1" ht="21" customHeight="1" x14ac:dyDescent="0.2">
      <c r="B16" s="106" t="s">
        <v>12</v>
      </c>
      <c r="C16" s="96">
        <v>126</v>
      </c>
      <c r="D16" s="97">
        <v>118</v>
      </c>
      <c r="E16" s="98">
        <v>244</v>
      </c>
      <c r="F16" s="412">
        <v>0</v>
      </c>
      <c r="G16" s="97">
        <v>116</v>
      </c>
      <c r="H16" s="97">
        <v>97</v>
      </c>
      <c r="I16" s="97">
        <v>55</v>
      </c>
      <c r="J16" s="97">
        <v>56</v>
      </c>
      <c r="K16" s="97">
        <v>31</v>
      </c>
      <c r="L16" s="99">
        <v>355</v>
      </c>
      <c r="M16" s="100">
        <v>599</v>
      </c>
      <c r="N16" s="107">
        <v>5</v>
      </c>
      <c r="O16" s="102">
        <v>5</v>
      </c>
      <c r="P16" s="103">
        <v>10</v>
      </c>
      <c r="Q16" s="412">
        <v>0</v>
      </c>
      <c r="R16" s="102">
        <v>0</v>
      </c>
      <c r="S16" s="102">
        <v>1</v>
      </c>
      <c r="T16" s="102">
        <v>4</v>
      </c>
      <c r="U16" s="102">
        <v>1</v>
      </c>
      <c r="V16" s="102">
        <v>2</v>
      </c>
      <c r="W16" s="103">
        <v>8</v>
      </c>
      <c r="X16" s="104">
        <v>18</v>
      </c>
      <c r="Y16" s="101">
        <v>11</v>
      </c>
      <c r="Z16" s="102">
        <v>12</v>
      </c>
      <c r="AA16" s="103">
        <v>23</v>
      </c>
      <c r="AB16" s="412">
        <v>0</v>
      </c>
      <c r="AC16" s="102">
        <v>7</v>
      </c>
      <c r="AD16" s="102">
        <v>5</v>
      </c>
      <c r="AE16" s="102">
        <v>4</v>
      </c>
      <c r="AF16" s="102">
        <v>2</v>
      </c>
      <c r="AG16" s="102">
        <v>1</v>
      </c>
      <c r="AH16" s="103">
        <v>19</v>
      </c>
      <c r="AI16" s="104">
        <v>42</v>
      </c>
      <c r="AJ16" s="107">
        <v>13</v>
      </c>
      <c r="AK16" s="102">
        <v>12</v>
      </c>
      <c r="AL16" s="103">
        <v>25</v>
      </c>
      <c r="AM16" s="412">
        <v>0</v>
      </c>
      <c r="AN16" s="102">
        <v>12</v>
      </c>
      <c r="AO16" s="102">
        <v>14</v>
      </c>
      <c r="AP16" s="102">
        <v>4</v>
      </c>
      <c r="AQ16" s="102">
        <v>6</v>
      </c>
      <c r="AR16" s="102">
        <v>2</v>
      </c>
      <c r="AS16" s="103">
        <v>38</v>
      </c>
      <c r="AT16" s="104">
        <v>63</v>
      </c>
      <c r="AU16" s="101">
        <v>22</v>
      </c>
      <c r="AV16" s="102">
        <v>33</v>
      </c>
      <c r="AW16" s="103">
        <v>55</v>
      </c>
      <c r="AX16" s="412">
        <v>0</v>
      </c>
      <c r="AY16" s="102">
        <v>23</v>
      </c>
      <c r="AZ16" s="102">
        <v>21</v>
      </c>
      <c r="BA16" s="102">
        <v>13</v>
      </c>
      <c r="BB16" s="102">
        <v>10</v>
      </c>
      <c r="BC16" s="102">
        <v>12</v>
      </c>
      <c r="BD16" s="103">
        <v>79</v>
      </c>
      <c r="BE16" s="104">
        <v>134</v>
      </c>
      <c r="BF16" s="107">
        <v>43</v>
      </c>
      <c r="BG16" s="102">
        <v>24</v>
      </c>
      <c r="BH16" s="103">
        <v>67</v>
      </c>
      <c r="BI16" s="412">
        <v>0</v>
      </c>
      <c r="BJ16" s="102">
        <v>38</v>
      </c>
      <c r="BK16" s="102">
        <v>28</v>
      </c>
      <c r="BL16" s="102">
        <v>17</v>
      </c>
      <c r="BM16" s="102">
        <v>19</v>
      </c>
      <c r="BN16" s="102">
        <v>7</v>
      </c>
      <c r="BO16" s="103">
        <v>109</v>
      </c>
      <c r="BP16" s="104">
        <v>176</v>
      </c>
      <c r="BQ16" s="101">
        <v>32</v>
      </c>
      <c r="BR16" s="102">
        <v>32</v>
      </c>
      <c r="BS16" s="103">
        <v>64</v>
      </c>
      <c r="BT16" s="412">
        <v>0</v>
      </c>
      <c r="BU16" s="102">
        <v>36</v>
      </c>
      <c r="BV16" s="102">
        <v>28</v>
      </c>
      <c r="BW16" s="102">
        <v>13</v>
      </c>
      <c r="BX16" s="102">
        <v>18</v>
      </c>
      <c r="BY16" s="102">
        <v>7</v>
      </c>
      <c r="BZ16" s="103">
        <v>102</v>
      </c>
      <c r="CA16" s="104">
        <v>166</v>
      </c>
      <c r="CB16" s="101">
        <v>0</v>
      </c>
      <c r="CC16" s="102">
        <v>0</v>
      </c>
      <c r="CD16" s="103">
        <v>0</v>
      </c>
      <c r="CE16" s="412">
        <v>0</v>
      </c>
      <c r="CF16" s="102">
        <v>0</v>
      </c>
      <c r="CG16" s="102">
        <v>0</v>
      </c>
      <c r="CH16" s="102">
        <v>0</v>
      </c>
      <c r="CI16" s="102">
        <v>0</v>
      </c>
      <c r="CJ16" s="102">
        <v>0</v>
      </c>
      <c r="CK16" s="103">
        <v>0</v>
      </c>
      <c r="CL16" s="104">
        <v>0</v>
      </c>
      <c r="CM16" s="101">
        <v>126</v>
      </c>
      <c r="CN16" s="102">
        <v>118</v>
      </c>
      <c r="CO16" s="103">
        <v>244</v>
      </c>
      <c r="CP16" s="412">
        <v>0</v>
      </c>
      <c r="CQ16" s="102">
        <v>116</v>
      </c>
      <c r="CR16" s="102">
        <v>97</v>
      </c>
      <c r="CS16" s="102">
        <v>55</v>
      </c>
      <c r="CT16" s="102">
        <v>56</v>
      </c>
      <c r="CU16" s="102">
        <v>31</v>
      </c>
      <c r="CV16" s="103">
        <v>355</v>
      </c>
      <c r="CW16" s="104">
        <v>599</v>
      </c>
      <c r="CX16" s="105">
        <v>30</v>
      </c>
      <c r="CY16" s="97">
        <v>44</v>
      </c>
      <c r="CZ16" s="98">
        <v>74</v>
      </c>
      <c r="DA16" s="412">
        <v>0</v>
      </c>
      <c r="DB16" s="97">
        <v>42</v>
      </c>
      <c r="DC16" s="97">
        <v>30</v>
      </c>
      <c r="DD16" s="97">
        <v>16</v>
      </c>
      <c r="DE16" s="97">
        <v>35</v>
      </c>
      <c r="DF16" s="97">
        <v>15</v>
      </c>
      <c r="DG16" s="99">
        <v>138</v>
      </c>
      <c r="DH16" s="100">
        <v>212</v>
      </c>
      <c r="DI16" s="107">
        <v>0</v>
      </c>
      <c r="DJ16" s="102">
        <v>0</v>
      </c>
      <c r="DK16" s="103">
        <v>0</v>
      </c>
      <c r="DL16" s="412">
        <v>0</v>
      </c>
      <c r="DM16" s="102">
        <v>0</v>
      </c>
      <c r="DN16" s="102">
        <v>0</v>
      </c>
      <c r="DO16" s="102">
        <v>2</v>
      </c>
      <c r="DP16" s="102">
        <v>0</v>
      </c>
      <c r="DQ16" s="102">
        <v>0</v>
      </c>
      <c r="DR16" s="103">
        <v>2</v>
      </c>
      <c r="DS16" s="104">
        <v>2</v>
      </c>
      <c r="DT16" s="101">
        <v>3</v>
      </c>
      <c r="DU16" s="102">
        <v>3</v>
      </c>
      <c r="DV16" s="103">
        <v>6</v>
      </c>
      <c r="DW16" s="412">
        <v>0</v>
      </c>
      <c r="DX16" s="102">
        <v>1</v>
      </c>
      <c r="DY16" s="102">
        <v>0</v>
      </c>
      <c r="DZ16" s="102">
        <v>0</v>
      </c>
      <c r="EA16" s="102">
        <v>2</v>
      </c>
      <c r="EB16" s="102">
        <v>0</v>
      </c>
      <c r="EC16" s="103">
        <v>3</v>
      </c>
      <c r="ED16" s="104">
        <v>9</v>
      </c>
      <c r="EE16" s="107">
        <v>7</v>
      </c>
      <c r="EF16" s="102">
        <v>4</v>
      </c>
      <c r="EG16" s="103">
        <v>11</v>
      </c>
      <c r="EH16" s="412">
        <v>0</v>
      </c>
      <c r="EI16" s="102">
        <v>3</v>
      </c>
      <c r="EJ16" s="102">
        <v>3</v>
      </c>
      <c r="EK16" s="102">
        <v>0</v>
      </c>
      <c r="EL16" s="102">
        <v>1</v>
      </c>
      <c r="EM16" s="102">
        <v>3</v>
      </c>
      <c r="EN16" s="103">
        <v>10</v>
      </c>
      <c r="EO16" s="104">
        <v>21</v>
      </c>
      <c r="EP16" s="101">
        <v>10</v>
      </c>
      <c r="EQ16" s="102">
        <v>10</v>
      </c>
      <c r="ER16" s="103">
        <v>20</v>
      </c>
      <c r="ES16" s="412">
        <v>0</v>
      </c>
      <c r="ET16" s="102">
        <v>6</v>
      </c>
      <c r="EU16" s="102">
        <v>8</v>
      </c>
      <c r="EV16" s="102">
        <v>3</v>
      </c>
      <c r="EW16" s="102">
        <v>6</v>
      </c>
      <c r="EX16" s="102">
        <v>3</v>
      </c>
      <c r="EY16" s="103">
        <v>26</v>
      </c>
      <c r="EZ16" s="104">
        <v>46</v>
      </c>
      <c r="FA16" s="107">
        <v>7</v>
      </c>
      <c r="FB16" s="102">
        <v>13</v>
      </c>
      <c r="FC16" s="103">
        <v>20</v>
      </c>
      <c r="FD16" s="412">
        <v>0</v>
      </c>
      <c r="FE16" s="102">
        <v>16</v>
      </c>
      <c r="FF16" s="102">
        <v>11</v>
      </c>
      <c r="FG16" s="102">
        <v>5</v>
      </c>
      <c r="FH16" s="102">
        <v>7</v>
      </c>
      <c r="FI16" s="102">
        <v>5</v>
      </c>
      <c r="FJ16" s="103">
        <v>44</v>
      </c>
      <c r="FK16" s="104">
        <v>64</v>
      </c>
      <c r="FL16" s="101">
        <v>3</v>
      </c>
      <c r="FM16" s="102">
        <v>14</v>
      </c>
      <c r="FN16" s="103">
        <v>17</v>
      </c>
      <c r="FO16" s="412">
        <v>0</v>
      </c>
      <c r="FP16" s="102">
        <v>16</v>
      </c>
      <c r="FQ16" s="102">
        <v>8</v>
      </c>
      <c r="FR16" s="102">
        <v>6</v>
      </c>
      <c r="FS16" s="102">
        <v>19</v>
      </c>
      <c r="FT16" s="102">
        <v>4</v>
      </c>
      <c r="FU16" s="103">
        <v>53</v>
      </c>
      <c r="FV16" s="104">
        <v>70</v>
      </c>
      <c r="FW16" s="101">
        <v>0</v>
      </c>
      <c r="FX16" s="102">
        <v>0</v>
      </c>
      <c r="FY16" s="103">
        <v>0</v>
      </c>
      <c r="FZ16" s="412">
        <v>0</v>
      </c>
      <c r="GA16" s="102">
        <v>0</v>
      </c>
      <c r="GB16" s="102">
        <v>0</v>
      </c>
      <c r="GC16" s="102">
        <v>0</v>
      </c>
      <c r="GD16" s="102">
        <v>0</v>
      </c>
      <c r="GE16" s="102">
        <v>0</v>
      </c>
      <c r="GF16" s="103">
        <v>0</v>
      </c>
      <c r="GG16" s="104">
        <v>0</v>
      </c>
      <c r="GH16" s="101">
        <v>30</v>
      </c>
      <c r="GI16" s="102">
        <v>44</v>
      </c>
      <c r="GJ16" s="103">
        <v>74</v>
      </c>
      <c r="GK16" s="412">
        <v>0</v>
      </c>
      <c r="GL16" s="102">
        <v>42</v>
      </c>
      <c r="GM16" s="102">
        <v>30</v>
      </c>
      <c r="GN16" s="102">
        <v>16</v>
      </c>
      <c r="GO16" s="102">
        <v>35</v>
      </c>
      <c r="GP16" s="102">
        <v>15</v>
      </c>
      <c r="GQ16" s="103">
        <v>138</v>
      </c>
      <c r="GR16" s="104">
        <v>212</v>
      </c>
      <c r="GS16" s="105">
        <v>156</v>
      </c>
      <c r="GT16" s="97">
        <v>162</v>
      </c>
      <c r="GU16" s="98">
        <v>318</v>
      </c>
      <c r="GV16" s="412">
        <v>0</v>
      </c>
      <c r="GW16" s="97">
        <v>158</v>
      </c>
      <c r="GX16" s="97">
        <v>127</v>
      </c>
      <c r="GY16" s="97">
        <v>71</v>
      </c>
      <c r="GZ16" s="97">
        <v>91</v>
      </c>
      <c r="HA16" s="97">
        <v>46</v>
      </c>
      <c r="HB16" s="99">
        <v>493</v>
      </c>
      <c r="HC16" s="100">
        <v>811</v>
      </c>
      <c r="HD16" s="107">
        <v>5</v>
      </c>
      <c r="HE16" s="102">
        <v>5</v>
      </c>
      <c r="HF16" s="103">
        <v>10</v>
      </c>
      <c r="HG16" s="412">
        <v>0</v>
      </c>
      <c r="HH16" s="102">
        <v>0</v>
      </c>
      <c r="HI16" s="102">
        <v>1</v>
      </c>
      <c r="HJ16" s="102">
        <v>6</v>
      </c>
      <c r="HK16" s="102">
        <v>1</v>
      </c>
      <c r="HL16" s="102">
        <v>2</v>
      </c>
      <c r="HM16" s="103">
        <v>10</v>
      </c>
      <c r="HN16" s="104">
        <v>20</v>
      </c>
      <c r="HO16" s="101">
        <v>14</v>
      </c>
      <c r="HP16" s="102">
        <v>15</v>
      </c>
      <c r="HQ16" s="103">
        <v>29</v>
      </c>
      <c r="HR16" s="412">
        <v>0</v>
      </c>
      <c r="HS16" s="102">
        <v>8</v>
      </c>
      <c r="HT16" s="102">
        <v>5</v>
      </c>
      <c r="HU16" s="102">
        <v>4</v>
      </c>
      <c r="HV16" s="102">
        <v>4</v>
      </c>
      <c r="HW16" s="102">
        <v>1</v>
      </c>
      <c r="HX16" s="103">
        <v>22</v>
      </c>
      <c r="HY16" s="104">
        <v>51</v>
      </c>
      <c r="HZ16" s="107">
        <v>20</v>
      </c>
      <c r="IA16" s="102">
        <v>16</v>
      </c>
      <c r="IB16" s="103">
        <v>36</v>
      </c>
      <c r="IC16" s="412">
        <v>0</v>
      </c>
      <c r="ID16" s="102">
        <v>15</v>
      </c>
      <c r="IE16" s="102">
        <v>17</v>
      </c>
      <c r="IF16" s="102">
        <v>4</v>
      </c>
      <c r="IG16" s="102">
        <v>7</v>
      </c>
      <c r="IH16" s="102">
        <v>5</v>
      </c>
      <c r="II16" s="103">
        <v>48</v>
      </c>
      <c r="IJ16" s="104">
        <v>84</v>
      </c>
      <c r="IK16" s="101">
        <v>32</v>
      </c>
      <c r="IL16" s="102">
        <v>43</v>
      </c>
      <c r="IM16" s="103">
        <v>75</v>
      </c>
      <c r="IN16" s="412">
        <v>0</v>
      </c>
      <c r="IO16" s="102">
        <v>29</v>
      </c>
      <c r="IP16" s="102">
        <v>29</v>
      </c>
      <c r="IQ16" s="102">
        <v>16</v>
      </c>
      <c r="IR16" s="102">
        <v>16</v>
      </c>
      <c r="IS16" s="102">
        <v>15</v>
      </c>
      <c r="IT16" s="103">
        <v>105</v>
      </c>
      <c r="IU16" s="104">
        <v>180</v>
      </c>
      <c r="IV16" s="107">
        <v>50</v>
      </c>
      <c r="IW16" s="102">
        <v>37</v>
      </c>
      <c r="IX16" s="103">
        <v>87</v>
      </c>
      <c r="IY16" s="412">
        <v>0</v>
      </c>
      <c r="IZ16" s="102">
        <v>54</v>
      </c>
      <c r="JA16" s="102">
        <v>39</v>
      </c>
      <c r="JB16" s="102">
        <v>22</v>
      </c>
      <c r="JC16" s="102">
        <v>26</v>
      </c>
      <c r="JD16" s="102">
        <v>12</v>
      </c>
      <c r="JE16" s="103">
        <v>153</v>
      </c>
      <c r="JF16" s="104">
        <v>240</v>
      </c>
      <c r="JG16" s="101">
        <v>35</v>
      </c>
      <c r="JH16" s="102">
        <v>46</v>
      </c>
      <c r="JI16" s="103">
        <v>81</v>
      </c>
      <c r="JJ16" s="412">
        <v>0</v>
      </c>
      <c r="JK16" s="102">
        <v>52</v>
      </c>
      <c r="JL16" s="102">
        <v>36</v>
      </c>
      <c r="JM16" s="102">
        <v>19</v>
      </c>
      <c r="JN16" s="102">
        <v>37</v>
      </c>
      <c r="JO16" s="102">
        <v>11</v>
      </c>
      <c r="JP16" s="103">
        <v>155</v>
      </c>
      <c r="JQ16" s="104">
        <v>236</v>
      </c>
      <c r="JR16" s="101">
        <v>0</v>
      </c>
      <c r="JS16" s="102">
        <v>0</v>
      </c>
      <c r="JT16" s="103">
        <v>0</v>
      </c>
      <c r="JU16" s="412">
        <v>0</v>
      </c>
      <c r="JV16" s="102">
        <v>0</v>
      </c>
      <c r="JW16" s="102">
        <v>0</v>
      </c>
      <c r="JX16" s="102">
        <v>0</v>
      </c>
      <c r="JY16" s="102">
        <v>0</v>
      </c>
      <c r="JZ16" s="102">
        <v>0</v>
      </c>
      <c r="KA16" s="103">
        <v>0</v>
      </c>
      <c r="KB16" s="104">
        <v>0</v>
      </c>
      <c r="KC16" s="101">
        <v>156</v>
      </c>
      <c r="KD16" s="102">
        <v>162</v>
      </c>
      <c r="KE16" s="103">
        <v>318</v>
      </c>
      <c r="KF16" s="412">
        <v>0</v>
      </c>
      <c r="KG16" s="102">
        <v>158</v>
      </c>
      <c r="KH16" s="102">
        <v>127</v>
      </c>
      <c r="KI16" s="102">
        <v>71</v>
      </c>
      <c r="KJ16" s="102">
        <v>91</v>
      </c>
      <c r="KK16" s="102">
        <v>46</v>
      </c>
      <c r="KL16" s="103">
        <v>493</v>
      </c>
      <c r="KM16" s="104">
        <v>811</v>
      </c>
    </row>
    <row r="17" spans="2:299" s="70" customFormat="1" ht="21" customHeight="1" x14ac:dyDescent="0.2">
      <c r="B17" s="106" t="s">
        <v>13</v>
      </c>
      <c r="C17" s="96">
        <v>53</v>
      </c>
      <c r="D17" s="97">
        <v>48</v>
      </c>
      <c r="E17" s="98">
        <v>101</v>
      </c>
      <c r="F17" s="412">
        <v>0</v>
      </c>
      <c r="G17" s="97">
        <v>78</v>
      </c>
      <c r="H17" s="97">
        <v>55</v>
      </c>
      <c r="I17" s="97">
        <v>29</v>
      </c>
      <c r="J17" s="97">
        <v>24</v>
      </c>
      <c r="K17" s="97">
        <v>20</v>
      </c>
      <c r="L17" s="99">
        <v>206</v>
      </c>
      <c r="M17" s="100">
        <v>307</v>
      </c>
      <c r="N17" s="101">
        <v>1</v>
      </c>
      <c r="O17" s="102">
        <v>1</v>
      </c>
      <c r="P17" s="103">
        <v>2</v>
      </c>
      <c r="Q17" s="412">
        <v>0</v>
      </c>
      <c r="R17" s="102">
        <v>2</v>
      </c>
      <c r="S17" s="102">
        <v>1</v>
      </c>
      <c r="T17" s="102">
        <v>0</v>
      </c>
      <c r="U17" s="102">
        <v>1</v>
      </c>
      <c r="V17" s="102">
        <v>1</v>
      </c>
      <c r="W17" s="103">
        <v>5</v>
      </c>
      <c r="X17" s="104">
        <v>7</v>
      </c>
      <c r="Y17" s="101">
        <v>3</v>
      </c>
      <c r="Z17" s="102">
        <v>2</v>
      </c>
      <c r="AA17" s="103">
        <v>5</v>
      </c>
      <c r="AB17" s="412">
        <v>0</v>
      </c>
      <c r="AC17" s="102">
        <v>4</v>
      </c>
      <c r="AD17" s="102">
        <v>1</v>
      </c>
      <c r="AE17" s="102">
        <v>3</v>
      </c>
      <c r="AF17" s="102">
        <v>1</v>
      </c>
      <c r="AG17" s="102">
        <v>0</v>
      </c>
      <c r="AH17" s="103">
        <v>9</v>
      </c>
      <c r="AI17" s="104">
        <v>14</v>
      </c>
      <c r="AJ17" s="101">
        <v>5</v>
      </c>
      <c r="AK17" s="102">
        <v>4</v>
      </c>
      <c r="AL17" s="103">
        <v>9</v>
      </c>
      <c r="AM17" s="412">
        <v>0</v>
      </c>
      <c r="AN17" s="102">
        <v>11</v>
      </c>
      <c r="AO17" s="102">
        <v>9</v>
      </c>
      <c r="AP17" s="102">
        <v>0</v>
      </c>
      <c r="AQ17" s="102">
        <v>3</v>
      </c>
      <c r="AR17" s="102">
        <v>3</v>
      </c>
      <c r="AS17" s="103">
        <v>26</v>
      </c>
      <c r="AT17" s="104">
        <v>35</v>
      </c>
      <c r="AU17" s="101">
        <v>11</v>
      </c>
      <c r="AV17" s="102">
        <v>7</v>
      </c>
      <c r="AW17" s="103">
        <v>18</v>
      </c>
      <c r="AX17" s="412">
        <v>0</v>
      </c>
      <c r="AY17" s="102">
        <v>20</v>
      </c>
      <c r="AZ17" s="102">
        <v>9</v>
      </c>
      <c r="BA17" s="102">
        <v>5</v>
      </c>
      <c r="BB17" s="102">
        <v>5</v>
      </c>
      <c r="BC17" s="102">
        <v>3</v>
      </c>
      <c r="BD17" s="103">
        <v>42</v>
      </c>
      <c r="BE17" s="104">
        <v>60</v>
      </c>
      <c r="BF17" s="101">
        <v>13</v>
      </c>
      <c r="BG17" s="102">
        <v>21</v>
      </c>
      <c r="BH17" s="103">
        <v>34</v>
      </c>
      <c r="BI17" s="412">
        <v>0</v>
      </c>
      <c r="BJ17" s="102">
        <v>24</v>
      </c>
      <c r="BK17" s="102">
        <v>17</v>
      </c>
      <c r="BL17" s="102">
        <v>10</v>
      </c>
      <c r="BM17" s="102">
        <v>4</v>
      </c>
      <c r="BN17" s="102">
        <v>7</v>
      </c>
      <c r="BO17" s="103">
        <v>62</v>
      </c>
      <c r="BP17" s="104">
        <v>96</v>
      </c>
      <c r="BQ17" s="101">
        <v>20</v>
      </c>
      <c r="BR17" s="102">
        <v>13</v>
      </c>
      <c r="BS17" s="103">
        <v>33</v>
      </c>
      <c r="BT17" s="412">
        <v>0</v>
      </c>
      <c r="BU17" s="102">
        <v>17</v>
      </c>
      <c r="BV17" s="102">
        <v>18</v>
      </c>
      <c r="BW17" s="102">
        <v>11</v>
      </c>
      <c r="BX17" s="102">
        <v>10</v>
      </c>
      <c r="BY17" s="102">
        <v>6</v>
      </c>
      <c r="BZ17" s="103">
        <v>62</v>
      </c>
      <c r="CA17" s="104">
        <v>95</v>
      </c>
      <c r="CB17" s="101">
        <v>0</v>
      </c>
      <c r="CC17" s="102">
        <v>0</v>
      </c>
      <c r="CD17" s="103">
        <v>0</v>
      </c>
      <c r="CE17" s="412">
        <v>0</v>
      </c>
      <c r="CF17" s="102">
        <v>0</v>
      </c>
      <c r="CG17" s="102">
        <v>0</v>
      </c>
      <c r="CH17" s="102">
        <v>0</v>
      </c>
      <c r="CI17" s="102">
        <v>0</v>
      </c>
      <c r="CJ17" s="102">
        <v>0</v>
      </c>
      <c r="CK17" s="103">
        <v>0</v>
      </c>
      <c r="CL17" s="104">
        <v>0</v>
      </c>
      <c r="CM17" s="101">
        <v>53</v>
      </c>
      <c r="CN17" s="102">
        <v>48</v>
      </c>
      <c r="CO17" s="103">
        <v>101</v>
      </c>
      <c r="CP17" s="412">
        <v>0</v>
      </c>
      <c r="CQ17" s="102">
        <v>78</v>
      </c>
      <c r="CR17" s="102">
        <v>55</v>
      </c>
      <c r="CS17" s="102">
        <v>29</v>
      </c>
      <c r="CT17" s="102">
        <v>24</v>
      </c>
      <c r="CU17" s="102">
        <v>20</v>
      </c>
      <c r="CV17" s="103">
        <v>206</v>
      </c>
      <c r="CW17" s="104">
        <v>307</v>
      </c>
      <c r="CX17" s="105">
        <v>17</v>
      </c>
      <c r="CY17" s="97">
        <v>21</v>
      </c>
      <c r="CZ17" s="98">
        <v>38</v>
      </c>
      <c r="DA17" s="412">
        <v>0</v>
      </c>
      <c r="DB17" s="97">
        <v>27</v>
      </c>
      <c r="DC17" s="97">
        <v>16</v>
      </c>
      <c r="DD17" s="97">
        <v>14</v>
      </c>
      <c r="DE17" s="97">
        <v>13</v>
      </c>
      <c r="DF17" s="97">
        <v>12</v>
      </c>
      <c r="DG17" s="99">
        <v>82</v>
      </c>
      <c r="DH17" s="100">
        <v>120</v>
      </c>
      <c r="DI17" s="101">
        <v>1</v>
      </c>
      <c r="DJ17" s="102">
        <v>2</v>
      </c>
      <c r="DK17" s="103">
        <v>3</v>
      </c>
      <c r="DL17" s="412">
        <v>0</v>
      </c>
      <c r="DM17" s="102">
        <v>0</v>
      </c>
      <c r="DN17" s="102">
        <v>0</v>
      </c>
      <c r="DO17" s="102">
        <v>0</v>
      </c>
      <c r="DP17" s="102">
        <v>0</v>
      </c>
      <c r="DQ17" s="102">
        <v>0</v>
      </c>
      <c r="DR17" s="103">
        <v>0</v>
      </c>
      <c r="DS17" s="104">
        <v>3</v>
      </c>
      <c r="DT17" s="101">
        <v>2</v>
      </c>
      <c r="DU17" s="102">
        <v>0</v>
      </c>
      <c r="DV17" s="103">
        <v>2</v>
      </c>
      <c r="DW17" s="412">
        <v>0</v>
      </c>
      <c r="DX17" s="102">
        <v>1</v>
      </c>
      <c r="DY17" s="102">
        <v>0</v>
      </c>
      <c r="DZ17" s="102">
        <v>1</v>
      </c>
      <c r="EA17" s="102">
        <v>1</v>
      </c>
      <c r="EB17" s="102">
        <v>1</v>
      </c>
      <c r="EC17" s="103">
        <v>4</v>
      </c>
      <c r="ED17" s="104">
        <v>6</v>
      </c>
      <c r="EE17" s="101">
        <v>2</v>
      </c>
      <c r="EF17" s="102">
        <v>0</v>
      </c>
      <c r="EG17" s="103">
        <v>2</v>
      </c>
      <c r="EH17" s="412">
        <v>0</v>
      </c>
      <c r="EI17" s="102">
        <v>6</v>
      </c>
      <c r="EJ17" s="102">
        <v>0</v>
      </c>
      <c r="EK17" s="102">
        <v>1</v>
      </c>
      <c r="EL17" s="102">
        <v>0</v>
      </c>
      <c r="EM17" s="102">
        <v>1</v>
      </c>
      <c r="EN17" s="103">
        <v>8</v>
      </c>
      <c r="EO17" s="104">
        <v>10</v>
      </c>
      <c r="EP17" s="101">
        <v>6</v>
      </c>
      <c r="EQ17" s="102">
        <v>7</v>
      </c>
      <c r="ER17" s="103">
        <v>13</v>
      </c>
      <c r="ES17" s="412">
        <v>0</v>
      </c>
      <c r="ET17" s="102">
        <v>5</v>
      </c>
      <c r="EU17" s="102">
        <v>3</v>
      </c>
      <c r="EV17" s="102">
        <v>1</v>
      </c>
      <c r="EW17" s="102">
        <v>1</v>
      </c>
      <c r="EX17" s="102">
        <v>2</v>
      </c>
      <c r="EY17" s="103">
        <v>12</v>
      </c>
      <c r="EZ17" s="104">
        <v>25</v>
      </c>
      <c r="FA17" s="101">
        <v>5</v>
      </c>
      <c r="FB17" s="102">
        <v>6</v>
      </c>
      <c r="FC17" s="103">
        <v>11</v>
      </c>
      <c r="FD17" s="412">
        <v>0</v>
      </c>
      <c r="FE17" s="102">
        <v>7</v>
      </c>
      <c r="FF17" s="102">
        <v>6</v>
      </c>
      <c r="FG17" s="102">
        <v>2</v>
      </c>
      <c r="FH17" s="102">
        <v>4</v>
      </c>
      <c r="FI17" s="102">
        <v>2</v>
      </c>
      <c r="FJ17" s="103">
        <v>21</v>
      </c>
      <c r="FK17" s="104">
        <v>32</v>
      </c>
      <c r="FL17" s="101">
        <v>1</v>
      </c>
      <c r="FM17" s="102">
        <v>6</v>
      </c>
      <c r="FN17" s="103">
        <v>7</v>
      </c>
      <c r="FO17" s="412">
        <v>0</v>
      </c>
      <c r="FP17" s="102">
        <v>8</v>
      </c>
      <c r="FQ17" s="102">
        <v>7</v>
      </c>
      <c r="FR17" s="102">
        <v>9</v>
      </c>
      <c r="FS17" s="102">
        <v>7</v>
      </c>
      <c r="FT17" s="102">
        <v>6</v>
      </c>
      <c r="FU17" s="103">
        <v>37</v>
      </c>
      <c r="FV17" s="104">
        <v>44</v>
      </c>
      <c r="FW17" s="101">
        <v>0</v>
      </c>
      <c r="FX17" s="102">
        <v>0</v>
      </c>
      <c r="FY17" s="103">
        <v>0</v>
      </c>
      <c r="FZ17" s="412">
        <v>0</v>
      </c>
      <c r="GA17" s="102">
        <v>0</v>
      </c>
      <c r="GB17" s="102">
        <v>0</v>
      </c>
      <c r="GC17" s="102">
        <v>0</v>
      </c>
      <c r="GD17" s="102">
        <v>0</v>
      </c>
      <c r="GE17" s="102">
        <v>0</v>
      </c>
      <c r="GF17" s="103">
        <v>0</v>
      </c>
      <c r="GG17" s="104">
        <v>0</v>
      </c>
      <c r="GH17" s="101">
        <v>17</v>
      </c>
      <c r="GI17" s="102">
        <v>21</v>
      </c>
      <c r="GJ17" s="103">
        <v>38</v>
      </c>
      <c r="GK17" s="412">
        <v>0</v>
      </c>
      <c r="GL17" s="102">
        <v>27</v>
      </c>
      <c r="GM17" s="102">
        <v>16</v>
      </c>
      <c r="GN17" s="102">
        <v>14</v>
      </c>
      <c r="GO17" s="102">
        <v>13</v>
      </c>
      <c r="GP17" s="102">
        <v>12</v>
      </c>
      <c r="GQ17" s="103">
        <v>82</v>
      </c>
      <c r="GR17" s="104">
        <v>120</v>
      </c>
      <c r="GS17" s="105">
        <v>70</v>
      </c>
      <c r="GT17" s="97">
        <v>69</v>
      </c>
      <c r="GU17" s="98">
        <v>139</v>
      </c>
      <c r="GV17" s="412">
        <v>0</v>
      </c>
      <c r="GW17" s="97">
        <v>105</v>
      </c>
      <c r="GX17" s="97">
        <v>71</v>
      </c>
      <c r="GY17" s="97">
        <v>43</v>
      </c>
      <c r="GZ17" s="97">
        <v>37</v>
      </c>
      <c r="HA17" s="97">
        <v>32</v>
      </c>
      <c r="HB17" s="99">
        <v>288</v>
      </c>
      <c r="HC17" s="100">
        <v>427</v>
      </c>
      <c r="HD17" s="101">
        <v>2</v>
      </c>
      <c r="HE17" s="102">
        <v>3</v>
      </c>
      <c r="HF17" s="103">
        <v>5</v>
      </c>
      <c r="HG17" s="412">
        <v>0</v>
      </c>
      <c r="HH17" s="102">
        <v>2</v>
      </c>
      <c r="HI17" s="102">
        <v>1</v>
      </c>
      <c r="HJ17" s="102">
        <v>0</v>
      </c>
      <c r="HK17" s="102">
        <v>1</v>
      </c>
      <c r="HL17" s="102">
        <v>1</v>
      </c>
      <c r="HM17" s="103">
        <v>5</v>
      </c>
      <c r="HN17" s="104">
        <v>10</v>
      </c>
      <c r="HO17" s="101">
        <v>5</v>
      </c>
      <c r="HP17" s="102">
        <v>2</v>
      </c>
      <c r="HQ17" s="103">
        <v>7</v>
      </c>
      <c r="HR17" s="412">
        <v>0</v>
      </c>
      <c r="HS17" s="102">
        <v>5</v>
      </c>
      <c r="HT17" s="102">
        <v>1</v>
      </c>
      <c r="HU17" s="102">
        <v>4</v>
      </c>
      <c r="HV17" s="102">
        <v>2</v>
      </c>
      <c r="HW17" s="102">
        <v>1</v>
      </c>
      <c r="HX17" s="103">
        <v>13</v>
      </c>
      <c r="HY17" s="104">
        <v>20</v>
      </c>
      <c r="HZ17" s="101">
        <v>7</v>
      </c>
      <c r="IA17" s="102">
        <v>4</v>
      </c>
      <c r="IB17" s="103">
        <v>11</v>
      </c>
      <c r="IC17" s="412">
        <v>0</v>
      </c>
      <c r="ID17" s="102">
        <v>17</v>
      </c>
      <c r="IE17" s="102">
        <v>9</v>
      </c>
      <c r="IF17" s="102">
        <v>1</v>
      </c>
      <c r="IG17" s="102">
        <v>3</v>
      </c>
      <c r="IH17" s="102">
        <v>4</v>
      </c>
      <c r="II17" s="103">
        <v>34</v>
      </c>
      <c r="IJ17" s="104">
        <v>45</v>
      </c>
      <c r="IK17" s="101">
        <v>17</v>
      </c>
      <c r="IL17" s="102">
        <v>14</v>
      </c>
      <c r="IM17" s="103">
        <v>31</v>
      </c>
      <c r="IN17" s="412">
        <v>0</v>
      </c>
      <c r="IO17" s="102">
        <v>25</v>
      </c>
      <c r="IP17" s="102">
        <v>12</v>
      </c>
      <c r="IQ17" s="102">
        <v>6</v>
      </c>
      <c r="IR17" s="102">
        <v>6</v>
      </c>
      <c r="IS17" s="102">
        <v>5</v>
      </c>
      <c r="IT17" s="103">
        <v>54</v>
      </c>
      <c r="IU17" s="104">
        <v>85</v>
      </c>
      <c r="IV17" s="101">
        <v>18</v>
      </c>
      <c r="IW17" s="102">
        <v>27</v>
      </c>
      <c r="IX17" s="103">
        <v>45</v>
      </c>
      <c r="IY17" s="412">
        <v>0</v>
      </c>
      <c r="IZ17" s="102">
        <v>31</v>
      </c>
      <c r="JA17" s="102">
        <v>23</v>
      </c>
      <c r="JB17" s="102">
        <v>12</v>
      </c>
      <c r="JC17" s="102">
        <v>8</v>
      </c>
      <c r="JD17" s="102">
        <v>9</v>
      </c>
      <c r="JE17" s="103">
        <v>83</v>
      </c>
      <c r="JF17" s="104">
        <v>128</v>
      </c>
      <c r="JG17" s="101">
        <v>21</v>
      </c>
      <c r="JH17" s="102">
        <v>19</v>
      </c>
      <c r="JI17" s="103">
        <v>40</v>
      </c>
      <c r="JJ17" s="412">
        <v>0</v>
      </c>
      <c r="JK17" s="102">
        <v>25</v>
      </c>
      <c r="JL17" s="102">
        <v>25</v>
      </c>
      <c r="JM17" s="102">
        <v>20</v>
      </c>
      <c r="JN17" s="102">
        <v>17</v>
      </c>
      <c r="JO17" s="102">
        <v>12</v>
      </c>
      <c r="JP17" s="103">
        <v>99</v>
      </c>
      <c r="JQ17" s="104">
        <v>139</v>
      </c>
      <c r="JR17" s="101">
        <v>0</v>
      </c>
      <c r="JS17" s="102">
        <v>0</v>
      </c>
      <c r="JT17" s="103">
        <v>0</v>
      </c>
      <c r="JU17" s="412">
        <v>0</v>
      </c>
      <c r="JV17" s="102">
        <v>0</v>
      </c>
      <c r="JW17" s="102">
        <v>0</v>
      </c>
      <c r="JX17" s="102">
        <v>0</v>
      </c>
      <c r="JY17" s="102">
        <v>0</v>
      </c>
      <c r="JZ17" s="102">
        <v>0</v>
      </c>
      <c r="KA17" s="103">
        <v>0</v>
      </c>
      <c r="KB17" s="104">
        <v>0</v>
      </c>
      <c r="KC17" s="101">
        <v>70</v>
      </c>
      <c r="KD17" s="102">
        <v>69</v>
      </c>
      <c r="KE17" s="103">
        <v>139</v>
      </c>
      <c r="KF17" s="412">
        <v>0</v>
      </c>
      <c r="KG17" s="102">
        <v>105</v>
      </c>
      <c r="KH17" s="102">
        <v>71</v>
      </c>
      <c r="KI17" s="102">
        <v>43</v>
      </c>
      <c r="KJ17" s="102">
        <v>37</v>
      </c>
      <c r="KK17" s="102">
        <v>32</v>
      </c>
      <c r="KL17" s="103">
        <v>288</v>
      </c>
      <c r="KM17" s="104">
        <v>427</v>
      </c>
    </row>
    <row r="18" spans="2:299" s="70" customFormat="1" ht="21" customHeight="1" x14ac:dyDescent="0.2">
      <c r="B18" s="106" t="s">
        <v>15</v>
      </c>
      <c r="C18" s="96">
        <v>4</v>
      </c>
      <c r="D18" s="97">
        <v>10</v>
      </c>
      <c r="E18" s="98">
        <v>14</v>
      </c>
      <c r="F18" s="412">
        <v>0</v>
      </c>
      <c r="G18" s="97">
        <v>20</v>
      </c>
      <c r="H18" s="97">
        <v>15</v>
      </c>
      <c r="I18" s="97">
        <v>7</v>
      </c>
      <c r="J18" s="97">
        <v>7</v>
      </c>
      <c r="K18" s="97">
        <v>9</v>
      </c>
      <c r="L18" s="99">
        <v>58</v>
      </c>
      <c r="M18" s="100">
        <v>72</v>
      </c>
      <c r="N18" s="101">
        <v>3</v>
      </c>
      <c r="O18" s="102">
        <v>2</v>
      </c>
      <c r="P18" s="103">
        <v>5</v>
      </c>
      <c r="Q18" s="412">
        <v>0</v>
      </c>
      <c r="R18" s="102">
        <v>0</v>
      </c>
      <c r="S18" s="102">
        <v>0</v>
      </c>
      <c r="T18" s="102">
        <v>0</v>
      </c>
      <c r="U18" s="102">
        <v>0</v>
      </c>
      <c r="V18" s="102">
        <v>1</v>
      </c>
      <c r="W18" s="103">
        <v>1</v>
      </c>
      <c r="X18" s="104">
        <v>6</v>
      </c>
      <c r="Y18" s="101">
        <v>1</v>
      </c>
      <c r="Z18" s="102">
        <v>0</v>
      </c>
      <c r="AA18" s="103">
        <v>1</v>
      </c>
      <c r="AB18" s="412">
        <v>0</v>
      </c>
      <c r="AC18" s="102">
        <v>2</v>
      </c>
      <c r="AD18" s="102">
        <v>1</v>
      </c>
      <c r="AE18" s="102">
        <v>0</v>
      </c>
      <c r="AF18" s="102">
        <v>1</v>
      </c>
      <c r="AG18" s="102">
        <v>1</v>
      </c>
      <c r="AH18" s="103">
        <v>5</v>
      </c>
      <c r="AI18" s="104">
        <v>6</v>
      </c>
      <c r="AJ18" s="101">
        <v>0</v>
      </c>
      <c r="AK18" s="102">
        <v>0</v>
      </c>
      <c r="AL18" s="103">
        <v>0</v>
      </c>
      <c r="AM18" s="412">
        <v>0</v>
      </c>
      <c r="AN18" s="102">
        <v>2</v>
      </c>
      <c r="AO18" s="102">
        <v>5</v>
      </c>
      <c r="AP18" s="102">
        <v>2</v>
      </c>
      <c r="AQ18" s="102">
        <v>1</v>
      </c>
      <c r="AR18" s="102">
        <v>3</v>
      </c>
      <c r="AS18" s="103">
        <v>13</v>
      </c>
      <c r="AT18" s="104">
        <v>13</v>
      </c>
      <c r="AU18" s="101">
        <v>0</v>
      </c>
      <c r="AV18" s="102">
        <v>1</v>
      </c>
      <c r="AW18" s="103">
        <v>1</v>
      </c>
      <c r="AX18" s="412">
        <v>0</v>
      </c>
      <c r="AY18" s="102">
        <v>7</v>
      </c>
      <c r="AZ18" s="102">
        <v>3</v>
      </c>
      <c r="BA18" s="102">
        <v>0</v>
      </c>
      <c r="BB18" s="102">
        <v>1</v>
      </c>
      <c r="BC18" s="102">
        <v>1</v>
      </c>
      <c r="BD18" s="103">
        <v>12</v>
      </c>
      <c r="BE18" s="104">
        <v>13</v>
      </c>
      <c r="BF18" s="101">
        <v>0</v>
      </c>
      <c r="BG18" s="102">
        <v>6</v>
      </c>
      <c r="BH18" s="103">
        <v>6</v>
      </c>
      <c r="BI18" s="412">
        <v>0</v>
      </c>
      <c r="BJ18" s="102">
        <v>3</v>
      </c>
      <c r="BK18" s="102">
        <v>2</v>
      </c>
      <c r="BL18" s="102">
        <v>2</v>
      </c>
      <c r="BM18" s="102">
        <v>2</v>
      </c>
      <c r="BN18" s="102">
        <v>2</v>
      </c>
      <c r="BO18" s="103">
        <v>11</v>
      </c>
      <c r="BP18" s="104">
        <v>17</v>
      </c>
      <c r="BQ18" s="101">
        <v>0</v>
      </c>
      <c r="BR18" s="102">
        <v>1</v>
      </c>
      <c r="BS18" s="103">
        <v>1</v>
      </c>
      <c r="BT18" s="412">
        <v>0</v>
      </c>
      <c r="BU18" s="102">
        <v>6</v>
      </c>
      <c r="BV18" s="102">
        <v>4</v>
      </c>
      <c r="BW18" s="102">
        <v>3</v>
      </c>
      <c r="BX18" s="102">
        <v>2</v>
      </c>
      <c r="BY18" s="102">
        <v>1</v>
      </c>
      <c r="BZ18" s="103">
        <v>16</v>
      </c>
      <c r="CA18" s="104">
        <v>17</v>
      </c>
      <c r="CB18" s="101">
        <v>0</v>
      </c>
      <c r="CC18" s="102">
        <v>0</v>
      </c>
      <c r="CD18" s="103">
        <v>0</v>
      </c>
      <c r="CE18" s="412">
        <v>0</v>
      </c>
      <c r="CF18" s="102">
        <v>0</v>
      </c>
      <c r="CG18" s="102">
        <v>0</v>
      </c>
      <c r="CH18" s="102">
        <v>0</v>
      </c>
      <c r="CI18" s="102">
        <v>0</v>
      </c>
      <c r="CJ18" s="102">
        <v>0</v>
      </c>
      <c r="CK18" s="103">
        <v>0</v>
      </c>
      <c r="CL18" s="104">
        <v>0</v>
      </c>
      <c r="CM18" s="101">
        <v>4</v>
      </c>
      <c r="CN18" s="102">
        <v>10</v>
      </c>
      <c r="CO18" s="103">
        <v>14</v>
      </c>
      <c r="CP18" s="412">
        <v>0</v>
      </c>
      <c r="CQ18" s="102">
        <v>20</v>
      </c>
      <c r="CR18" s="102">
        <v>15</v>
      </c>
      <c r="CS18" s="102">
        <v>7</v>
      </c>
      <c r="CT18" s="102">
        <v>7</v>
      </c>
      <c r="CU18" s="102">
        <v>9</v>
      </c>
      <c r="CV18" s="103">
        <v>58</v>
      </c>
      <c r="CW18" s="104">
        <v>72</v>
      </c>
      <c r="CX18" s="105">
        <v>5</v>
      </c>
      <c r="CY18" s="97">
        <v>6</v>
      </c>
      <c r="CZ18" s="98">
        <v>11</v>
      </c>
      <c r="DA18" s="412">
        <v>0</v>
      </c>
      <c r="DB18" s="97">
        <v>4</v>
      </c>
      <c r="DC18" s="97">
        <v>8</v>
      </c>
      <c r="DD18" s="97">
        <v>6</v>
      </c>
      <c r="DE18" s="97">
        <v>6</v>
      </c>
      <c r="DF18" s="97">
        <v>1</v>
      </c>
      <c r="DG18" s="99">
        <v>25</v>
      </c>
      <c r="DH18" s="100">
        <v>36</v>
      </c>
      <c r="DI18" s="101">
        <v>1</v>
      </c>
      <c r="DJ18" s="102">
        <v>0</v>
      </c>
      <c r="DK18" s="103">
        <v>1</v>
      </c>
      <c r="DL18" s="412">
        <v>0</v>
      </c>
      <c r="DM18" s="102">
        <v>0</v>
      </c>
      <c r="DN18" s="102">
        <v>0</v>
      </c>
      <c r="DO18" s="102">
        <v>0</v>
      </c>
      <c r="DP18" s="102">
        <v>0</v>
      </c>
      <c r="DQ18" s="102">
        <v>0</v>
      </c>
      <c r="DR18" s="103">
        <v>0</v>
      </c>
      <c r="DS18" s="104">
        <v>1</v>
      </c>
      <c r="DT18" s="101">
        <v>0</v>
      </c>
      <c r="DU18" s="102">
        <v>0</v>
      </c>
      <c r="DV18" s="103">
        <v>0</v>
      </c>
      <c r="DW18" s="412">
        <v>0</v>
      </c>
      <c r="DX18" s="102">
        <v>0</v>
      </c>
      <c r="DY18" s="102">
        <v>0</v>
      </c>
      <c r="DZ18" s="102">
        <v>0</v>
      </c>
      <c r="EA18" s="102">
        <v>0</v>
      </c>
      <c r="EB18" s="102">
        <v>0</v>
      </c>
      <c r="EC18" s="103">
        <v>0</v>
      </c>
      <c r="ED18" s="104">
        <v>0</v>
      </c>
      <c r="EE18" s="101">
        <v>2</v>
      </c>
      <c r="EF18" s="102">
        <v>0</v>
      </c>
      <c r="EG18" s="103">
        <v>2</v>
      </c>
      <c r="EH18" s="412">
        <v>0</v>
      </c>
      <c r="EI18" s="102">
        <v>0</v>
      </c>
      <c r="EJ18" s="102">
        <v>1</v>
      </c>
      <c r="EK18" s="102">
        <v>1</v>
      </c>
      <c r="EL18" s="102">
        <v>0</v>
      </c>
      <c r="EM18" s="102">
        <v>1</v>
      </c>
      <c r="EN18" s="103">
        <v>3</v>
      </c>
      <c r="EO18" s="104">
        <v>5</v>
      </c>
      <c r="EP18" s="101">
        <v>0</v>
      </c>
      <c r="EQ18" s="102">
        <v>4</v>
      </c>
      <c r="ER18" s="103">
        <v>4</v>
      </c>
      <c r="ES18" s="412">
        <v>0</v>
      </c>
      <c r="ET18" s="102">
        <v>0</v>
      </c>
      <c r="EU18" s="102">
        <v>0</v>
      </c>
      <c r="EV18" s="102">
        <v>0</v>
      </c>
      <c r="EW18" s="102">
        <v>1</v>
      </c>
      <c r="EX18" s="102">
        <v>0</v>
      </c>
      <c r="EY18" s="103">
        <v>1</v>
      </c>
      <c r="EZ18" s="104">
        <v>5</v>
      </c>
      <c r="FA18" s="101">
        <v>0</v>
      </c>
      <c r="FB18" s="102">
        <v>1</v>
      </c>
      <c r="FC18" s="103">
        <v>1</v>
      </c>
      <c r="FD18" s="412">
        <v>0</v>
      </c>
      <c r="FE18" s="102">
        <v>2</v>
      </c>
      <c r="FF18" s="102">
        <v>3</v>
      </c>
      <c r="FG18" s="102">
        <v>1</v>
      </c>
      <c r="FH18" s="102">
        <v>1</v>
      </c>
      <c r="FI18" s="102">
        <v>0</v>
      </c>
      <c r="FJ18" s="103">
        <v>7</v>
      </c>
      <c r="FK18" s="104">
        <v>8</v>
      </c>
      <c r="FL18" s="101">
        <v>2</v>
      </c>
      <c r="FM18" s="102">
        <v>1</v>
      </c>
      <c r="FN18" s="103">
        <v>3</v>
      </c>
      <c r="FO18" s="412">
        <v>0</v>
      </c>
      <c r="FP18" s="102">
        <v>2</v>
      </c>
      <c r="FQ18" s="102">
        <v>4</v>
      </c>
      <c r="FR18" s="102">
        <v>4</v>
      </c>
      <c r="FS18" s="102">
        <v>4</v>
      </c>
      <c r="FT18" s="102">
        <v>0</v>
      </c>
      <c r="FU18" s="103">
        <v>14</v>
      </c>
      <c r="FV18" s="104">
        <v>17</v>
      </c>
      <c r="FW18" s="101">
        <v>0</v>
      </c>
      <c r="FX18" s="102">
        <v>0</v>
      </c>
      <c r="FY18" s="103">
        <v>0</v>
      </c>
      <c r="FZ18" s="412">
        <v>0</v>
      </c>
      <c r="GA18" s="102">
        <v>0</v>
      </c>
      <c r="GB18" s="102">
        <v>0</v>
      </c>
      <c r="GC18" s="102">
        <v>0</v>
      </c>
      <c r="GD18" s="102">
        <v>0</v>
      </c>
      <c r="GE18" s="102">
        <v>0</v>
      </c>
      <c r="GF18" s="103">
        <v>0</v>
      </c>
      <c r="GG18" s="104">
        <v>0</v>
      </c>
      <c r="GH18" s="101">
        <v>5</v>
      </c>
      <c r="GI18" s="102">
        <v>6</v>
      </c>
      <c r="GJ18" s="103">
        <v>11</v>
      </c>
      <c r="GK18" s="412">
        <v>0</v>
      </c>
      <c r="GL18" s="102">
        <v>4</v>
      </c>
      <c r="GM18" s="102">
        <v>8</v>
      </c>
      <c r="GN18" s="102">
        <v>6</v>
      </c>
      <c r="GO18" s="102">
        <v>6</v>
      </c>
      <c r="GP18" s="102">
        <v>1</v>
      </c>
      <c r="GQ18" s="103">
        <v>25</v>
      </c>
      <c r="GR18" s="104">
        <v>36</v>
      </c>
      <c r="GS18" s="105">
        <v>9</v>
      </c>
      <c r="GT18" s="97">
        <v>16</v>
      </c>
      <c r="GU18" s="98">
        <v>25</v>
      </c>
      <c r="GV18" s="412">
        <v>0</v>
      </c>
      <c r="GW18" s="97">
        <v>24</v>
      </c>
      <c r="GX18" s="97">
        <v>23</v>
      </c>
      <c r="GY18" s="97">
        <v>13</v>
      </c>
      <c r="GZ18" s="97">
        <v>13</v>
      </c>
      <c r="HA18" s="97">
        <v>10</v>
      </c>
      <c r="HB18" s="99">
        <v>83</v>
      </c>
      <c r="HC18" s="100">
        <v>108</v>
      </c>
      <c r="HD18" s="101">
        <v>4</v>
      </c>
      <c r="HE18" s="102">
        <v>2</v>
      </c>
      <c r="HF18" s="103">
        <v>6</v>
      </c>
      <c r="HG18" s="412">
        <v>0</v>
      </c>
      <c r="HH18" s="102">
        <v>0</v>
      </c>
      <c r="HI18" s="102">
        <v>0</v>
      </c>
      <c r="HJ18" s="102">
        <v>0</v>
      </c>
      <c r="HK18" s="102">
        <v>0</v>
      </c>
      <c r="HL18" s="102">
        <v>1</v>
      </c>
      <c r="HM18" s="103">
        <v>1</v>
      </c>
      <c r="HN18" s="104">
        <v>7</v>
      </c>
      <c r="HO18" s="101">
        <v>1</v>
      </c>
      <c r="HP18" s="102">
        <v>0</v>
      </c>
      <c r="HQ18" s="103">
        <v>1</v>
      </c>
      <c r="HR18" s="412">
        <v>0</v>
      </c>
      <c r="HS18" s="102">
        <v>2</v>
      </c>
      <c r="HT18" s="102">
        <v>1</v>
      </c>
      <c r="HU18" s="102">
        <v>0</v>
      </c>
      <c r="HV18" s="102">
        <v>1</v>
      </c>
      <c r="HW18" s="102">
        <v>1</v>
      </c>
      <c r="HX18" s="103">
        <v>5</v>
      </c>
      <c r="HY18" s="104">
        <v>6</v>
      </c>
      <c r="HZ18" s="101">
        <v>2</v>
      </c>
      <c r="IA18" s="102">
        <v>0</v>
      </c>
      <c r="IB18" s="103">
        <v>2</v>
      </c>
      <c r="IC18" s="412">
        <v>0</v>
      </c>
      <c r="ID18" s="102">
        <v>2</v>
      </c>
      <c r="IE18" s="102">
        <v>6</v>
      </c>
      <c r="IF18" s="102">
        <v>3</v>
      </c>
      <c r="IG18" s="102">
        <v>1</v>
      </c>
      <c r="IH18" s="102">
        <v>4</v>
      </c>
      <c r="II18" s="103">
        <v>16</v>
      </c>
      <c r="IJ18" s="104">
        <v>18</v>
      </c>
      <c r="IK18" s="101">
        <v>0</v>
      </c>
      <c r="IL18" s="102">
        <v>5</v>
      </c>
      <c r="IM18" s="103">
        <v>5</v>
      </c>
      <c r="IN18" s="412">
        <v>0</v>
      </c>
      <c r="IO18" s="102">
        <v>7</v>
      </c>
      <c r="IP18" s="102">
        <v>3</v>
      </c>
      <c r="IQ18" s="102">
        <v>0</v>
      </c>
      <c r="IR18" s="102">
        <v>2</v>
      </c>
      <c r="IS18" s="102">
        <v>1</v>
      </c>
      <c r="IT18" s="103">
        <v>13</v>
      </c>
      <c r="IU18" s="104">
        <v>18</v>
      </c>
      <c r="IV18" s="101">
        <v>0</v>
      </c>
      <c r="IW18" s="102">
        <v>7</v>
      </c>
      <c r="IX18" s="103">
        <v>7</v>
      </c>
      <c r="IY18" s="412">
        <v>0</v>
      </c>
      <c r="IZ18" s="102">
        <v>5</v>
      </c>
      <c r="JA18" s="102">
        <v>5</v>
      </c>
      <c r="JB18" s="102">
        <v>3</v>
      </c>
      <c r="JC18" s="102">
        <v>3</v>
      </c>
      <c r="JD18" s="102">
        <v>2</v>
      </c>
      <c r="JE18" s="103">
        <v>18</v>
      </c>
      <c r="JF18" s="104">
        <v>25</v>
      </c>
      <c r="JG18" s="101">
        <v>2</v>
      </c>
      <c r="JH18" s="102">
        <v>2</v>
      </c>
      <c r="JI18" s="103">
        <v>4</v>
      </c>
      <c r="JJ18" s="412">
        <v>0</v>
      </c>
      <c r="JK18" s="102">
        <v>8</v>
      </c>
      <c r="JL18" s="102">
        <v>8</v>
      </c>
      <c r="JM18" s="102">
        <v>7</v>
      </c>
      <c r="JN18" s="102">
        <v>6</v>
      </c>
      <c r="JO18" s="102">
        <v>1</v>
      </c>
      <c r="JP18" s="103">
        <v>30</v>
      </c>
      <c r="JQ18" s="104">
        <v>34</v>
      </c>
      <c r="JR18" s="101">
        <v>0</v>
      </c>
      <c r="JS18" s="102">
        <v>0</v>
      </c>
      <c r="JT18" s="103">
        <v>0</v>
      </c>
      <c r="JU18" s="412">
        <v>0</v>
      </c>
      <c r="JV18" s="102">
        <v>0</v>
      </c>
      <c r="JW18" s="102">
        <v>0</v>
      </c>
      <c r="JX18" s="102">
        <v>0</v>
      </c>
      <c r="JY18" s="102">
        <v>0</v>
      </c>
      <c r="JZ18" s="102">
        <v>0</v>
      </c>
      <c r="KA18" s="103">
        <v>0</v>
      </c>
      <c r="KB18" s="104">
        <v>0</v>
      </c>
      <c r="KC18" s="101">
        <v>9</v>
      </c>
      <c r="KD18" s="102">
        <v>16</v>
      </c>
      <c r="KE18" s="103">
        <v>25</v>
      </c>
      <c r="KF18" s="412">
        <v>0</v>
      </c>
      <c r="KG18" s="102">
        <v>24</v>
      </c>
      <c r="KH18" s="102">
        <v>23</v>
      </c>
      <c r="KI18" s="102">
        <v>13</v>
      </c>
      <c r="KJ18" s="102">
        <v>13</v>
      </c>
      <c r="KK18" s="102">
        <v>10</v>
      </c>
      <c r="KL18" s="103">
        <v>83</v>
      </c>
      <c r="KM18" s="104">
        <v>108</v>
      </c>
    </row>
    <row r="19" spans="2:299" s="70" customFormat="1" ht="21" customHeight="1" x14ac:dyDescent="0.2">
      <c r="B19" s="106" t="s">
        <v>16</v>
      </c>
      <c r="C19" s="96">
        <v>28</v>
      </c>
      <c r="D19" s="97">
        <v>31</v>
      </c>
      <c r="E19" s="98">
        <v>59</v>
      </c>
      <c r="F19" s="412">
        <v>0</v>
      </c>
      <c r="G19" s="97">
        <v>45</v>
      </c>
      <c r="H19" s="97">
        <v>71</v>
      </c>
      <c r="I19" s="97">
        <v>39</v>
      </c>
      <c r="J19" s="97">
        <v>23</v>
      </c>
      <c r="K19" s="97">
        <v>16</v>
      </c>
      <c r="L19" s="99">
        <v>194</v>
      </c>
      <c r="M19" s="100">
        <v>253</v>
      </c>
      <c r="N19" s="101">
        <v>0</v>
      </c>
      <c r="O19" s="102">
        <v>1</v>
      </c>
      <c r="P19" s="103">
        <v>1</v>
      </c>
      <c r="Q19" s="412">
        <v>0</v>
      </c>
      <c r="R19" s="102">
        <v>0</v>
      </c>
      <c r="S19" s="102">
        <v>3</v>
      </c>
      <c r="T19" s="102">
        <v>1</v>
      </c>
      <c r="U19" s="102">
        <v>1</v>
      </c>
      <c r="V19" s="102">
        <v>3</v>
      </c>
      <c r="W19" s="103">
        <v>8</v>
      </c>
      <c r="X19" s="104">
        <v>9</v>
      </c>
      <c r="Y19" s="101">
        <v>1</v>
      </c>
      <c r="Z19" s="102">
        <v>4</v>
      </c>
      <c r="AA19" s="103">
        <v>5</v>
      </c>
      <c r="AB19" s="412">
        <v>0</v>
      </c>
      <c r="AC19" s="102">
        <v>3</v>
      </c>
      <c r="AD19" s="102">
        <v>8</v>
      </c>
      <c r="AE19" s="102">
        <v>3</v>
      </c>
      <c r="AF19" s="102">
        <v>1</v>
      </c>
      <c r="AG19" s="102">
        <v>1</v>
      </c>
      <c r="AH19" s="103">
        <v>16</v>
      </c>
      <c r="AI19" s="104">
        <v>21</v>
      </c>
      <c r="AJ19" s="101">
        <v>6</v>
      </c>
      <c r="AK19" s="102">
        <v>4</v>
      </c>
      <c r="AL19" s="103">
        <v>10</v>
      </c>
      <c r="AM19" s="412">
        <v>0</v>
      </c>
      <c r="AN19" s="102">
        <v>6</v>
      </c>
      <c r="AO19" s="102">
        <v>12</v>
      </c>
      <c r="AP19" s="102">
        <v>4</v>
      </c>
      <c r="AQ19" s="102">
        <v>3</v>
      </c>
      <c r="AR19" s="102">
        <v>4</v>
      </c>
      <c r="AS19" s="103">
        <v>29</v>
      </c>
      <c r="AT19" s="104">
        <v>39</v>
      </c>
      <c r="AU19" s="101">
        <v>8</v>
      </c>
      <c r="AV19" s="102">
        <v>6</v>
      </c>
      <c r="AW19" s="103">
        <v>14</v>
      </c>
      <c r="AX19" s="412">
        <v>0</v>
      </c>
      <c r="AY19" s="102">
        <v>10</v>
      </c>
      <c r="AZ19" s="102">
        <v>20</v>
      </c>
      <c r="BA19" s="102">
        <v>11</v>
      </c>
      <c r="BB19" s="102">
        <v>6</v>
      </c>
      <c r="BC19" s="102">
        <v>1</v>
      </c>
      <c r="BD19" s="103">
        <v>48</v>
      </c>
      <c r="BE19" s="104">
        <v>62</v>
      </c>
      <c r="BF19" s="101">
        <v>9</v>
      </c>
      <c r="BG19" s="102">
        <v>7</v>
      </c>
      <c r="BH19" s="103">
        <v>16</v>
      </c>
      <c r="BI19" s="412">
        <v>0</v>
      </c>
      <c r="BJ19" s="102">
        <v>14</v>
      </c>
      <c r="BK19" s="102">
        <v>17</v>
      </c>
      <c r="BL19" s="102">
        <v>12</v>
      </c>
      <c r="BM19" s="102">
        <v>4</v>
      </c>
      <c r="BN19" s="102">
        <v>6</v>
      </c>
      <c r="BO19" s="103">
        <v>53</v>
      </c>
      <c r="BP19" s="104">
        <v>69</v>
      </c>
      <c r="BQ19" s="101">
        <v>4</v>
      </c>
      <c r="BR19" s="102">
        <v>9</v>
      </c>
      <c r="BS19" s="103">
        <v>13</v>
      </c>
      <c r="BT19" s="412">
        <v>0</v>
      </c>
      <c r="BU19" s="102">
        <v>12</v>
      </c>
      <c r="BV19" s="102">
        <v>11</v>
      </c>
      <c r="BW19" s="102">
        <v>8</v>
      </c>
      <c r="BX19" s="102">
        <v>8</v>
      </c>
      <c r="BY19" s="102">
        <v>1</v>
      </c>
      <c r="BZ19" s="103">
        <v>40</v>
      </c>
      <c r="CA19" s="104">
        <v>53</v>
      </c>
      <c r="CB19" s="101">
        <v>0</v>
      </c>
      <c r="CC19" s="102">
        <v>0</v>
      </c>
      <c r="CD19" s="103">
        <v>0</v>
      </c>
      <c r="CE19" s="412">
        <v>0</v>
      </c>
      <c r="CF19" s="102">
        <v>0</v>
      </c>
      <c r="CG19" s="102">
        <v>0</v>
      </c>
      <c r="CH19" s="102">
        <v>0</v>
      </c>
      <c r="CI19" s="102">
        <v>0</v>
      </c>
      <c r="CJ19" s="102">
        <v>0</v>
      </c>
      <c r="CK19" s="103">
        <v>0</v>
      </c>
      <c r="CL19" s="104">
        <v>0</v>
      </c>
      <c r="CM19" s="101">
        <v>28</v>
      </c>
      <c r="CN19" s="102">
        <v>31</v>
      </c>
      <c r="CO19" s="103">
        <v>59</v>
      </c>
      <c r="CP19" s="412">
        <v>0</v>
      </c>
      <c r="CQ19" s="102">
        <v>45</v>
      </c>
      <c r="CR19" s="102">
        <v>71</v>
      </c>
      <c r="CS19" s="102">
        <v>39</v>
      </c>
      <c r="CT19" s="102">
        <v>23</v>
      </c>
      <c r="CU19" s="102">
        <v>16</v>
      </c>
      <c r="CV19" s="103">
        <v>194</v>
      </c>
      <c r="CW19" s="104">
        <v>253</v>
      </c>
      <c r="CX19" s="105">
        <v>16</v>
      </c>
      <c r="CY19" s="97">
        <v>16</v>
      </c>
      <c r="CZ19" s="98">
        <v>32</v>
      </c>
      <c r="DA19" s="412">
        <v>0</v>
      </c>
      <c r="DB19" s="97">
        <v>21</v>
      </c>
      <c r="DC19" s="97">
        <v>21</v>
      </c>
      <c r="DD19" s="97">
        <v>18</v>
      </c>
      <c r="DE19" s="97">
        <v>15</v>
      </c>
      <c r="DF19" s="97">
        <v>5</v>
      </c>
      <c r="DG19" s="99">
        <v>80</v>
      </c>
      <c r="DH19" s="100">
        <v>112</v>
      </c>
      <c r="DI19" s="101">
        <v>0</v>
      </c>
      <c r="DJ19" s="102">
        <v>2</v>
      </c>
      <c r="DK19" s="103">
        <v>2</v>
      </c>
      <c r="DL19" s="412">
        <v>0</v>
      </c>
      <c r="DM19" s="102">
        <v>0</v>
      </c>
      <c r="DN19" s="102">
        <v>0</v>
      </c>
      <c r="DO19" s="102">
        <v>0</v>
      </c>
      <c r="DP19" s="102">
        <v>0</v>
      </c>
      <c r="DQ19" s="102">
        <v>0</v>
      </c>
      <c r="DR19" s="103">
        <v>0</v>
      </c>
      <c r="DS19" s="104">
        <v>2</v>
      </c>
      <c r="DT19" s="101">
        <v>2</v>
      </c>
      <c r="DU19" s="102">
        <v>3</v>
      </c>
      <c r="DV19" s="103">
        <v>5</v>
      </c>
      <c r="DW19" s="412">
        <v>0</v>
      </c>
      <c r="DX19" s="102">
        <v>0</v>
      </c>
      <c r="DY19" s="102">
        <v>2</v>
      </c>
      <c r="DZ19" s="102">
        <v>0</v>
      </c>
      <c r="EA19" s="102">
        <v>0</v>
      </c>
      <c r="EB19" s="102">
        <v>0</v>
      </c>
      <c r="EC19" s="103">
        <v>2</v>
      </c>
      <c r="ED19" s="104">
        <v>7</v>
      </c>
      <c r="EE19" s="101">
        <v>3</v>
      </c>
      <c r="EF19" s="102">
        <v>2</v>
      </c>
      <c r="EG19" s="103">
        <v>5</v>
      </c>
      <c r="EH19" s="412">
        <v>0</v>
      </c>
      <c r="EI19" s="102">
        <v>1</v>
      </c>
      <c r="EJ19" s="102">
        <v>1</v>
      </c>
      <c r="EK19" s="102">
        <v>2</v>
      </c>
      <c r="EL19" s="102">
        <v>0</v>
      </c>
      <c r="EM19" s="102">
        <v>1</v>
      </c>
      <c r="EN19" s="103">
        <v>5</v>
      </c>
      <c r="EO19" s="104">
        <v>10</v>
      </c>
      <c r="EP19" s="101">
        <v>6</v>
      </c>
      <c r="EQ19" s="102">
        <v>2</v>
      </c>
      <c r="ER19" s="103">
        <v>8</v>
      </c>
      <c r="ES19" s="412">
        <v>0</v>
      </c>
      <c r="ET19" s="102">
        <v>4</v>
      </c>
      <c r="EU19" s="102">
        <v>4</v>
      </c>
      <c r="EV19" s="102">
        <v>5</v>
      </c>
      <c r="EW19" s="102">
        <v>0</v>
      </c>
      <c r="EX19" s="102">
        <v>0</v>
      </c>
      <c r="EY19" s="103">
        <v>13</v>
      </c>
      <c r="EZ19" s="104">
        <v>21</v>
      </c>
      <c r="FA19" s="101">
        <v>3</v>
      </c>
      <c r="FB19" s="102">
        <v>3</v>
      </c>
      <c r="FC19" s="103">
        <v>6</v>
      </c>
      <c r="FD19" s="412">
        <v>0</v>
      </c>
      <c r="FE19" s="102">
        <v>9</v>
      </c>
      <c r="FF19" s="102">
        <v>8</v>
      </c>
      <c r="FG19" s="102">
        <v>5</v>
      </c>
      <c r="FH19" s="102">
        <v>3</v>
      </c>
      <c r="FI19" s="102">
        <v>1</v>
      </c>
      <c r="FJ19" s="103">
        <v>26</v>
      </c>
      <c r="FK19" s="104">
        <v>32</v>
      </c>
      <c r="FL19" s="101">
        <v>2</v>
      </c>
      <c r="FM19" s="102">
        <v>4</v>
      </c>
      <c r="FN19" s="103">
        <v>6</v>
      </c>
      <c r="FO19" s="412">
        <v>0</v>
      </c>
      <c r="FP19" s="102">
        <v>7</v>
      </c>
      <c r="FQ19" s="102">
        <v>6</v>
      </c>
      <c r="FR19" s="102">
        <v>6</v>
      </c>
      <c r="FS19" s="102">
        <v>12</v>
      </c>
      <c r="FT19" s="102">
        <v>3</v>
      </c>
      <c r="FU19" s="103">
        <v>34</v>
      </c>
      <c r="FV19" s="104">
        <v>40</v>
      </c>
      <c r="FW19" s="101">
        <v>0</v>
      </c>
      <c r="FX19" s="102">
        <v>0</v>
      </c>
      <c r="FY19" s="103">
        <v>0</v>
      </c>
      <c r="FZ19" s="412">
        <v>0</v>
      </c>
      <c r="GA19" s="102">
        <v>0</v>
      </c>
      <c r="GB19" s="102">
        <v>0</v>
      </c>
      <c r="GC19" s="102">
        <v>0</v>
      </c>
      <c r="GD19" s="102">
        <v>0</v>
      </c>
      <c r="GE19" s="102">
        <v>0</v>
      </c>
      <c r="GF19" s="103">
        <v>0</v>
      </c>
      <c r="GG19" s="104">
        <v>0</v>
      </c>
      <c r="GH19" s="101">
        <v>16</v>
      </c>
      <c r="GI19" s="102">
        <v>16</v>
      </c>
      <c r="GJ19" s="103">
        <v>32</v>
      </c>
      <c r="GK19" s="412">
        <v>0</v>
      </c>
      <c r="GL19" s="102">
        <v>21</v>
      </c>
      <c r="GM19" s="102">
        <v>21</v>
      </c>
      <c r="GN19" s="102">
        <v>18</v>
      </c>
      <c r="GO19" s="102">
        <v>15</v>
      </c>
      <c r="GP19" s="102">
        <v>5</v>
      </c>
      <c r="GQ19" s="103">
        <v>80</v>
      </c>
      <c r="GR19" s="104">
        <v>112</v>
      </c>
      <c r="GS19" s="105">
        <v>44</v>
      </c>
      <c r="GT19" s="97">
        <v>47</v>
      </c>
      <c r="GU19" s="98">
        <v>91</v>
      </c>
      <c r="GV19" s="412">
        <v>0</v>
      </c>
      <c r="GW19" s="97">
        <v>66</v>
      </c>
      <c r="GX19" s="97">
        <v>92</v>
      </c>
      <c r="GY19" s="97">
        <v>57</v>
      </c>
      <c r="GZ19" s="97">
        <v>38</v>
      </c>
      <c r="HA19" s="97">
        <v>21</v>
      </c>
      <c r="HB19" s="99">
        <v>274</v>
      </c>
      <c r="HC19" s="100">
        <v>365</v>
      </c>
      <c r="HD19" s="101">
        <v>0</v>
      </c>
      <c r="HE19" s="102">
        <v>3</v>
      </c>
      <c r="HF19" s="103">
        <v>3</v>
      </c>
      <c r="HG19" s="412">
        <v>0</v>
      </c>
      <c r="HH19" s="102">
        <v>0</v>
      </c>
      <c r="HI19" s="102">
        <v>3</v>
      </c>
      <c r="HJ19" s="102">
        <v>1</v>
      </c>
      <c r="HK19" s="102">
        <v>1</v>
      </c>
      <c r="HL19" s="102">
        <v>3</v>
      </c>
      <c r="HM19" s="103">
        <v>8</v>
      </c>
      <c r="HN19" s="104">
        <v>11</v>
      </c>
      <c r="HO19" s="101">
        <v>3</v>
      </c>
      <c r="HP19" s="102">
        <v>7</v>
      </c>
      <c r="HQ19" s="103">
        <v>10</v>
      </c>
      <c r="HR19" s="412">
        <v>0</v>
      </c>
      <c r="HS19" s="102">
        <v>3</v>
      </c>
      <c r="HT19" s="102">
        <v>10</v>
      </c>
      <c r="HU19" s="102">
        <v>3</v>
      </c>
      <c r="HV19" s="102">
        <v>1</v>
      </c>
      <c r="HW19" s="102">
        <v>1</v>
      </c>
      <c r="HX19" s="103">
        <v>18</v>
      </c>
      <c r="HY19" s="104">
        <v>28</v>
      </c>
      <c r="HZ19" s="101">
        <v>9</v>
      </c>
      <c r="IA19" s="102">
        <v>6</v>
      </c>
      <c r="IB19" s="103">
        <v>15</v>
      </c>
      <c r="IC19" s="412">
        <v>0</v>
      </c>
      <c r="ID19" s="102">
        <v>7</v>
      </c>
      <c r="IE19" s="102">
        <v>13</v>
      </c>
      <c r="IF19" s="102">
        <v>6</v>
      </c>
      <c r="IG19" s="102">
        <v>3</v>
      </c>
      <c r="IH19" s="102">
        <v>5</v>
      </c>
      <c r="II19" s="103">
        <v>34</v>
      </c>
      <c r="IJ19" s="104">
        <v>49</v>
      </c>
      <c r="IK19" s="101">
        <v>14</v>
      </c>
      <c r="IL19" s="102">
        <v>8</v>
      </c>
      <c r="IM19" s="103">
        <v>22</v>
      </c>
      <c r="IN19" s="412">
        <v>0</v>
      </c>
      <c r="IO19" s="102">
        <v>14</v>
      </c>
      <c r="IP19" s="102">
        <v>24</v>
      </c>
      <c r="IQ19" s="102">
        <v>16</v>
      </c>
      <c r="IR19" s="102">
        <v>6</v>
      </c>
      <c r="IS19" s="102">
        <v>1</v>
      </c>
      <c r="IT19" s="103">
        <v>61</v>
      </c>
      <c r="IU19" s="104">
        <v>83</v>
      </c>
      <c r="IV19" s="101">
        <v>12</v>
      </c>
      <c r="IW19" s="102">
        <v>10</v>
      </c>
      <c r="IX19" s="103">
        <v>22</v>
      </c>
      <c r="IY19" s="412">
        <v>0</v>
      </c>
      <c r="IZ19" s="102">
        <v>23</v>
      </c>
      <c r="JA19" s="102">
        <v>25</v>
      </c>
      <c r="JB19" s="102">
        <v>17</v>
      </c>
      <c r="JC19" s="102">
        <v>7</v>
      </c>
      <c r="JD19" s="102">
        <v>7</v>
      </c>
      <c r="JE19" s="103">
        <v>79</v>
      </c>
      <c r="JF19" s="104">
        <v>101</v>
      </c>
      <c r="JG19" s="101">
        <v>6</v>
      </c>
      <c r="JH19" s="102">
        <v>13</v>
      </c>
      <c r="JI19" s="103">
        <v>19</v>
      </c>
      <c r="JJ19" s="412">
        <v>0</v>
      </c>
      <c r="JK19" s="102">
        <v>19</v>
      </c>
      <c r="JL19" s="102">
        <v>17</v>
      </c>
      <c r="JM19" s="102">
        <v>14</v>
      </c>
      <c r="JN19" s="102">
        <v>20</v>
      </c>
      <c r="JO19" s="102">
        <v>4</v>
      </c>
      <c r="JP19" s="103">
        <v>74</v>
      </c>
      <c r="JQ19" s="104">
        <v>93</v>
      </c>
      <c r="JR19" s="101">
        <v>0</v>
      </c>
      <c r="JS19" s="102">
        <v>0</v>
      </c>
      <c r="JT19" s="103">
        <v>0</v>
      </c>
      <c r="JU19" s="412">
        <v>0</v>
      </c>
      <c r="JV19" s="102">
        <v>0</v>
      </c>
      <c r="JW19" s="102">
        <v>0</v>
      </c>
      <c r="JX19" s="102">
        <v>0</v>
      </c>
      <c r="JY19" s="102">
        <v>0</v>
      </c>
      <c r="JZ19" s="102">
        <v>0</v>
      </c>
      <c r="KA19" s="103">
        <v>0</v>
      </c>
      <c r="KB19" s="104">
        <v>0</v>
      </c>
      <c r="KC19" s="101">
        <v>44</v>
      </c>
      <c r="KD19" s="102">
        <v>47</v>
      </c>
      <c r="KE19" s="103">
        <v>91</v>
      </c>
      <c r="KF19" s="412">
        <v>0</v>
      </c>
      <c r="KG19" s="102">
        <v>66</v>
      </c>
      <c r="KH19" s="102">
        <v>92</v>
      </c>
      <c r="KI19" s="102">
        <v>57</v>
      </c>
      <c r="KJ19" s="102">
        <v>38</v>
      </c>
      <c r="KK19" s="102">
        <v>21</v>
      </c>
      <c r="KL19" s="103">
        <v>274</v>
      </c>
      <c r="KM19" s="104">
        <v>365</v>
      </c>
    </row>
    <row r="20" spans="2:299" s="70" customFormat="1" ht="21" customHeight="1" x14ac:dyDescent="0.2">
      <c r="B20" s="106" t="s">
        <v>17</v>
      </c>
      <c r="C20" s="96">
        <v>56</v>
      </c>
      <c r="D20" s="97">
        <v>56</v>
      </c>
      <c r="E20" s="98">
        <v>112</v>
      </c>
      <c r="F20" s="412">
        <v>0</v>
      </c>
      <c r="G20" s="97">
        <v>71</v>
      </c>
      <c r="H20" s="97">
        <v>94</v>
      </c>
      <c r="I20" s="97">
        <v>66</v>
      </c>
      <c r="J20" s="97">
        <v>48</v>
      </c>
      <c r="K20" s="97">
        <v>22</v>
      </c>
      <c r="L20" s="99">
        <v>301</v>
      </c>
      <c r="M20" s="100">
        <v>413</v>
      </c>
      <c r="N20" s="101">
        <v>4</v>
      </c>
      <c r="O20" s="102">
        <v>3</v>
      </c>
      <c r="P20" s="103">
        <v>7</v>
      </c>
      <c r="Q20" s="412">
        <v>0</v>
      </c>
      <c r="R20" s="102">
        <v>3</v>
      </c>
      <c r="S20" s="102">
        <v>3</v>
      </c>
      <c r="T20" s="102">
        <v>3</v>
      </c>
      <c r="U20" s="102">
        <v>6</v>
      </c>
      <c r="V20" s="102">
        <v>1</v>
      </c>
      <c r="W20" s="103">
        <v>16</v>
      </c>
      <c r="X20" s="104">
        <v>23</v>
      </c>
      <c r="Y20" s="101">
        <v>4</v>
      </c>
      <c r="Z20" s="102">
        <v>3</v>
      </c>
      <c r="AA20" s="103">
        <v>7</v>
      </c>
      <c r="AB20" s="412">
        <v>0</v>
      </c>
      <c r="AC20" s="102">
        <v>7</v>
      </c>
      <c r="AD20" s="102">
        <v>16</v>
      </c>
      <c r="AE20" s="102">
        <v>8</v>
      </c>
      <c r="AF20" s="102">
        <v>5</v>
      </c>
      <c r="AG20" s="102">
        <v>1</v>
      </c>
      <c r="AH20" s="103">
        <v>37</v>
      </c>
      <c r="AI20" s="104">
        <v>44</v>
      </c>
      <c r="AJ20" s="101">
        <v>9</v>
      </c>
      <c r="AK20" s="102">
        <v>6</v>
      </c>
      <c r="AL20" s="103">
        <v>15</v>
      </c>
      <c r="AM20" s="412">
        <v>0</v>
      </c>
      <c r="AN20" s="102">
        <v>9</v>
      </c>
      <c r="AO20" s="102">
        <v>10</v>
      </c>
      <c r="AP20" s="102">
        <v>9</v>
      </c>
      <c r="AQ20" s="102">
        <v>6</v>
      </c>
      <c r="AR20" s="102">
        <v>4</v>
      </c>
      <c r="AS20" s="103">
        <v>38</v>
      </c>
      <c r="AT20" s="104">
        <v>53</v>
      </c>
      <c r="AU20" s="101">
        <v>13</v>
      </c>
      <c r="AV20" s="102">
        <v>11</v>
      </c>
      <c r="AW20" s="103">
        <v>24</v>
      </c>
      <c r="AX20" s="412">
        <v>0</v>
      </c>
      <c r="AY20" s="102">
        <v>18</v>
      </c>
      <c r="AZ20" s="102">
        <v>26</v>
      </c>
      <c r="BA20" s="102">
        <v>15</v>
      </c>
      <c r="BB20" s="102">
        <v>8</v>
      </c>
      <c r="BC20" s="102">
        <v>6</v>
      </c>
      <c r="BD20" s="103">
        <v>73</v>
      </c>
      <c r="BE20" s="104">
        <v>97</v>
      </c>
      <c r="BF20" s="101">
        <v>18</v>
      </c>
      <c r="BG20" s="102">
        <v>15</v>
      </c>
      <c r="BH20" s="103">
        <v>33</v>
      </c>
      <c r="BI20" s="412">
        <v>0</v>
      </c>
      <c r="BJ20" s="102">
        <v>18</v>
      </c>
      <c r="BK20" s="102">
        <v>17</v>
      </c>
      <c r="BL20" s="102">
        <v>16</v>
      </c>
      <c r="BM20" s="102">
        <v>12</v>
      </c>
      <c r="BN20" s="102">
        <v>3</v>
      </c>
      <c r="BO20" s="103">
        <v>66</v>
      </c>
      <c r="BP20" s="104">
        <v>99</v>
      </c>
      <c r="BQ20" s="101">
        <v>8</v>
      </c>
      <c r="BR20" s="102">
        <v>18</v>
      </c>
      <c r="BS20" s="103">
        <v>26</v>
      </c>
      <c r="BT20" s="412">
        <v>0</v>
      </c>
      <c r="BU20" s="102">
        <v>16</v>
      </c>
      <c r="BV20" s="102">
        <v>22</v>
      </c>
      <c r="BW20" s="102">
        <v>15</v>
      </c>
      <c r="BX20" s="102">
        <v>11</v>
      </c>
      <c r="BY20" s="102">
        <v>7</v>
      </c>
      <c r="BZ20" s="103">
        <v>71</v>
      </c>
      <c r="CA20" s="104">
        <v>97</v>
      </c>
      <c r="CB20" s="101">
        <v>0</v>
      </c>
      <c r="CC20" s="102">
        <v>0</v>
      </c>
      <c r="CD20" s="103">
        <v>0</v>
      </c>
      <c r="CE20" s="412">
        <v>0</v>
      </c>
      <c r="CF20" s="102">
        <v>0</v>
      </c>
      <c r="CG20" s="102">
        <v>0</v>
      </c>
      <c r="CH20" s="102">
        <v>0</v>
      </c>
      <c r="CI20" s="102">
        <v>0</v>
      </c>
      <c r="CJ20" s="102">
        <v>0</v>
      </c>
      <c r="CK20" s="103">
        <v>0</v>
      </c>
      <c r="CL20" s="104">
        <v>0</v>
      </c>
      <c r="CM20" s="101">
        <v>56</v>
      </c>
      <c r="CN20" s="102">
        <v>56</v>
      </c>
      <c r="CO20" s="103">
        <v>112</v>
      </c>
      <c r="CP20" s="412">
        <v>0</v>
      </c>
      <c r="CQ20" s="102">
        <v>71</v>
      </c>
      <c r="CR20" s="102">
        <v>94</v>
      </c>
      <c r="CS20" s="102">
        <v>66</v>
      </c>
      <c r="CT20" s="102">
        <v>48</v>
      </c>
      <c r="CU20" s="102">
        <v>22</v>
      </c>
      <c r="CV20" s="103">
        <v>301</v>
      </c>
      <c r="CW20" s="104">
        <v>413</v>
      </c>
      <c r="CX20" s="105">
        <v>14</v>
      </c>
      <c r="CY20" s="97">
        <v>30</v>
      </c>
      <c r="CZ20" s="98">
        <v>44</v>
      </c>
      <c r="DA20" s="412">
        <v>0</v>
      </c>
      <c r="DB20" s="97">
        <v>34</v>
      </c>
      <c r="DC20" s="97">
        <v>37</v>
      </c>
      <c r="DD20" s="97">
        <v>29</v>
      </c>
      <c r="DE20" s="97">
        <v>17</v>
      </c>
      <c r="DF20" s="97">
        <v>26</v>
      </c>
      <c r="DG20" s="99">
        <v>143</v>
      </c>
      <c r="DH20" s="100">
        <v>187</v>
      </c>
      <c r="DI20" s="101">
        <v>1</v>
      </c>
      <c r="DJ20" s="102">
        <v>0</v>
      </c>
      <c r="DK20" s="103">
        <v>1</v>
      </c>
      <c r="DL20" s="412">
        <v>0</v>
      </c>
      <c r="DM20" s="102">
        <v>0</v>
      </c>
      <c r="DN20" s="102">
        <v>0</v>
      </c>
      <c r="DO20" s="102">
        <v>0</v>
      </c>
      <c r="DP20" s="102">
        <v>0</v>
      </c>
      <c r="DQ20" s="102">
        <v>0</v>
      </c>
      <c r="DR20" s="103">
        <v>0</v>
      </c>
      <c r="DS20" s="104">
        <v>1</v>
      </c>
      <c r="DT20" s="101">
        <v>3</v>
      </c>
      <c r="DU20" s="102">
        <v>2</v>
      </c>
      <c r="DV20" s="103">
        <v>5</v>
      </c>
      <c r="DW20" s="412">
        <v>0</v>
      </c>
      <c r="DX20" s="102">
        <v>2</v>
      </c>
      <c r="DY20" s="102">
        <v>2</v>
      </c>
      <c r="DZ20" s="102">
        <v>0</v>
      </c>
      <c r="EA20" s="102">
        <v>1</v>
      </c>
      <c r="EB20" s="102">
        <v>1</v>
      </c>
      <c r="EC20" s="103">
        <v>6</v>
      </c>
      <c r="ED20" s="104">
        <v>11</v>
      </c>
      <c r="EE20" s="101">
        <v>3</v>
      </c>
      <c r="EF20" s="102">
        <v>1</v>
      </c>
      <c r="EG20" s="103">
        <v>4</v>
      </c>
      <c r="EH20" s="412">
        <v>0</v>
      </c>
      <c r="EI20" s="102">
        <v>6</v>
      </c>
      <c r="EJ20" s="102">
        <v>4</v>
      </c>
      <c r="EK20" s="102">
        <v>7</v>
      </c>
      <c r="EL20" s="102">
        <v>4</v>
      </c>
      <c r="EM20" s="102">
        <v>1</v>
      </c>
      <c r="EN20" s="103">
        <v>22</v>
      </c>
      <c r="EO20" s="104">
        <v>26</v>
      </c>
      <c r="EP20" s="101">
        <v>2</v>
      </c>
      <c r="EQ20" s="102">
        <v>7</v>
      </c>
      <c r="ER20" s="103">
        <v>9</v>
      </c>
      <c r="ES20" s="412">
        <v>0</v>
      </c>
      <c r="ET20" s="102">
        <v>5</v>
      </c>
      <c r="EU20" s="102">
        <v>7</v>
      </c>
      <c r="EV20" s="102">
        <v>6</v>
      </c>
      <c r="EW20" s="102">
        <v>4</v>
      </c>
      <c r="EX20" s="102">
        <v>8</v>
      </c>
      <c r="EY20" s="103">
        <v>30</v>
      </c>
      <c r="EZ20" s="104">
        <v>39</v>
      </c>
      <c r="FA20" s="101">
        <v>5</v>
      </c>
      <c r="FB20" s="102">
        <v>13</v>
      </c>
      <c r="FC20" s="103">
        <v>18</v>
      </c>
      <c r="FD20" s="412">
        <v>0</v>
      </c>
      <c r="FE20" s="102">
        <v>10</v>
      </c>
      <c r="FF20" s="102">
        <v>11</v>
      </c>
      <c r="FG20" s="102">
        <v>4</v>
      </c>
      <c r="FH20" s="102">
        <v>2</v>
      </c>
      <c r="FI20" s="102">
        <v>7</v>
      </c>
      <c r="FJ20" s="103">
        <v>34</v>
      </c>
      <c r="FK20" s="104">
        <v>52</v>
      </c>
      <c r="FL20" s="101">
        <v>0</v>
      </c>
      <c r="FM20" s="102">
        <v>7</v>
      </c>
      <c r="FN20" s="103">
        <v>7</v>
      </c>
      <c r="FO20" s="412">
        <v>0</v>
      </c>
      <c r="FP20" s="102">
        <v>11</v>
      </c>
      <c r="FQ20" s="102">
        <v>13</v>
      </c>
      <c r="FR20" s="102">
        <v>12</v>
      </c>
      <c r="FS20" s="102">
        <v>6</v>
      </c>
      <c r="FT20" s="102">
        <v>9</v>
      </c>
      <c r="FU20" s="103">
        <v>51</v>
      </c>
      <c r="FV20" s="104">
        <v>58</v>
      </c>
      <c r="FW20" s="101">
        <v>0</v>
      </c>
      <c r="FX20" s="102">
        <v>0</v>
      </c>
      <c r="FY20" s="103">
        <v>0</v>
      </c>
      <c r="FZ20" s="412">
        <v>0</v>
      </c>
      <c r="GA20" s="102">
        <v>0</v>
      </c>
      <c r="GB20" s="102">
        <v>0</v>
      </c>
      <c r="GC20" s="102">
        <v>0</v>
      </c>
      <c r="GD20" s="102">
        <v>0</v>
      </c>
      <c r="GE20" s="102">
        <v>0</v>
      </c>
      <c r="GF20" s="103">
        <v>0</v>
      </c>
      <c r="GG20" s="104">
        <v>0</v>
      </c>
      <c r="GH20" s="101">
        <v>14</v>
      </c>
      <c r="GI20" s="102">
        <v>30</v>
      </c>
      <c r="GJ20" s="103">
        <v>44</v>
      </c>
      <c r="GK20" s="412">
        <v>0</v>
      </c>
      <c r="GL20" s="102">
        <v>34</v>
      </c>
      <c r="GM20" s="102">
        <v>37</v>
      </c>
      <c r="GN20" s="102">
        <v>29</v>
      </c>
      <c r="GO20" s="102">
        <v>17</v>
      </c>
      <c r="GP20" s="102">
        <v>26</v>
      </c>
      <c r="GQ20" s="103">
        <v>143</v>
      </c>
      <c r="GR20" s="104">
        <v>187</v>
      </c>
      <c r="GS20" s="105">
        <v>70</v>
      </c>
      <c r="GT20" s="97">
        <v>86</v>
      </c>
      <c r="GU20" s="98">
        <v>156</v>
      </c>
      <c r="GV20" s="412">
        <v>0</v>
      </c>
      <c r="GW20" s="97">
        <v>105</v>
      </c>
      <c r="GX20" s="97">
        <v>131</v>
      </c>
      <c r="GY20" s="97">
        <v>95</v>
      </c>
      <c r="GZ20" s="97">
        <v>65</v>
      </c>
      <c r="HA20" s="97">
        <v>48</v>
      </c>
      <c r="HB20" s="99">
        <v>444</v>
      </c>
      <c r="HC20" s="100">
        <v>600</v>
      </c>
      <c r="HD20" s="101">
        <v>5</v>
      </c>
      <c r="HE20" s="102">
        <v>3</v>
      </c>
      <c r="HF20" s="103">
        <v>8</v>
      </c>
      <c r="HG20" s="412">
        <v>0</v>
      </c>
      <c r="HH20" s="102">
        <v>3</v>
      </c>
      <c r="HI20" s="102">
        <v>3</v>
      </c>
      <c r="HJ20" s="102">
        <v>3</v>
      </c>
      <c r="HK20" s="102">
        <v>6</v>
      </c>
      <c r="HL20" s="102">
        <v>1</v>
      </c>
      <c r="HM20" s="103">
        <v>16</v>
      </c>
      <c r="HN20" s="104">
        <v>24</v>
      </c>
      <c r="HO20" s="101">
        <v>7</v>
      </c>
      <c r="HP20" s="102">
        <v>5</v>
      </c>
      <c r="HQ20" s="103">
        <v>12</v>
      </c>
      <c r="HR20" s="412">
        <v>0</v>
      </c>
      <c r="HS20" s="102">
        <v>9</v>
      </c>
      <c r="HT20" s="102">
        <v>18</v>
      </c>
      <c r="HU20" s="102">
        <v>8</v>
      </c>
      <c r="HV20" s="102">
        <v>6</v>
      </c>
      <c r="HW20" s="102">
        <v>2</v>
      </c>
      <c r="HX20" s="103">
        <v>43</v>
      </c>
      <c r="HY20" s="104">
        <v>55</v>
      </c>
      <c r="HZ20" s="101">
        <v>12</v>
      </c>
      <c r="IA20" s="102">
        <v>7</v>
      </c>
      <c r="IB20" s="103">
        <v>19</v>
      </c>
      <c r="IC20" s="412">
        <v>0</v>
      </c>
      <c r="ID20" s="102">
        <v>15</v>
      </c>
      <c r="IE20" s="102">
        <v>14</v>
      </c>
      <c r="IF20" s="102">
        <v>16</v>
      </c>
      <c r="IG20" s="102">
        <v>10</v>
      </c>
      <c r="IH20" s="102">
        <v>5</v>
      </c>
      <c r="II20" s="103">
        <v>60</v>
      </c>
      <c r="IJ20" s="104">
        <v>79</v>
      </c>
      <c r="IK20" s="101">
        <v>15</v>
      </c>
      <c r="IL20" s="102">
        <v>18</v>
      </c>
      <c r="IM20" s="103">
        <v>33</v>
      </c>
      <c r="IN20" s="412">
        <v>0</v>
      </c>
      <c r="IO20" s="102">
        <v>23</v>
      </c>
      <c r="IP20" s="102">
        <v>33</v>
      </c>
      <c r="IQ20" s="102">
        <v>21</v>
      </c>
      <c r="IR20" s="102">
        <v>12</v>
      </c>
      <c r="IS20" s="102">
        <v>14</v>
      </c>
      <c r="IT20" s="103">
        <v>103</v>
      </c>
      <c r="IU20" s="104">
        <v>136</v>
      </c>
      <c r="IV20" s="101">
        <v>23</v>
      </c>
      <c r="IW20" s="102">
        <v>28</v>
      </c>
      <c r="IX20" s="103">
        <v>51</v>
      </c>
      <c r="IY20" s="412">
        <v>0</v>
      </c>
      <c r="IZ20" s="102">
        <v>28</v>
      </c>
      <c r="JA20" s="102">
        <v>28</v>
      </c>
      <c r="JB20" s="102">
        <v>20</v>
      </c>
      <c r="JC20" s="102">
        <v>14</v>
      </c>
      <c r="JD20" s="102">
        <v>10</v>
      </c>
      <c r="JE20" s="103">
        <v>100</v>
      </c>
      <c r="JF20" s="104">
        <v>151</v>
      </c>
      <c r="JG20" s="101">
        <v>8</v>
      </c>
      <c r="JH20" s="102">
        <v>25</v>
      </c>
      <c r="JI20" s="103">
        <v>33</v>
      </c>
      <c r="JJ20" s="412">
        <v>0</v>
      </c>
      <c r="JK20" s="102">
        <v>27</v>
      </c>
      <c r="JL20" s="102">
        <v>35</v>
      </c>
      <c r="JM20" s="102">
        <v>27</v>
      </c>
      <c r="JN20" s="102">
        <v>17</v>
      </c>
      <c r="JO20" s="102">
        <v>16</v>
      </c>
      <c r="JP20" s="103">
        <v>122</v>
      </c>
      <c r="JQ20" s="104">
        <v>155</v>
      </c>
      <c r="JR20" s="101">
        <v>0</v>
      </c>
      <c r="JS20" s="102">
        <v>0</v>
      </c>
      <c r="JT20" s="103">
        <v>0</v>
      </c>
      <c r="JU20" s="412">
        <v>0</v>
      </c>
      <c r="JV20" s="102">
        <v>0</v>
      </c>
      <c r="JW20" s="102">
        <v>0</v>
      </c>
      <c r="JX20" s="102">
        <v>0</v>
      </c>
      <c r="JY20" s="102">
        <v>0</v>
      </c>
      <c r="JZ20" s="102">
        <v>0</v>
      </c>
      <c r="KA20" s="103">
        <v>0</v>
      </c>
      <c r="KB20" s="104">
        <v>0</v>
      </c>
      <c r="KC20" s="101">
        <v>70</v>
      </c>
      <c r="KD20" s="102">
        <v>86</v>
      </c>
      <c r="KE20" s="103">
        <v>156</v>
      </c>
      <c r="KF20" s="412">
        <v>0</v>
      </c>
      <c r="KG20" s="102">
        <v>105</v>
      </c>
      <c r="KH20" s="102">
        <v>131</v>
      </c>
      <c r="KI20" s="102">
        <v>95</v>
      </c>
      <c r="KJ20" s="102">
        <v>65</v>
      </c>
      <c r="KK20" s="102">
        <v>48</v>
      </c>
      <c r="KL20" s="103">
        <v>444</v>
      </c>
      <c r="KM20" s="104">
        <v>600</v>
      </c>
    </row>
    <row r="21" spans="2:299" s="70" customFormat="1" ht="21" customHeight="1" x14ac:dyDescent="0.2">
      <c r="B21" s="106" t="s">
        <v>18</v>
      </c>
      <c r="C21" s="96">
        <v>71</v>
      </c>
      <c r="D21" s="97">
        <v>59</v>
      </c>
      <c r="E21" s="98">
        <v>130</v>
      </c>
      <c r="F21" s="412">
        <v>0</v>
      </c>
      <c r="G21" s="97">
        <v>124</v>
      </c>
      <c r="H21" s="97">
        <v>92</v>
      </c>
      <c r="I21" s="97">
        <v>60</v>
      </c>
      <c r="J21" s="97">
        <v>44</v>
      </c>
      <c r="K21" s="97">
        <v>29</v>
      </c>
      <c r="L21" s="99">
        <v>349</v>
      </c>
      <c r="M21" s="100">
        <v>479</v>
      </c>
      <c r="N21" s="101">
        <v>7</v>
      </c>
      <c r="O21" s="102">
        <v>2</v>
      </c>
      <c r="P21" s="103">
        <v>9</v>
      </c>
      <c r="Q21" s="412">
        <v>0</v>
      </c>
      <c r="R21" s="102">
        <v>11</v>
      </c>
      <c r="S21" s="102">
        <v>3</v>
      </c>
      <c r="T21" s="102">
        <v>4</v>
      </c>
      <c r="U21" s="102">
        <v>1</v>
      </c>
      <c r="V21" s="102">
        <v>4</v>
      </c>
      <c r="W21" s="103">
        <v>23</v>
      </c>
      <c r="X21" s="104">
        <v>32</v>
      </c>
      <c r="Y21" s="101">
        <v>7</v>
      </c>
      <c r="Z21" s="102">
        <v>8</v>
      </c>
      <c r="AA21" s="103">
        <v>15</v>
      </c>
      <c r="AB21" s="412">
        <v>0</v>
      </c>
      <c r="AC21" s="102">
        <v>9</v>
      </c>
      <c r="AD21" s="102">
        <v>5</v>
      </c>
      <c r="AE21" s="102">
        <v>4</v>
      </c>
      <c r="AF21" s="102">
        <v>2</v>
      </c>
      <c r="AG21" s="102">
        <v>2</v>
      </c>
      <c r="AH21" s="103">
        <v>22</v>
      </c>
      <c r="AI21" s="104">
        <v>37</v>
      </c>
      <c r="AJ21" s="101">
        <v>9</v>
      </c>
      <c r="AK21" s="102">
        <v>7</v>
      </c>
      <c r="AL21" s="103">
        <v>16</v>
      </c>
      <c r="AM21" s="412">
        <v>0</v>
      </c>
      <c r="AN21" s="102">
        <v>17</v>
      </c>
      <c r="AO21" s="102">
        <v>9</v>
      </c>
      <c r="AP21" s="102">
        <v>8</v>
      </c>
      <c r="AQ21" s="102">
        <v>8</v>
      </c>
      <c r="AR21" s="102">
        <v>7</v>
      </c>
      <c r="AS21" s="103">
        <v>49</v>
      </c>
      <c r="AT21" s="104">
        <v>65</v>
      </c>
      <c r="AU21" s="101">
        <v>16</v>
      </c>
      <c r="AV21" s="102">
        <v>18</v>
      </c>
      <c r="AW21" s="103">
        <v>34</v>
      </c>
      <c r="AX21" s="412">
        <v>0</v>
      </c>
      <c r="AY21" s="102">
        <v>29</v>
      </c>
      <c r="AZ21" s="102">
        <v>24</v>
      </c>
      <c r="BA21" s="102">
        <v>17</v>
      </c>
      <c r="BB21" s="102">
        <v>11</v>
      </c>
      <c r="BC21" s="102">
        <v>6</v>
      </c>
      <c r="BD21" s="103">
        <v>87</v>
      </c>
      <c r="BE21" s="104">
        <v>121</v>
      </c>
      <c r="BF21" s="101">
        <v>18</v>
      </c>
      <c r="BG21" s="102">
        <v>15</v>
      </c>
      <c r="BH21" s="103">
        <v>33</v>
      </c>
      <c r="BI21" s="412">
        <v>0</v>
      </c>
      <c r="BJ21" s="102">
        <v>28</v>
      </c>
      <c r="BK21" s="102">
        <v>27</v>
      </c>
      <c r="BL21" s="102">
        <v>14</v>
      </c>
      <c r="BM21" s="102">
        <v>12</v>
      </c>
      <c r="BN21" s="102">
        <v>6</v>
      </c>
      <c r="BO21" s="103">
        <v>87</v>
      </c>
      <c r="BP21" s="104">
        <v>120</v>
      </c>
      <c r="BQ21" s="101">
        <v>14</v>
      </c>
      <c r="BR21" s="102">
        <v>9</v>
      </c>
      <c r="BS21" s="103">
        <v>23</v>
      </c>
      <c r="BT21" s="412">
        <v>0</v>
      </c>
      <c r="BU21" s="102">
        <v>30</v>
      </c>
      <c r="BV21" s="102">
        <v>24</v>
      </c>
      <c r="BW21" s="102">
        <v>13</v>
      </c>
      <c r="BX21" s="102">
        <v>10</v>
      </c>
      <c r="BY21" s="102">
        <v>4</v>
      </c>
      <c r="BZ21" s="103">
        <v>81</v>
      </c>
      <c r="CA21" s="104">
        <v>104</v>
      </c>
      <c r="CB21" s="101">
        <v>0</v>
      </c>
      <c r="CC21" s="102">
        <v>0</v>
      </c>
      <c r="CD21" s="103">
        <v>0</v>
      </c>
      <c r="CE21" s="412">
        <v>0</v>
      </c>
      <c r="CF21" s="102">
        <v>0</v>
      </c>
      <c r="CG21" s="102">
        <v>0</v>
      </c>
      <c r="CH21" s="102">
        <v>0</v>
      </c>
      <c r="CI21" s="102">
        <v>0</v>
      </c>
      <c r="CJ21" s="102">
        <v>0</v>
      </c>
      <c r="CK21" s="103">
        <v>0</v>
      </c>
      <c r="CL21" s="104">
        <v>0</v>
      </c>
      <c r="CM21" s="101">
        <v>71</v>
      </c>
      <c r="CN21" s="102">
        <v>59</v>
      </c>
      <c r="CO21" s="103">
        <v>130</v>
      </c>
      <c r="CP21" s="412">
        <v>0</v>
      </c>
      <c r="CQ21" s="102">
        <v>124</v>
      </c>
      <c r="CR21" s="102">
        <v>92</v>
      </c>
      <c r="CS21" s="102">
        <v>60</v>
      </c>
      <c r="CT21" s="102">
        <v>44</v>
      </c>
      <c r="CU21" s="102">
        <v>29</v>
      </c>
      <c r="CV21" s="103">
        <v>349</v>
      </c>
      <c r="CW21" s="104">
        <v>479</v>
      </c>
      <c r="CX21" s="105">
        <v>23</v>
      </c>
      <c r="CY21" s="97">
        <v>38</v>
      </c>
      <c r="CZ21" s="98">
        <v>61</v>
      </c>
      <c r="DA21" s="412">
        <v>0</v>
      </c>
      <c r="DB21" s="97">
        <v>44</v>
      </c>
      <c r="DC21" s="97">
        <v>33</v>
      </c>
      <c r="DD21" s="97">
        <v>40</v>
      </c>
      <c r="DE21" s="97">
        <v>28</v>
      </c>
      <c r="DF21" s="97">
        <v>27</v>
      </c>
      <c r="DG21" s="99">
        <v>172</v>
      </c>
      <c r="DH21" s="100">
        <v>233</v>
      </c>
      <c r="DI21" s="101">
        <v>0</v>
      </c>
      <c r="DJ21" s="102">
        <v>1</v>
      </c>
      <c r="DK21" s="103">
        <v>1</v>
      </c>
      <c r="DL21" s="412">
        <v>0</v>
      </c>
      <c r="DM21" s="102">
        <v>3</v>
      </c>
      <c r="DN21" s="102">
        <v>2</v>
      </c>
      <c r="DO21" s="102">
        <v>2</v>
      </c>
      <c r="DP21" s="102">
        <v>0</v>
      </c>
      <c r="DQ21" s="102">
        <v>2</v>
      </c>
      <c r="DR21" s="103">
        <v>9</v>
      </c>
      <c r="DS21" s="104">
        <v>10</v>
      </c>
      <c r="DT21" s="101">
        <v>2</v>
      </c>
      <c r="DU21" s="102">
        <v>7</v>
      </c>
      <c r="DV21" s="103">
        <v>9</v>
      </c>
      <c r="DW21" s="412">
        <v>0</v>
      </c>
      <c r="DX21" s="102">
        <v>3</v>
      </c>
      <c r="DY21" s="102">
        <v>1</v>
      </c>
      <c r="DZ21" s="102">
        <v>1</v>
      </c>
      <c r="EA21" s="102">
        <v>1</v>
      </c>
      <c r="EB21" s="102">
        <v>1</v>
      </c>
      <c r="EC21" s="103">
        <v>7</v>
      </c>
      <c r="ED21" s="104">
        <v>16</v>
      </c>
      <c r="EE21" s="101">
        <v>2</v>
      </c>
      <c r="EF21" s="102">
        <v>9</v>
      </c>
      <c r="EG21" s="103">
        <v>11</v>
      </c>
      <c r="EH21" s="412">
        <v>0</v>
      </c>
      <c r="EI21" s="102">
        <v>6</v>
      </c>
      <c r="EJ21" s="102">
        <v>5</v>
      </c>
      <c r="EK21" s="102">
        <v>2</v>
      </c>
      <c r="EL21" s="102">
        <v>1</v>
      </c>
      <c r="EM21" s="102">
        <v>1</v>
      </c>
      <c r="EN21" s="103">
        <v>15</v>
      </c>
      <c r="EO21" s="104">
        <v>26</v>
      </c>
      <c r="EP21" s="101">
        <v>11</v>
      </c>
      <c r="EQ21" s="102">
        <v>7</v>
      </c>
      <c r="ER21" s="103">
        <v>18</v>
      </c>
      <c r="ES21" s="412">
        <v>0</v>
      </c>
      <c r="ET21" s="102">
        <v>6</v>
      </c>
      <c r="EU21" s="102">
        <v>7</v>
      </c>
      <c r="EV21" s="102">
        <v>5</v>
      </c>
      <c r="EW21" s="102">
        <v>5</v>
      </c>
      <c r="EX21" s="102">
        <v>5</v>
      </c>
      <c r="EY21" s="103">
        <v>28</v>
      </c>
      <c r="EZ21" s="104">
        <v>46</v>
      </c>
      <c r="FA21" s="101">
        <v>7</v>
      </c>
      <c r="FB21" s="102">
        <v>11</v>
      </c>
      <c r="FC21" s="103">
        <v>18</v>
      </c>
      <c r="FD21" s="412">
        <v>0</v>
      </c>
      <c r="FE21" s="102">
        <v>15</v>
      </c>
      <c r="FF21" s="102">
        <v>9</v>
      </c>
      <c r="FG21" s="102">
        <v>9</v>
      </c>
      <c r="FH21" s="102">
        <v>7</v>
      </c>
      <c r="FI21" s="102">
        <v>6</v>
      </c>
      <c r="FJ21" s="103">
        <v>46</v>
      </c>
      <c r="FK21" s="104">
        <v>64</v>
      </c>
      <c r="FL21" s="101">
        <v>1</v>
      </c>
      <c r="FM21" s="102">
        <v>3</v>
      </c>
      <c r="FN21" s="103">
        <v>4</v>
      </c>
      <c r="FO21" s="412">
        <v>0</v>
      </c>
      <c r="FP21" s="102">
        <v>11</v>
      </c>
      <c r="FQ21" s="102">
        <v>9</v>
      </c>
      <c r="FR21" s="102">
        <v>21</v>
      </c>
      <c r="FS21" s="102">
        <v>14</v>
      </c>
      <c r="FT21" s="102">
        <v>12</v>
      </c>
      <c r="FU21" s="103">
        <v>67</v>
      </c>
      <c r="FV21" s="104">
        <v>71</v>
      </c>
      <c r="FW21" s="101">
        <v>0</v>
      </c>
      <c r="FX21" s="102">
        <v>0</v>
      </c>
      <c r="FY21" s="103">
        <v>0</v>
      </c>
      <c r="FZ21" s="412">
        <v>0</v>
      </c>
      <c r="GA21" s="102">
        <v>0</v>
      </c>
      <c r="GB21" s="102">
        <v>0</v>
      </c>
      <c r="GC21" s="102">
        <v>0</v>
      </c>
      <c r="GD21" s="102">
        <v>0</v>
      </c>
      <c r="GE21" s="102">
        <v>0</v>
      </c>
      <c r="GF21" s="103">
        <v>0</v>
      </c>
      <c r="GG21" s="104">
        <v>0</v>
      </c>
      <c r="GH21" s="101">
        <v>23</v>
      </c>
      <c r="GI21" s="102">
        <v>38</v>
      </c>
      <c r="GJ21" s="103">
        <v>61</v>
      </c>
      <c r="GK21" s="412">
        <v>0</v>
      </c>
      <c r="GL21" s="102">
        <v>44</v>
      </c>
      <c r="GM21" s="102">
        <v>33</v>
      </c>
      <c r="GN21" s="102">
        <v>40</v>
      </c>
      <c r="GO21" s="102">
        <v>28</v>
      </c>
      <c r="GP21" s="102">
        <v>27</v>
      </c>
      <c r="GQ21" s="103">
        <v>172</v>
      </c>
      <c r="GR21" s="104">
        <v>233</v>
      </c>
      <c r="GS21" s="105">
        <v>94</v>
      </c>
      <c r="GT21" s="97">
        <v>97</v>
      </c>
      <c r="GU21" s="98">
        <v>191</v>
      </c>
      <c r="GV21" s="412">
        <v>0</v>
      </c>
      <c r="GW21" s="97">
        <v>168</v>
      </c>
      <c r="GX21" s="97">
        <v>125</v>
      </c>
      <c r="GY21" s="97">
        <v>100</v>
      </c>
      <c r="GZ21" s="97">
        <v>72</v>
      </c>
      <c r="HA21" s="97">
        <v>56</v>
      </c>
      <c r="HB21" s="99">
        <v>521</v>
      </c>
      <c r="HC21" s="100">
        <v>712</v>
      </c>
      <c r="HD21" s="101">
        <v>7</v>
      </c>
      <c r="HE21" s="102">
        <v>3</v>
      </c>
      <c r="HF21" s="103">
        <v>10</v>
      </c>
      <c r="HG21" s="412">
        <v>0</v>
      </c>
      <c r="HH21" s="102">
        <v>14</v>
      </c>
      <c r="HI21" s="102">
        <v>5</v>
      </c>
      <c r="HJ21" s="102">
        <v>6</v>
      </c>
      <c r="HK21" s="102">
        <v>1</v>
      </c>
      <c r="HL21" s="102">
        <v>6</v>
      </c>
      <c r="HM21" s="103">
        <v>32</v>
      </c>
      <c r="HN21" s="104">
        <v>42</v>
      </c>
      <c r="HO21" s="101">
        <v>9</v>
      </c>
      <c r="HP21" s="102">
        <v>15</v>
      </c>
      <c r="HQ21" s="103">
        <v>24</v>
      </c>
      <c r="HR21" s="412">
        <v>0</v>
      </c>
      <c r="HS21" s="102">
        <v>12</v>
      </c>
      <c r="HT21" s="102">
        <v>6</v>
      </c>
      <c r="HU21" s="102">
        <v>5</v>
      </c>
      <c r="HV21" s="102">
        <v>3</v>
      </c>
      <c r="HW21" s="102">
        <v>3</v>
      </c>
      <c r="HX21" s="103">
        <v>29</v>
      </c>
      <c r="HY21" s="104">
        <v>53</v>
      </c>
      <c r="HZ21" s="101">
        <v>11</v>
      </c>
      <c r="IA21" s="102">
        <v>16</v>
      </c>
      <c r="IB21" s="103">
        <v>27</v>
      </c>
      <c r="IC21" s="412">
        <v>0</v>
      </c>
      <c r="ID21" s="102">
        <v>23</v>
      </c>
      <c r="IE21" s="102">
        <v>14</v>
      </c>
      <c r="IF21" s="102">
        <v>10</v>
      </c>
      <c r="IG21" s="102">
        <v>9</v>
      </c>
      <c r="IH21" s="102">
        <v>8</v>
      </c>
      <c r="II21" s="103">
        <v>64</v>
      </c>
      <c r="IJ21" s="104">
        <v>91</v>
      </c>
      <c r="IK21" s="101">
        <v>27</v>
      </c>
      <c r="IL21" s="102">
        <v>25</v>
      </c>
      <c r="IM21" s="103">
        <v>52</v>
      </c>
      <c r="IN21" s="412">
        <v>0</v>
      </c>
      <c r="IO21" s="102">
        <v>35</v>
      </c>
      <c r="IP21" s="102">
        <v>31</v>
      </c>
      <c r="IQ21" s="102">
        <v>22</v>
      </c>
      <c r="IR21" s="102">
        <v>16</v>
      </c>
      <c r="IS21" s="102">
        <v>11</v>
      </c>
      <c r="IT21" s="103">
        <v>115</v>
      </c>
      <c r="IU21" s="104">
        <v>167</v>
      </c>
      <c r="IV21" s="101">
        <v>25</v>
      </c>
      <c r="IW21" s="102">
        <v>26</v>
      </c>
      <c r="IX21" s="103">
        <v>51</v>
      </c>
      <c r="IY21" s="412">
        <v>0</v>
      </c>
      <c r="IZ21" s="102">
        <v>43</v>
      </c>
      <c r="JA21" s="102">
        <v>36</v>
      </c>
      <c r="JB21" s="102">
        <v>23</v>
      </c>
      <c r="JC21" s="102">
        <v>19</v>
      </c>
      <c r="JD21" s="102">
        <v>12</v>
      </c>
      <c r="JE21" s="103">
        <v>133</v>
      </c>
      <c r="JF21" s="104">
        <v>184</v>
      </c>
      <c r="JG21" s="101">
        <v>15</v>
      </c>
      <c r="JH21" s="102">
        <v>12</v>
      </c>
      <c r="JI21" s="103">
        <v>27</v>
      </c>
      <c r="JJ21" s="412">
        <v>0</v>
      </c>
      <c r="JK21" s="102">
        <v>41</v>
      </c>
      <c r="JL21" s="102">
        <v>33</v>
      </c>
      <c r="JM21" s="102">
        <v>34</v>
      </c>
      <c r="JN21" s="102">
        <v>24</v>
      </c>
      <c r="JO21" s="102">
        <v>16</v>
      </c>
      <c r="JP21" s="103">
        <v>148</v>
      </c>
      <c r="JQ21" s="104">
        <v>175</v>
      </c>
      <c r="JR21" s="101">
        <v>0</v>
      </c>
      <c r="JS21" s="102">
        <v>0</v>
      </c>
      <c r="JT21" s="103">
        <v>0</v>
      </c>
      <c r="JU21" s="412">
        <v>0</v>
      </c>
      <c r="JV21" s="102">
        <v>0</v>
      </c>
      <c r="JW21" s="102">
        <v>0</v>
      </c>
      <c r="JX21" s="102">
        <v>0</v>
      </c>
      <c r="JY21" s="102">
        <v>0</v>
      </c>
      <c r="JZ21" s="102">
        <v>0</v>
      </c>
      <c r="KA21" s="103">
        <v>0</v>
      </c>
      <c r="KB21" s="104">
        <v>0</v>
      </c>
      <c r="KC21" s="101">
        <v>94</v>
      </c>
      <c r="KD21" s="102">
        <v>97</v>
      </c>
      <c r="KE21" s="103">
        <v>191</v>
      </c>
      <c r="KF21" s="412">
        <v>0</v>
      </c>
      <c r="KG21" s="102">
        <v>168</v>
      </c>
      <c r="KH21" s="102">
        <v>125</v>
      </c>
      <c r="KI21" s="102">
        <v>100</v>
      </c>
      <c r="KJ21" s="102">
        <v>72</v>
      </c>
      <c r="KK21" s="102">
        <v>56</v>
      </c>
      <c r="KL21" s="103">
        <v>521</v>
      </c>
      <c r="KM21" s="104">
        <v>712</v>
      </c>
    </row>
    <row r="22" spans="2:299" s="70" customFormat="1" ht="21" customHeight="1" x14ac:dyDescent="0.2">
      <c r="B22" s="106" t="s">
        <v>19</v>
      </c>
      <c r="C22" s="96">
        <v>34</v>
      </c>
      <c r="D22" s="97">
        <v>19</v>
      </c>
      <c r="E22" s="98">
        <v>53</v>
      </c>
      <c r="F22" s="412">
        <v>0</v>
      </c>
      <c r="G22" s="97">
        <v>53</v>
      </c>
      <c r="H22" s="97">
        <v>43</v>
      </c>
      <c r="I22" s="97">
        <v>22</v>
      </c>
      <c r="J22" s="97">
        <v>14</v>
      </c>
      <c r="K22" s="97">
        <v>12</v>
      </c>
      <c r="L22" s="99">
        <v>144</v>
      </c>
      <c r="M22" s="100">
        <v>197</v>
      </c>
      <c r="N22" s="107">
        <v>1</v>
      </c>
      <c r="O22" s="102">
        <v>1</v>
      </c>
      <c r="P22" s="103">
        <v>2</v>
      </c>
      <c r="Q22" s="412">
        <v>0</v>
      </c>
      <c r="R22" s="102">
        <v>2</v>
      </c>
      <c r="S22" s="102">
        <v>1</v>
      </c>
      <c r="T22" s="102">
        <v>2</v>
      </c>
      <c r="U22" s="102">
        <v>0</v>
      </c>
      <c r="V22" s="102">
        <v>0</v>
      </c>
      <c r="W22" s="103">
        <v>5</v>
      </c>
      <c r="X22" s="104">
        <v>7</v>
      </c>
      <c r="Y22" s="101">
        <v>3</v>
      </c>
      <c r="Z22" s="102">
        <v>1</v>
      </c>
      <c r="AA22" s="103">
        <v>4</v>
      </c>
      <c r="AB22" s="412">
        <v>0</v>
      </c>
      <c r="AC22" s="102">
        <v>6</v>
      </c>
      <c r="AD22" s="102">
        <v>3</v>
      </c>
      <c r="AE22" s="102">
        <v>2</v>
      </c>
      <c r="AF22" s="102">
        <v>1</v>
      </c>
      <c r="AG22" s="102">
        <v>1</v>
      </c>
      <c r="AH22" s="103">
        <v>13</v>
      </c>
      <c r="AI22" s="104">
        <v>17</v>
      </c>
      <c r="AJ22" s="107">
        <v>5</v>
      </c>
      <c r="AK22" s="102">
        <v>3</v>
      </c>
      <c r="AL22" s="103">
        <v>8</v>
      </c>
      <c r="AM22" s="412">
        <v>0</v>
      </c>
      <c r="AN22" s="102">
        <v>6</v>
      </c>
      <c r="AO22" s="102">
        <v>5</v>
      </c>
      <c r="AP22" s="102">
        <v>3</v>
      </c>
      <c r="AQ22" s="102">
        <v>3</v>
      </c>
      <c r="AR22" s="102">
        <v>1</v>
      </c>
      <c r="AS22" s="103">
        <v>18</v>
      </c>
      <c r="AT22" s="104">
        <v>26</v>
      </c>
      <c r="AU22" s="101">
        <v>6</v>
      </c>
      <c r="AV22" s="102">
        <v>4</v>
      </c>
      <c r="AW22" s="103">
        <v>10</v>
      </c>
      <c r="AX22" s="412">
        <v>0</v>
      </c>
      <c r="AY22" s="102">
        <v>12</v>
      </c>
      <c r="AZ22" s="102">
        <v>12</v>
      </c>
      <c r="BA22" s="102">
        <v>4</v>
      </c>
      <c r="BB22" s="102">
        <v>1</v>
      </c>
      <c r="BC22" s="102">
        <v>5</v>
      </c>
      <c r="BD22" s="103">
        <v>34</v>
      </c>
      <c r="BE22" s="104">
        <v>44</v>
      </c>
      <c r="BF22" s="107">
        <v>10</v>
      </c>
      <c r="BG22" s="102">
        <v>2</v>
      </c>
      <c r="BH22" s="103">
        <v>12</v>
      </c>
      <c r="BI22" s="412">
        <v>0</v>
      </c>
      <c r="BJ22" s="102">
        <v>11</v>
      </c>
      <c r="BK22" s="102">
        <v>12</v>
      </c>
      <c r="BL22" s="102">
        <v>2</v>
      </c>
      <c r="BM22" s="102">
        <v>6</v>
      </c>
      <c r="BN22" s="102">
        <v>2</v>
      </c>
      <c r="BO22" s="103">
        <v>33</v>
      </c>
      <c r="BP22" s="104">
        <v>45</v>
      </c>
      <c r="BQ22" s="101">
        <v>9</v>
      </c>
      <c r="BR22" s="102">
        <v>8</v>
      </c>
      <c r="BS22" s="103">
        <v>17</v>
      </c>
      <c r="BT22" s="412">
        <v>0</v>
      </c>
      <c r="BU22" s="102">
        <v>16</v>
      </c>
      <c r="BV22" s="102">
        <v>10</v>
      </c>
      <c r="BW22" s="102">
        <v>9</v>
      </c>
      <c r="BX22" s="102">
        <v>3</v>
      </c>
      <c r="BY22" s="102">
        <v>3</v>
      </c>
      <c r="BZ22" s="103">
        <v>41</v>
      </c>
      <c r="CA22" s="104">
        <v>58</v>
      </c>
      <c r="CB22" s="101">
        <v>0</v>
      </c>
      <c r="CC22" s="102">
        <v>0</v>
      </c>
      <c r="CD22" s="103">
        <v>0</v>
      </c>
      <c r="CE22" s="412">
        <v>0</v>
      </c>
      <c r="CF22" s="102">
        <v>0</v>
      </c>
      <c r="CG22" s="102">
        <v>0</v>
      </c>
      <c r="CH22" s="102">
        <v>0</v>
      </c>
      <c r="CI22" s="102">
        <v>0</v>
      </c>
      <c r="CJ22" s="102">
        <v>0</v>
      </c>
      <c r="CK22" s="103">
        <v>0</v>
      </c>
      <c r="CL22" s="104">
        <v>0</v>
      </c>
      <c r="CM22" s="101">
        <v>34</v>
      </c>
      <c r="CN22" s="102">
        <v>19</v>
      </c>
      <c r="CO22" s="103">
        <v>53</v>
      </c>
      <c r="CP22" s="412">
        <v>0</v>
      </c>
      <c r="CQ22" s="102">
        <v>53</v>
      </c>
      <c r="CR22" s="102">
        <v>43</v>
      </c>
      <c r="CS22" s="102">
        <v>22</v>
      </c>
      <c r="CT22" s="102">
        <v>14</v>
      </c>
      <c r="CU22" s="102">
        <v>12</v>
      </c>
      <c r="CV22" s="103">
        <v>144</v>
      </c>
      <c r="CW22" s="104">
        <v>197</v>
      </c>
      <c r="CX22" s="105">
        <v>14</v>
      </c>
      <c r="CY22" s="97">
        <v>3</v>
      </c>
      <c r="CZ22" s="98">
        <v>17</v>
      </c>
      <c r="DA22" s="412">
        <v>0</v>
      </c>
      <c r="DB22" s="97">
        <v>16</v>
      </c>
      <c r="DC22" s="97">
        <v>8</v>
      </c>
      <c r="DD22" s="97">
        <v>15</v>
      </c>
      <c r="DE22" s="97">
        <v>2</v>
      </c>
      <c r="DF22" s="97">
        <v>4</v>
      </c>
      <c r="DG22" s="99">
        <v>45</v>
      </c>
      <c r="DH22" s="100">
        <v>62</v>
      </c>
      <c r="DI22" s="107">
        <v>1</v>
      </c>
      <c r="DJ22" s="102">
        <v>0</v>
      </c>
      <c r="DK22" s="103">
        <v>1</v>
      </c>
      <c r="DL22" s="412">
        <v>0</v>
      </c>
      <c r="DM22" s="102">
        <v>0</v>
      </c>
      <c r="DN22" s="102">
        <v>0</v>
      </c>
      <c r="DO22" s="102">
        <v>1</v>
      </c>
      <c r="DP22" s="102">
        <v>1</v>
      </c>
      <c r="DQ22" s="102">
        <v>0</v>
      </c>
      <c r="DR22" s="103">
        <v>2</v>
      </c>
      <c r="DS22" s="104">
        <v>3</v>
      </c>
      <c r="DT22" s="101">
        <v>1</v>
      </c>
      <c r="DU22" s="102">
        <v>0</v>
      </c>
      <c r="DV22" s="103">
        <v>1</v>
      </c>
      <c r="DW22" s="412">
        <v>0</v>
      </c>
      <c r="DX22" s="102">
        <v>1</v>
      </c>
      <c r="DY22" s="102">
        <v>2</v>
      </c>
      <c r="DZ22" s="102">
        <v>0</v>
      </c>
      <c r="EA22" s="102">
        <v>0</v>
      </c>
      <c r="EB22" s="102">
        <v>0</v>
      </c>
      <c r="EC22" s="103">
        <v>3</v>
      </c>
      <c r="ED22" s="104">
        <v>4</v>
      </c>
      <c r="EE22" s="107">
        <v>4</v>
      </c>
      <c r="EF22" s="102">
        <v>2</v>
      </c>
      <c r="EG22" s="103">
        <v>6</v>
      </c>
      <c r="EH22" s="412">
        <v>0</v>
      </c>
      <c r="EI22" s="102">
        <v>1</v>
      </c>
      <c r="EJ22" s="102">
        <v>2</v>
      </c>
      <c r="EK22" s="102">
        <v>3</v>
      </c>
      <c r="EL22" s="102">
        <v>0</v>
      </c>
      <c r="EM22" s="102">
        <v>0</v>
      </c>
      <c r="EN22" s="103">
        <v>6</v>
      </c>
      <c r="EO22" s="104">
        <v>12</v>
      </c>
      <c r="EP22" s="101">
        <v>6</v>
      </c>
      <c r="EQ22" s="102">
        <v>0</v>
      </c>
      <c r="ER22" s="103">
        <v>6</v>
      </c>
      <c r="ES22" s="412">
        <v>0</v>
      </c>
      <c r="ET22" s="102">
        <v>3</v>
      </c>
      <c r="EU22" s="102">
        <v>0</v>
      </c>
      <c r="EV22" s="102">
        <v>2</v>
      </c>
      <c r="EW22" s="102">
        <v>0</v>
      </c>
      <c r="EX22" s="102">
        <v>1</v>
      </c>
      <c r="EY22" s="103">
        <v>6</v>
      </c>
      <c r="EZ22" s="104">
        <v>12</v>
      </c>
      <c r="FA22" s="107">
        <v>1</v>
      </c>
      <c r="FB22" s="102">
        <v>1</v>
      </c>
      <c r="FC22" s="103">
        <v>2</v>
      </c>
      <c r="FD22" s="412">
        <v>0</v>
      </c>
      <c r="FE22" s="102">
        <v>6</v>
      </c>
      <c r="FF22" s="102">
        <v>2</v>
      </c>
      <c r="FG22" s="102">
        <v>4</v>
      </c>
      <c r="FH22" s="102">
        <v>0</v>
      </c>
      <c r="FI22" s="102">
        <v>0</v>
      </c>
      <c r="FJ22" s="103">
        <v>12</v>
      </c>
      <c r="FK22" s="104">
        <v>14</v>
      </c>
      <c r="FL22" s="101">
        <v>1</v>
      </c>
      <c r="FM22" s="102">
        <v>0</v>
      </c>
      <c r="FN22" s="103">
        <v>1</v>
      </c>
      <c r="FO22" s="412">
        <v>0</v>
      </c>
      <c r="FP22" s="102">
        <v>5</v>
      </c>
      <c r="FQ22" s="102">
        <v>2</v>
      </c>
      <c r="FR22" s="102">
        <v>5</v>
      </c>
      <c r="FS22" s="102">
        <v>1</v>
      </c>
      <c r="FT22" s="102">
        <v>3</v>
      </c>
      <c r="FU22" s="103">
        <v>16</v>
      </c>
      <c r="FV22" s="104">
        <v>17</v>
      </c>
      <c r="FW22" s="101">
        <v>0</v>
      </c>
      <c r="FX22" s="102">
        <v>0</v>
      </c>
      <c r="FY22" s="103">
        <v>0</v>
      </c>
      <c r="FZ22" s="412">
        <v>0</v>
      </c>
      <c r="GA22" s="102">
        <v>0</v>
      </c>
      <c r="GB22" s="102">
        <v>0</v>
      </c>
      <c r="GC22" s="102">
        <v>0</v>
      </c>
      <c r="GD22" s="102">
        <v>0</v>
      </c>
      <c r="GE22" s="102">
        <v>0</v>
      </c>
      <c r="GF22" s="103">
        <v>0</v>
      </c>
      <c r="GG22" s="104">
        <v>0</v>
      </c>
      <c r="GH22" s="101">
        <v>14</v>
      </c>
      <c r="GI22" s="102">
        <v>3</v>
      </c>
      <c r="GJ22" s="103">
        <v>17</v>
      </c>
      <c r="GK22" s="412">
        <v>0</v>
      </c>
      <c r="GL22" s="102">
        <v>16</v>
      </c>
      <c r="GM22" s="102">
        <v>8</v>
      </c>
      <c r="GN22" s="102">
        <v>15</v>
      </c>
      <c r="GO22" s="102">
        <v>2</v>
      </c>
      <c r="GP22" s="102">
        <v>4</v>
      </c>
      <c r="GQ22" s="103">
        <v>45</v>
      </c>
      <c r="GR22" s="104">
        <v>62</v>
      </c>
      <c r="GS22" s="105">
        <v>48</v>
      </c>
      <c r="GT22" s="97">
        <v>22</v>
      </c>
      <c r="GU22" s="98">
        <v>70</v>
      </c>
      <c r="GV22" s="412">
        <v>0</v>
      </c>
      <c r="GW22" s="97">
        <v>69</v>
      </c>
      <c r="GX22" s="97">
        <v>51</v>
      </c>
      <c r="GY22" s="97">
        <v>37</v>
      </c>
      <c r="GZ22" s="97">
        <v>16</v>
      </c>
      <c r="HA22" s="97">
        <v>16</v>
      </c>
      <c r="HB22" s="99">
        <v>189</v>
      </c>
      <c r="HC22" s="100">
        <v>259</v>
      </c>
      <c r="HD22" s="107">
        <v>2</v>
      </c>
      <c r="HE22" s="102">
        <v>1</v>
      </c>
      <c r="HF22" s="103">
        <v>3</v>
      </c>
      <c r="HG22" s="412">
        <v>0</v>
      </c>
      <c r="HH22" s="102">
        <v>2</v>
      </c>
      <c r="HI22" s="102">
        <v>1</v>
      </c>
      <c r="HJ22" s="102">
        <v>3</v>
      </c>
      <c r="HK22" s="102">
        <v>1</v>
      </c>
      <c r="HL22" s="102">
        <v>0</v>
      </c>
      <c r="HM22" s="103">
        <v>7</v>
      </c>
      <c r="HN22" s="104">
        <v>10</v>
      </c>
      <c r="HO22" s="101">
        <v>4</v>
      </c>
      <c r="HP22" s="102">
        <v>1</v>
      </c>
      <c r="HQ22" s="103">
        <v>5</v>
      </c>
      <c r="HR22" s="412">
        <v>0</v>
      </c>
      <c r="HS22" s="102">
        <v>7</v>
      </c>
      <c r="HT22" s="102">
        <v>5</v>
      </c>
      <c r="HU22" s="102">
        <v>2</v>
      </c>
      <c r="HV22" s="102">
        <v>1</v>
      </c>
      <c r="HW22" s="102">
        <v>1</v>
      </c>
      <c r="HX22" s="103">
        <v>16</v>
      </c>
      <c r="HY22" s="104">
        <v>21</v>
      </c>
      <c r="HZ22" s="107">
        <v>9</v>
      </c>
      <c r="IA22" s="102">
        <v>5</v>
      </c>
      <c r="IB22" s="103">
        <v>14</v>
      </c>
      <c r="IC22" s="412">
        <v>0</v>
      </c>
      <c r="ID22" s="102">
        <v>7</v>
      </c>
      <c r="IE22" s="102">
        <v>7</v>
      </c>
      <c r="IF22" s="102">
        <v>6</v>
      </c>
      <c r="IG22" s="102">
        <v>3</v>
      </c>
      <c r="IH22" s="102">
        <v>1</v>
      </c>
      <c r="II22" s="103">
        <v>24</v>
      </c>
      <c r="IJ22" s="104">
        <v>38</v>
      </c>
      <c r="IK22" s="101">
        <v>12</v>
      </c>
      <c r="IL22" s="102">
        <v>4</v>
      </c>
      <c r="IM22" s="103">
        <v>16</v>
      </c>
      <c r="IN22" s="412">
        <v>0</v>
      </c>
      <c r="IO22" s="102">
        <v>15</v>
      </c>
      <c r="IP22" s="102">
        <v>12</v>
      </c>
      <c r="IQ22" s="102">
        <v>6</v>
      </c>
      <c r="IR22" s="102">
        <v>1</v>
      </c>
      <c r="IS22" s="102">
        <v>6</v>
      </c>
      <c r="IT22" s="103">
        <v>40</v>
      </c>
      <c r="IU22" s="104">
        <v>56</v>
      </c>
      <c r="IV22" s="107">
        <v>11</v>
      </c>
      <c r="IW22" s="102">
        <v>3</v>
      </c>
      <c r="IX22" s="103">
        <v>14</v>
      </c>
      <c r="IY22" s="412">
        <v>0</v>
      </c>
      <c r="IZ22" s="102">
        <v>17</v>
      </c>
      <c r="JA22" s="102">
        <v>14</v>
      </c>
      <c r="JB22" s="102">
        <v>6</v>
      </c>
      <c r="JC22" s="102">
        <v>6</v>
      </c>
      <c r="JD22" s="102">
        <v>2</v>
      </c>
      <c r="JE22" s="103">
        <v>45</v>
      </c>
      <c r="JF22" s="104">
        <v>59</v>
      </c>
      <c r="JG22" s="101">
        <v>10</v>
      </c>
      <c r="JH22" s="102">
        <v>8</v>
      </c>
      <c r="JI22" s="103">
        <v>18</v>
      </c>
      <c r="JJ22" s="412">
        <v>0</v>
      </c>
      <c r="JK22" s="102">
        <v>21</v>
      </c>
      <c r="JL22" s="102">
        <v>12</v>
      </c>
      <c r="JM22" s="102">
        <v>14</v>
      </c>
      <c r="JN22" s="102">
        <v>4</v>
      </c>
      <c r="JO22" s="102">
        <v>6</v>
      </c>
      <c r="JP22" s="103">
        <v>57</v>
      </c>
      <c r="JQ22" s="104">
        <v>75</v>
      </c>
      <c r="JR22" s="101">
        <v>0</v>
      </c>
      <c r="JS22" s="102">
        <v>0</v>
      </c>
      <c r="JT22" s="103">
        <v>0</v>
      </c>
      <c r="JU22" s="412">
        <v>0</v>
      </c>
      <c r="JV22" s="102">
        <v>0</v>
      </c>
      <c r="JW22" s="102">
        <v>0</v>
      </c>
      <c r="JX22" s="102">
        <v>0</v>
      </c>
      <c r="JY22" s="102">
        <v>0</v>
      </c>
      <c r="JZ22" s="102">
        <v>0</v>
      </c>
      <c r="KA22" s="103">
        <v>0</v>
      </c>
      <c r="KB22" s="104">
        <v>0</v>
      </c>
      <c r="KC22" s="101">
        <v>48</v>
      </c>
      <c r="KD22" s="102">
        <v>22</v>
      </c>
      <c r="KE22" s="103">
        <v>70</v>
      </c>
      <c r="KF22" s="412">
        <v>0</v>
      </c>
      <c r="KG22" s="102">
        <v>69</v>
      </c>
      <c r="KH22" s="102">
        <v>51</v>
      </c>
      <c r="KI22" s="102">
        <v>37</v>
      </c>
      <c r="KJ22" s="102">
        <v>16</v>
      </c>
      <c r="KK22" s="102">
        <v>16</v>
      </c>
      <c r="KL22" s="103">
        <v>189</v>
      </c>
      <c r="KM22" s="104">
        <v>259</v>
      </c>
    </row>
    <row r="23" spans="2:299" s="70" customFormat="1" ht="21" customHeight="1" x14ac:dyDescent="0.2">
      <c r="B23" s="106" t="s">
        <v>20</v>
      </c>
      <c r="C23" s="96">
        <v>31</v>
      </c>
      <c r="D23" s="97">
        <v>55</v>
      </c>
      <c r="E23" s="98">
        <v>86</v>
      </c>
      <c r="F23" s="412">
        <v>0</v>
      </c>
      <c r="G23" s="97">
        <v>67</v>
      </c>
      <c r="H23" s="97">
        <v>51</v>
      </c>
      <c r="I23" s="97">
        <v>33</v>
      </c>
      <c r="J23" s="97">
        <v>25</v>
      </c>
      <c r="K23" s="97">
        <v>18</v>
      </c>
      <c r="L23" s="99">
        <v>194</v>
      </c>
      <c r="M23" s="100">
        <v>280</v>
      </c>
      <c r="N23" s="101">
        <v>0</v>
      </c>
      <c r="O23" s="102">
        <v>2</v>
      </c>
      <c r="P23" s="103">
        <v>2</v>
      </c>
      <c r="Q23" s="412">
        <v>0</v>
      </c>
      <c r="R23" s="102">
        <v>3</v>
      </c>
      <c r="S23" s="102">
        <v>0</v>
      </c>
      <c r="T23" s="102">
        <v>0</v>
      </c>
      <c r="U23" s="102">
        <v>1</v>
      </c>
      <c r="V23" s="102">
        <v>0</v>
      </c>
      <c r="W23" s="103">
        <v>4</v>
      </c>
      <c r="X23" s="104">
        <v>6</v>
      </c>
      <c r="Y23" s="101">
        <v>6</v>
      </c>
      <c r="Z23" s="102">
        <v>2</v>
      </c>
      <c r="AA23" s="103">
        <v>8</v>
      </c>
      <c r="AB23" s="412">
        <v>0</v>
      </c>
      <c r="AC23" s="102">
        <v>8</v>
      </c>
      <c r="AD23" s="102">
        <v>5</v>
      </c>
      <c r="AE23" s="102">
        <v>4</v>
      </c>
      <c r="AF23" s="102">
        <v>3</v>
      </c>
      <c r="AG23" s="102">
        <v>0</v>
      </c>
      <c r="AH23" s="103">
        <v>20</v>
      </c>
      <c r="AI23" s="104">
        <v>28</v>
      </c>
      <c r="AJ23" s="101">
        <v>5</v>
      </c>
      <c r="AK23" s="102">
        <v>8</v>
      </c>
      <c r="AL23" s="103">
        <v>13</v>
      </c>
      <c r="AM23" s="412">
        <v>0</v>
      </c>
      <c r="AN23" s="102">
        <v>12</v>
      </c>
      <c r="AO23" s="102">
        <v>6</v>
      </c>
      <c r="AP23" s="102">
        <v>5</v>
      </c>
      <c r="AQ23" s="102">
        <v>3</v>
      </c>
      <c r="AR23" s="102">
        <v>5</v>
      </c>
      <c r="AS23" s="103">
        <v>31</v>
      </c>
      <c r="AT23" s="104">
        <v>44</v>
      </c>
      <c r="AU23" s="101">
        <v>9</v>
      </c>
      <c r="AV23" s="102">
        <v>12</v>
      </c>
      <c r="AW23" s="103">
        <v>21</v>
      </c>
      <c r="AX23" s="412">
        <v>0</v>
      </c>
      <c r="AY23" s="102">
        <v>19</v>
      </c>
      <c r="AZ23" s="102">
        <v>10</v>
      </c>
      <c r="BA23" s="102">
        <v>13</v>
      </c>
      <c r="BB23" s="102">
        <v>7</v>
      </c>
      <c r="BC23" s="102">
        <v>6</v>
      </c>
      <c r="BD23" s="103">
        <v>55</v>
      </c>
      <c r="BE23" s="104">
        <v>76</v>
      </c>
      <c r="BF23" s="101">
        <v>6</v>
      </c>
      <c r="BG23" s="102">
        <v>20</v>
      </c>
      <c r="BH23" s="103">
        <v>26</v>
      </c>
      <c r="BI23" s="412">
        <v>0</v>
      </c>
      <c r="BJ23" s="102">
        <v>16</v>
      </c>
      <c r="BK23" s="102">
        <v>17</v>
      </c>
      <c r="BL23" s="102">
        <v>9</v>
      </c>
      <c r="BM23" s="102">
        <v>5</v>
      </c>
      <c r="BN23" s="102">
        <v>5</v>
      </c>
      <c r="BO23" s="103">
        <v>52</v>
      </c>
      <c r="BP23" s="104">
        <v>78</v>
      </c>
      <c r="BQ23" s="101">
        <v>5</v>
      </c>
      <c r="BR23" s="102">
        <v>11</v>
      </c>
      <c r="BS23" s="103">
        <v>16</v>
      </c>
      <c r="BT23" s="412">
        <v>0</v>
      </c>
      <c r="BU23" s="102">
        <v>9</v>
      </c>
      <c r="BV23" s="102">
        <v>13</v>
      </c>
      <c r="BW23" s="102">
        <v>2</v>
      </c>
      <c r="BX23" s="102">
        <v>6</v>
      </c>
      <c r="BY23" s="102">
        <v>2</v>
      </c>
      <c r="BZ23" s="103">
        <v>32</v>
      </c>
      <c r="CA23" s="104">
        <v>48</v>
      </c>
      <c r="CB23" s="101">
        <v>0</v>
      </c>
      <c r="CC23" s="102">
        <v>0</v>
      </c>
      <c r="CD23" s="103">
        <v>0</v>
      </c>
      <c r="CE23" s="412">
        <v>0</v>
      </c>
      <c r="CF23" s="102">
        <v>0</v>
      </c>
      <c r="CG23" s="102">
        <v>0</v>
      </c>
      <c r="CH23" s="102">
        <v>0</v>
      </c>
      <c r="CI23" s="102">
        <v>0</v>
      </c>
      <c r="CJ23" s="102">
        <v>0</v>
      </c>
      <c r="CK23" s="103">
        <v>0</v>
      </c>
      <c r="CL23" s="104">
        <v>0</v>
      </c>
      <c r="CM23" s="101">
        <v>31</v>
      </c>
      <c r="CN23" s="102">
        <v>55</v>
      </c>
      <c r="CO23" s="103">
        <v>86</v>
      </c>
      <c r="CP23" s="412">
        <v>0</v>
      </c>
      <c r="CQ23" s="102">
        <v>67</v>
      </c>
      <c r="CR23" s="102">
        <v>51</v>
      </c>
      <c r="CS23" s="102">
        <v>33</v>
      </c>
      <c r="CT23" s="102">
        <v>25</v>
      </c>
      <c r="CU23" s="102">
        <v>18</v>
      </c>
      <c r="CV23" s="103">
        <v>194</v>
      </c>
      <c r="CW23" s="104">
        <v>280</v>
      </c>
      <c r="CX23" s="105">
        <v>15</v>
      </c>
      <c r="CY23" s="97">
        <v>14</v>
      </c>
      <c r="CZ23" s="98">
        <v>29</v>
      </c>
      <c r="DA23" s="412">
        <v>0</v>
      </c>
      <c r="DB23" s="97">
        <v>23</v>
      </c>
      <c r="DC23" s="97">
        <v>25</v>
      </c>
      <c r="DD23" s="97">
        <v>8</v>
      </c>
      <c r="DE23" s="97">
        <v>13</v>
      </c>
      <c r="DF23" s="97">
        <v>7</v>
      </c>
      <c r="DG23" s="99">
        <v>76</v>
      </c>
      <c r="DH23" s="100">
        <v>105</v>
      </c>
      <c r="DI23" s="101">
        <v>0</v>
      </c>
      <c r="DJ23" s="102">
        <v>0</v>
      </c>
      <c r="DK23" s="103">
        <v>0</v>
      </c>
      <c r="DL23" s="412">
        <v>0</v>
      </c>
      <c r="DM23" s="102">
        <v>1</v>
      </c>
      <c r="DN23" s="102">
        <v>1</v>
      </c>
      <c r="DO23" s="102">
        <v>0</v>
      </c>
      <c r="DP23" s="102">
        <v>0</v>
      </c>
      <c r="DQ23" s="102">
        <v>1</v>
      </c>
      <c r="DR23" s="103">
        <v>3</v>
      </c>
      <c r="DS23" s="104">
        <v>3</v>
      </c>
      <c r="DT23" s="101">
        <v>1</v>
      </c>
      <c r="DU23" s="102">
        <v>0</v>
      </c>
      <c r="DV23" s="103">
        <v>1</v>
      </c>
      <c r="DW23" s="412">
        <v>0</v>
      </c>
      <c r="DX23" s="102">
        <v>0</v>
      </c>
      <c r="DY23" s="102">
        <v>0</v>
      </c>
      <c r="DZ23" s="102">
        <v>0</v>
      </c>
      <c r="EA23" s="102">
        <v>0</v>
      </c>
      <c r="EB23" s="102">
        <v>1</v>
      </c>
      <c r="EC23" s="103">
        <v>1</v>
      </c>
      <c r="ED23" s="104">
        <v>2</v>
      </c>
      <c r="EE23" s="101">
        <v>2</v>
      </c>
      <c r="EF23" s="102">
        <v>3</v>
      </c>
      <c r="EG23" s="103">
        <v>5</v>
      </c>
      <c r="EH23" s="412">
        <v>0</v>
      </c>
      <c r="EI23" s="102">
        <v>2</v>
      </c>
      <c r="EJ23" s="102">
        <v>4</v>
      </c>
      <c r="EK23" s="102">
        <v>2</v>
      </c>
      <c r="EL23" s="102">
        <v>2</v>
      </c>
      <c r="EM23" s="102">
        <v>0</v>
      </c>
      <c r="EN23" s="103">
        <v>10</v>
      </c>
      <c r="EO23" s="104">
        <v>15</v>
      </c>
      <c r="EP23" s="101">
        <v>4</v>
      </c>
      <c r="EQ23" s="102">
        <v>4</v>
      </c>
      <c r="ER23" s="103">
        <v>8</v>
      </c>
      <c r="ES23" s="412">
        <v>0</v>
      </c>
      <c r="ET23" s="102">
        <v>4</v>
      </c>
      <c r="EU23" s="102">
        <v>8</v>
      </c>
      <c r="EV23" s="102">
        <v>2</v>
      </c>
      <c r="EW23" s="102">
        <v>3</v>
      </c>
      <c r="EX23" s="102">
        <v>1</v>
      </c>
      <c r="EY23" s="103">
        <v>18</v>
      </c>
      <c r="EZ23" s="104">
        <v>26</v>
      </c>
      <c r="FA23" s="101">
        <v>5</v>
      </c>
      <c r="FB23" s="102">
        <v>2</v>
      </c>
      <c r="FC23" s="103">
        <v>7</v>
      </c>
      <c r="FD23" s="412">
        <v>0</v>
      </c>
      <c r="FE23" s="102">
        <v>8</v>
      </c>
      <c r="FF23" s="102">
        <v>4</v>
      </c>
      <c r="FG23" s="102">
        <v>0</v>
      </c>
      <c r="FH23" s="102">
        <v>2</v>
      </c>
      <c r="FI23" s="102">
        <v>1</v>
      </c>
      <c r="FJ23" s="103">
        <v>15</v>
      </c>
      <c r="FK23" s="104">
        <v>22</v>
      </c>
      <c r="FL23" s="101">
        <v>3</v>
      </c>
      <c r="FM23" s="102">
        <v>5</v>
      </c>
      <c r="FN23" s="103">
        <v>8</v>
      </c>
      <c r="FO23" s="412">
        <v>0</v>
      </c>
      <c r="FP23" s="102">
        <v>8</v>
      </c>
      <c r="FQ23" s="102">
        <v>8</v>
      </c>
      <c r="FR23" s="102">
        <v>4</v>
      </c>
      <c r="FS23" s="102">
        <v>6</v>
      </c>
      <c r="FT23" s="102">
        <v>3</v>
      </c>
      <c r="FU23" s="103">
        <v>29</v>
      </c>
      <c r="FV23" s="104">
        <v>37</v>
      </c>
      <c r="FW23" s="101">
        <v>0</v>
      </c>
      <c r="FX23" s="102">
        <v>0</v>
      </c>
      <c r="FY23" s="103">
        <v>0</v>
      </c>
      <c r="FZ23" s="412">
        <v>0</v>
      </c>
      <c r="GA23" s="102">
        <v>0</v>
      </c>
      <c r="GB23" s="102">
        <v>0</v>
      </c>
      <c r="GC23" s="102">
        <v>0</v>
      </c>
      <c r="GD23" s="102">
        <v>0</v>
      </c>
      <c r="GE23" s="102">
        <v>0</v>
      </c>
      <c r="GF23" s="103">
        <v>0</v>
      </c>
      <c r="GG23" s="104">
        <v>0</v>
      </c>
      <c r="GH23" s="101">
        <v>15</v>
      </c>
      <c r="GI23" s="102">
        <v>14</v>
      </c>
      <c r="GJ23" s="103">
        <v>29</v>
      </c>
      <c r="GK23" s="412">
        <v>0</v>
      </c>
      <c r="GL23" s="102">
        <v>23</v>
      </c>
      <c r="GM23" s="102">
        <v>25</v>
      </c>
      <c r="GN23" s="102">
        <v>8</v>
      </c>
      <c r="GO23" s="102">
        <v>13</v>
      </c>
      <c r="GP23" s="102">
        <v>7</v>
      </c>
      <c r="GQ23" s="103">
        <v>76</v>
      </c>
      <c r="GR23" s="104">
        <v>105</v>
      </c>
      <c r="GS23" s="105">
        <v>46</v>
      </c>
      <c r="GT23" s="97">
        <v>69</v>
      </c>
      <c r="GU23" s="98">
        <v>115</v>
      </c>
      <c r="GV23" s="412">
        <v>0</v>
      </c>
      <c r="GW23" s="97">
        <v>90</v>
      </c>
      <c r="GX23" s="97">
        <v>76</v>
      </c>
      <c r="GY23" s="97">
        <v>41</v>
      </c>
      <c r="GZ23" s="97">
        <v>38</v>
      </c>
      <c r="HA23" s="97">
        <v>25</v>
      </c>
      <c r="HB23" s="99">
        <v>270</v>
      </c>
      <c r="HC23" s="100">
        <v>385</v>
      </c>
      <c r="HD23" s="101">
        <v>0</v>
      </c>
      <c r="HE23" s="102">
        <v>2</v>
      </c>
      <c r="HF23" s="103">
        <v>2</v>
      </c>
      <c r="HG23" s="412">
        <v>0</v>
      </c>
      <c r="HH23" s="102">
        <v>4</v>
      </c>
      <c r="HI23" s="102">
        <v>1</v>
      </c>
      <c r="HJ23" s="102">
        <v>0</v>
      </c>
      <c r="HK23" s="102">
        <v>1</v>
      </c>
      <c r="HL23" s="102">
        <v>1</v>
      </c>
      <c r="HM23" s="103">
        <v>7</v>
      </c>
      <c r="HN23" s="104">
        <v>9</v>
      </c>
      <c r="HO23" s="101">
        <v>7</v>
      </c>
      <c r="HP23" s="102">
        <v>2</v>
      </c>
      <c r="HQ23" s="103">
        <v>9</v>
      </c>
      <c r="HR23" s="412">
        <v>0</v>
      </c>
      <c r="HS23" s="102">
        <v>8</v>
      </c>
      <c r="HT23" s="102">
        <v>5</v>
      </c>
      <c r="HU23" s="102">
        <v>4</v>
      </c>
      <c r="HV23" s="102">
        <v>3</v>
      </c>
      <c r="HW23" s="102">
        <v>1</v>
      </c>
      <c r="HX23" s="103">
        <v>21</v>
      </c>
      <c r="HY23" s="104">
        <v>30</v>
      </c>
      <c r="HZ23" s="101">
        <v>7</v>
      </c>
      <c r="IA23" s="102">
        <v>11</v>
      </c>
      <c r="IB23" s="103">
        <v>18</v>
      </c>
      <c r="IC23" s="412">
        <v>0</v>
      </c>
      <c r="ID23" s="102">
        <v>14</v>
      </c>
      <c r="IE23" s="102">
        <v>10</v>
      </c>
      <c r="IF23" s="102">
        <v>7</v>
      </c>
      <c r="IG23" s="102">
        <v>5</v>
      </c>
      <c r="IH23" s="102">
        <v>5</v>
      </c>
      <c r="II23" s="103">
        <v>41</v>
      </c>
      <c r="IJ23" s="104">
        <v>59</v>
      </c>
      <c r="IK23" s="101">
        <v>13</v>
      </c>
      <c r="IL23" s="102">
        <v>16</v>
      </c>
      <c r="IM23" s="103">
        <v>29</v>
      </c>
      <c r="IN23" s="412">
        <v>0</v>
      </c>
      <c r="IO23" s="102">
        <v>23</v>
      </c>
      <c r="IP23" s="102">
        <v>18</v>
      </c>
      <c r="IQ23" s="102">
        <v>15</v>
      </c>
      <c r="IR23" s="102">
        <v>10</v>
      </c>
      <c r="IS23" s="102">
        <v>7</v>
      </c>
      <c r="IT23" s="103">
        <v>73</v>
      </c>
      <c r="IU23" s="104">
        <v>102</v>
      </c>
      <c r="IV23" s="101">
        <v>11</v>
      </c>
      <c r="IW23" s="102">
        <v>22</v>
      </c>
      <c r="IX23" s="103">
        <v>33</v>
      </c>
      <c r="IY23" s="412">
        <v>0</v>
      </c>
      <c r="IZ23" s="102">
        <v>24</v>
      </c>
      <c r="JA23" s="102">
        <v>21</v>
      </c>
      <c r="JB23" s="102">
        <v>9</v>
      </c>
      <c r="JC23" s="102">
        <v>7</v>
      </c>
      <c r="JD23" s="102">
        <v>6</v>
      </c>
      <c r="JE23" s="103">
        <v>67</v>
      </c>
      <c r="JF23" s="104">
        <v>100</v>
      </c>
      <c r="JG23" s="101">
        <v>8</v>
      </c>
      <c r="JH23" s="102">
        <v>16</v>
      </c>
      <c r="JI23" s="103">
        <v>24</v>
      </c>
      <c r="JJ23" s="412">
        <v>0</v>
      </c>
      <c r="JK23" s="102">
        <v>17</v>
      </c>
      <c r="JL23" s="102">
        <v>21</v>
      </c>
      <c r="JM23" s="102">
        <v>6</v>
      </c>
      <c r="JN23" s="102">
        <v>12</v>
      </c>
      <c r="JO23" s="102">
        <v>5</v>
      </c>
      <c r="JP23" s="103">
        <v>61</v>
      </c>
      <c r="JQ23" s="104">
        <v>85</v>
      </c>
      <c r="JR23" s="101">
        <v>0</v>
      </c>
      <c r="JS23" s="102">
        <v>0</v>
      </c>
      <c r="JT23" s="103">
        <v>0</v>
      </c>
      <c r="JU23" s="412">
        <v>0</v>
      </c>
      <c r="JV23" s="102">
        <v>0</v>
      </c>
      <c r="JW23" s="102">
        <v>0</v>
      </c>
      <c r="JX23" s="102">
        <v>0</v>
      </c>
      <c r="JY23" s="102">
        <v>0</v>
      </c>
      <c r="JZ23" s="102">
        <v>0</v>
      </c>
      <c r="KA23" s="103">
        <v>0</v>
      </c>
      <c r="KB23" s="104">
        <v>0</v>
      </c>
      <c r="KC23" s="101">
        <v>46</v>
      </c>
      <c r="KD23" s="102">
        <v>69</v>
      </c>
      <c r="KE23" s="103">
        <v>115</v>
      </c>
      <c r="KF23" s="412">
        <v>0</v>
      </c>
      <c r="KG23" s="102">
        <v>90</v>
      </c>
      <c r="KH23" s="102">
        <v>76</v>
      </c>
      <c r="KI23" s="102">
        <v>41</v>
      </c>
      <c r="KJ23" s="102">
        <v>38</v>
      </c>
      <c r="KK23" s="102">
        <v>25</v>
      </c>
      <c r="KL23" s="103">
        <v>270</v>
      </c>
      <c r="KM23" s="104">
        <v>385</v>
      </c>
    </row>
    <row r="24" spans="2:299" s="70" customFormat="1" ht="21" customHeight="1" x14ac:dyDescent="0.2">
      <c r="B24" s="106" t="s">
        <v>21</v>
      </c>
      <c r="C24" s="96">
        <v>30</v>
      </c>
      <c r="D24" s="97">
        <v>35</v>
      </c>
      <c r="E24" s="98">
        <v>65</v>
      </c>
      <c r="F24" s="412">
        <v>0</v>
      </c>
      <c r="G24" s="97">
        <v>52</v>
      </c>
      <c r="H24" s="97">
        <v>30</v>
      </c>
      <c r="I24" s="97">
        <v>24</v>
      </c>
      <c r="J24" s="97">
        <v>25</v>
      </c>
      <c r="K24" s="97">
        <v>16</v>
      </c>
      <c r="L24" s="99">
        <v>147</v>
      </c>
      <c r="M24" s="100">
        <v>212</v>
      </c>
      <c r="N24" s="101">
        <v>1</v>
      </c>
      <c r="O24" s="102">
        <v>3</v>
      </c>
      <c r="P24" s="103">
        <v>4</v>
      </c>
      <c r="Q24" s="412">
        <v>0</v>
      </c>
      <c r="R24" s="102">
        <v>1</v>
      </c>
      <c r="S24" s="102">
        <v>0</v>
      </c>
      <c r="T24" s="102">
        <v>4</v>
      </c>
      <c r="U24" s="102">
        <v>0</v>
      </c>
      <c r="V24" s="102">
        <v>3</v>
      </c>
      <c r="W24" s="103">
        <v>8</v>
      </c>
      <c r="X24" s="104">
        <v>12</v>
      </c>
      <c r="Y24" s="101">
        <v>4</v>
      </c>
      <c r="Z24" s="102">
        <v>4</v>
      </c>
      <c r="AA24" s="103">
        <v>8</v>
      </c>
      <c r="AB24" s="412">
        <v>0</v>
      </c>
      <c r="AC24" s="102">
        <v>7</v>
      </c>
      <c r="AD24" s="102">
        <v>6</v>
      </c>
      <c r="AE24" s="102">
        <v>1</v>
      </c>
      <c r="AF24" s="102">
        <v>4</v>
      </c>
      <c r="AG24" s="102">
        <v>1</v>
      </c>
      <c r="AH24" s="103">
        <v>19</v>
      </c>
      <c r="AI24" s="104">
        <v>27</v>
      </c>
      <c r="AJ24" s="101">
        <v>4</v>
      </c>
      <c r="AK24" s="102">
        <v>4</v>
      </c>
      <c r="AL24" s="103">
        <v>8</v>
      </c>
      <c r="AM24" s="412">
        <v>0</v>
      </c>
      <c r="AN24" s="102">
        <v>8</v>
      </c>
      <c r="AO24" s="102">
        <v>4</v>
      </c>
      <c r="AP24" s="102">
        <v>3</v>
      </c>
      <c r="AQ24" s="102">
        <v>3</v>
      </c>
      <c r="AR24" s="102">
        <v>1</v>
      </c>
      <c r="AS24" s="103">
        <v>19</v>
      </c>
      <c r="AT24" s="104">
        <v>27</v>
      </c>
      <c r="AU24" s="101">
        <v>3</v>
      </c>
      <c r="AV24" s="102">
        <v>12</v>
      </c>
      <c r="AW24" s="103">
        <v>15</v>
      </c>
      <c r="AX24" s="412">
        <v>0</v>
      </c>
      <c r="AY24" s="102">
        <v>15</v>
      </c>
      <c r="AZ24" s="102">
        <v>5</v>
      </c>
      <c r="BA24" s="102">
        <v>5</v>
      </c>
      <c r="BB24" s="102">
        <v>8</v>
      </c>
      <c r="BC24" s="102">
        <v>2</v>
      </c>
      <c r="BD24" s="103">
        <v>35</v>
      </c>
      <c r="BE24" s="104">
        <v>50</v>
      </c>
      <c r="BF24" s="101">
        <v>12</v>
      </c>
      <c r="BG24" s="102">
        <v>5</v>
      </c>
      <c r="BH24" s="103">
        <v>17</v>
      </c>
      <c r="BI24" s="412">
        <v>0</v>
      </c>
      <c r="BJ24" s="102">
        <v>15</v>
      </c>
      <c r="BK24" s="102">
        <v>10</v>
      </c>
      <c r="BL24" s="102">
        <v>2</v>
      </c>
      <c r="BM24" s="102">
        <v>8</v>
      </c>
      <c r="BN24" s="102">
        <v>5</v>
      </c>
      <c r="BO24" s="103">
        <v>40</v>
      </c>
      <c r="BP24" s="104">
        <v>57</v>
      </c>
      <c r="BQ24" s="101">
        <v>6</v>
      </c>
      <c r="BR24" s="102">
        <v>7</v>
      </c>
      <c r="BS24" s="103">
        <v>13</v>
      </c>
      <c r="BT24" s="412">
        <v>0</v>
      </c>
      <c r="BU24" s="102">
        <v>6</v>
      </c>
      <c r="BV24" s="102">
        <v>5</v>
      </c>
      <c r="BW24" s="102">
        <v>9</v>
      </c>
      <c r="BX24" s="102">
        <v>2</v>
      </c>
      <c r="BY24" s="102">
        <v>4</v>
      </c>
      <c r="BZ24" s="103">
        <v>26</v>
      </c>
      <c r="CA24" s="104">
        <v>39</v>
      </c>
      <c r="CB24" s="101">
        <v>0</v>
      </c>
      <c r="CC24" s="102">
        <v>0</v>
      </c>
      <c r="CD24" s="103">
        <v>0</v>
      </c>
      <c r="CE24" s="412">
        <v>0</v>
      </c>
      <c r="CF24" s="102">
        <v>0</v>
      </c>
      <c r="CG24" s="102">
        <v>0</v>
      </c>
      <c r="CH24" s="102">
        <v>0</v>
      </c>
      <c r="CI24" s="102">
        <v>0</v>
      </c>
      <c r="CJ24" s="102">
        <v>0</v>
      </c>
      <c r="CK24" s="103">
        <v>0</v>
      </c>
      <c r="CL24" s="104">
        <v>0</v>
      </c>
      <c r="CM24" s="101">
        <v>30</v>
      </c>
      <c r="CN24" s="102">
        <v>35</v>
      </c>
      <c r="CO24" s="103">
        <v>65</v>
      </c>
      <c r="CP24" s="412">
        <v>0</v>
      </c>
      <c r="CQ24" s="102">
        <v>52</v>
      </c>
      <c r="CR24" s="102">
        <v>30</v>
      </c>
      <c r="CS24" s="102">
        <v>24</v>
      </c>
      <c r="CT24" s="102">
        <v>25</v>
      </c>
      <c r="CU24" s="102">
        <v>16</v>
      </c>
      <c r="CV24" s="103">
        <v>147</v>
      </c>
      <c r="CW24" s="104">
        <v>212</v>
      </c>
      <c r="CX24" s="105">
        <v>10</v>
      </c>
      <c r="CY24" s="97">
        <v>8</v>
      </c>
      <c r="CZ24" s="98">
        <v>18</v>
      </c>
      <c r="DA24" s="412">
        <v>0</v>
      </c>
      <c r="DB24" s="97">
        <v>13</v>
      </c>
      <c r="DC24" s="97">
        <v>15</v>
      </c>
      <c r="DD24" s="97">
        <v>7</v>
      </c>
      <c r="DE24" s="97">
        <v>13</v>
      </c>
      <c r="DF24" s="97">
        <v>4</v>
      </c>
      <c r="DG24" s="99">
        <v>52</v>
      </c>
      <c r="DH24" s="100">
        <v>70</v>
      </c>
      <c r="DI24" s="101">
        <v>0</v>
      </c>
      <c r="DJ24" s="102">
        <v>0</v>
      </c>
      <c r="DK24" s="103">
        <v>0</v>
      </c>
      <c r="DL24" s="412">
        <v>0</v>
      </c>
      <c r="DM24" s="102">
        <v>0</v>
      </c>
      <c r="DN24" s="102">
        <v>0</v>
      </c>
      <c r="DO24" s="102">
        <v>0</v>
      </c>
      <c r="DP24" s="102">
        <v>0</v>
      </c>
      <c r="DQ24" s="102">
        <v>0</v>
      </c>
      <c r="DR24" s="103">
        <v>0</v>
      </c>
      <c r="DS24" s="104">
        <v>0</v>
      </c>
      <c r="DT24" s="101">
        <v>0</v>
      </c>
      <c r="DU24" s="102">
        <v>1</v>
      </c>
      <c r="DV24" s="103">
        <v>1</v>
      </c>
      <c r="DW24" s="412">
        <v>0</v>
      </c>
      <c r="DX24" s="102">
        <v>1</v>
      </c>
      <c r="DY24" s="102">
        <v>1</v>
      </c>
      <c r="DZ24" s="102">
        <v>0</v>
      </c>
      <c r="EA24" s="102">
        <v>0</v>
      </c>
      <c r="EB24" s="102">
        <v>0</v>
      </c>
      <c r="EC24" s="103">
        <v>2</v>
      </c>
      <c r="ED24" s="104">
        <v>3</v>
      </c>
      <c r="EE24" s="101">
        <v>0</v>
      </c>
      <c r="EF24" s="102">
        <v>1</v>
      </c>
      <c r="EG24" s="103">
        <v>1</v>
      </c>
      <c r="EH24" s="412">
        <v>0</v>
      </c>
      <c r="EI24" s="102">
        <v>1</v>
      </c>
      <c r="EJ24" s="102">
        <v>1</v>
      </c>
      <c r="EK24" s="102">
        <v>0</v>
      </c>
      <c r="EL24" s="102">
        <v>0</v>
      </c>
      <c r="EM24" s="102">
        <v>1</v>
      </c>
      <c r="EN24" s="103">
        <v>3</v>
      </c>
      <c r="EO24" s="104">
        <v>4</v>
      </c>
      <c r="EP24" s="101">
        <v>7</v>
      </c>
      <c r="EQ24" s="102">
        <v>2</v>
      </c>
      <c r="ER24" s="103">
        <v>9</v>
      </c>
      <c r="ES24" s="412">
        <v>0</v>
      </c>
      <c r="ET24" s="102">
        <v>1</v>
      </c>
      <c r="EU24" s="102">
        <v>2</v>
      </c>
      <c r="EV24" s="102">
        <v>0</v>
      </c>
      <c r="EW24" s="102">
        <v>2</v>
      </c>
      <c r="EX24" s="102">
        <v>0</v>
      </c>
      <c r="EY24" s="103">
        <v>5</v>
      </c>
      <c r="EZ24" s="104">
        <v>14</v>
      </c>
      <c r="FA24" s="101">
        <v>1</v>
      </c>
      <c r="FB24" s="102">
        <v>3</v>
      </c>
      <c r="FC24" s="103">
        <v>4</v>
      </c>
      <c r="FD24" s="412">
        <v>0</v>
      </c>
      <c r="FE24" s="102">
        <v>4</v>
      </c>
      <c r="FF24" s="102">
        <v>6</v>
      </c>
      <c r="FG24" s="102">
        <v>4</v>
      </c>
      <c r="FH24" s="102">
        <v>4</v>
      </c>
      <c r="FI24" s="102">
        <v>3</v>
      </c>
      <c r="FJ24" s="103">
        <v>21</v>
      </c>
      <c r="FK24" s="104">
        <v>25</v>
      </c>
      <c r="FL24" s="101">
        <v>2</v>
      </c>
      <c r="FM24" s="102">
        <v>1</v>
      </c>
      <c r="FN24" s="103">
        <v>3</v>
      </c>
      <c r="FO24" s="412">
        <v>0</v>
      </c>
      <c r="FP24" s="102">
        <v>6</v>
      </c>
      <c r="FQ24" s="102">
        <v>5</v>
      </c>
      <c r="FR24" s="102">
        <v>3</v>
      </c>
      <c r="FS24" s="102">
        <v>7</v>
      </c>
      <c r="FT24" s="102">
        <v>0</v>
      </c>
      <c r="FU24" s="103">
        <v>21</v>
      </c>
      <c r="FV24" s="104">
        <v>24</v>
      </c>
      <c r="FW24" s="101">
        <v>0</v>
      </c>
      <c r="FX24" s="102">
        <v>0</v>
      </c>
      <c r="FY24" s="103">
        <v>0</v>
      </c>
      <c r="FZ24" s="412">
        <v>0</v>
      </c>
      <c r="GA24" s="102">
        <v>0</v>
      </c>
      <c r="GB24" s="102">
        <v>0</v>
      </c>
      <c r="GC24" s="102">
        <v>0</v>
      </c>
      <c r="GD24" s="102">
        <v>0</v>
      </c>
      <c r="GE24" s="102">
        <v>0</v>
      </c>
      <c r="GF24" s="103">
        <v>0</v>
      </c>
      <c r="GG24" s="104">
        <v>0</v>
      </c>
      <c r="GH24" s="101">
        <v>10</v>
      </c>
      <c r="GI24" s="102">
        <v>8</v>
      </c>
      <c r="GJ24" s="103">
        <v>18</v>
      </c>
      <c r="GK24" s="412">
        <v>0</v>
      </c>
      <c r="GL24" s="102">
        <v>13</v>
      </c>
      <c r="GM24" s="102">
        <v>15</v>
      </c>
      <c r="GN24" s="102">
        <v>7</v>
      </c>
      <c r="GO24" s="102">
        <v>13</v>
      </c>
      <c r="GP24" s="102">
        <v>4</v>
      </c>
      <c r="GQ24" s="103">
        <v>52</v>
      </c>
      <c r="GR24" s="104">
        <v>70</v>
      </c>
      <c r="GS24" s="105">
        <v>40</v>
      </c>
      <c r="GT24" s="97">
        <v>43</v>
      </c>
      <c r="GU24" s="98">
        <v>83</v>
      </c>
      <c r="GV24" s="412">
        <v>0</v>
      </c>
      <c r="GW24" s="97">
        <v>65</v>
      </c>
      <c r="GX24" s="97">
        <v>45</v>
      </c>
      <c r="GY24" s="97">
        <v>31</v>
      </c>
      <c r="GZ24" s="97">
        <v>38</v>
      </c>
      <c r="HA24" s="97">
        <v>20</v>
      </c>
      <c r="HB24" s="99">
        <v>199</v>
      </c>
      <c r="HC24" s="100">
        <v>282</v>
      </c>
      <c r="HD24" s="101">
        <v>1</v>
      </c>
      <c r="HE24" s="102">
        <v>3</v>
      </c>
      <c r="HF24" s="103">
        <v>4</v>
      </c>
      <c r="HG24" s="412">
        <v>0</v>
      </c>
      <c r="HH24" s="102">
        <v>1</v>
      </c>
      <c r="HI24" s="102">
        <v>0</v>
      </c>
      <c r="HJ24" s="102">
        <v>4</v>
      </c>
      <c r="HK24" s="102">
        <v>0</v>
      </c>
      <c r="HL24" s="102">
        <v>3</v>
      </c>
      <c r="HM24" s="103">
        <v>8</v>
      </c>
      <c r="HN24" s="104">
        <v>12</v>
      </c>
      <c r="HO24" s="101">
        <v>4</v>
      </c>
      <c r="HP24" s="102">
        <v>5</v>
      </c>
      <c r="HQ24" s="103">
        <v>9</v>
      </c>
      <c r="HR24" s="412">
        <v>0</v>
      </c>
      <c r="HS24" s="102">
        <v>8</v>
      </c>
      <c r="HT24" s="102">
        <v>7</v>
      </c>
      <c r="HU24" s="102">
        <v>1</v>
      </c>
      <c r="HV24" s="102">
        <v>4</v>
      </c>
      <c r="HW24" s="102">
        <v>1</v>
      </c>
      <c r="HX24" s="103">
        <v>21</v>
      </c>
      <c r="HY24" s="104">
        <v>30</v>
      </c>
      <c r="HZ24" s="101">
        <v>4</v>
      </c>
      <c r="IA24" s="102">
        <v>5</v>
      </c>
      <c r="IB24" s="103">
        <v>9</v>
      </c>
      <c r="IC24" s="412">
        <v>0</v>
      </c>
      <c r="ID24" s="102">
        <v>9</v>
      </c>
      <c r="IE24" s="102">
        <v>5</v>
      </c>
      <c r="IF24" s="102">
        <v>3</v>
      </c>
      <c r="IG24" s="102">
        <v>3</v>
      </c>
      <c r="IH24" s="102">
        <v>2</v>
      </c>
      <c r="II24" s="103">
        <v>22</v>
      </c>
      <c r="IJ24" s="104">
        <v>31</v>
      </c>
      <c r="IK24" s="101">
        <v>10</v>
      </c>
      <c r="IL24" s="102">
        <v>14</v>
      </c>
      <c r="IM24" s="103">
        <v>24</v>
      </c>
      <c r="IN24" s="412">
        <v>0</v>
      </c>
      <c r="IO24" s="102">
        <v>16</v>
      </c>
      <c r="IP24" s="102">
        <v>7</v>
      </c>
      <c r="IQ24" s="102">
        <v>5</v>
      </c>
      <c r="IR24" s="102">
        <v>10</v>
      </c>
      <c r="IS24" s="102">
        <v>2</v>
      </c>
      <c r="IT24" s="103">
        <v>40</v>
      </c>
      <c r="IU24" s="104">
        <v>64</v>
      </c>
      <c r="IV24" s="101">
        <v>13</v>
      </c>
      <c r="IW24" s="102">
        <v>8</v>
      </c>
      <c r="IX24" s="103">
        <v>21</v>
      </c>
      <c r="IY24" s="412">
        <v>0</v>
      </c>
      <c r="IZ24" s="102">
        <v>19</v>
      </c>
      <c r="JA24" s="102">
        <v>16</v>
      </c>
      <c r="JB24" s="102">
        <v>6</v>
      </c>
      <c r="JC24" s="102">
        <v>12</v>
      </c>
      <c r="JD24" s="102">
        <v>8</v>
      </c>
      <c r="JE24" s="103">
        <v>61</v>
      </c>
      <c r="JF24" s="104">
        <v>82</v>
      </c>
      <c r="JG24" s="101">
        <v>8</v>
      </c>
      <c r="JH24" s="102">
        <v>8</v>
      </c>
      <c r="JI24" s="103">
        <v>16</v>
      </c>
      <c r="JJ24" s="412">
        <v>0</v>
      </c>
      <c r="JK24" s="102">
        <v>12</v>
      </c>
      <c r="JL24" s="102">
        <v>10</v>
      </c>
      <c r="JM24" s="102">
        <v>12</v>
      </c>
      <c r="JN24" s="102">
        <v>9</v>
      </c>
      <c r="JO24" s="102">
        <v>4</v>
      </c>
      <c r="JP24" s="103">
        <v>47</v>
      </c>
      <c r="JQ24" s="104">
        <v>63</v>
      </c>
      <c r="JR24" s="101">
        <v>0</v>
      </c>
      <c r="JS24" s="102">
        <v>0</v>
      </c>
      <c r="JT24" s="103">
        <v>0</v>
      </c>
      <c r="JU24" s="412">
        <v>0</v>
      </c>
      <c r="JV24" s="102">
        <v>0</v>
      </c>
      <c r="JW24" s="102">
        <v>0</v>
      </c>
      <c r="JX24" s="102">
        <v>0</v>
      </c>
      <c r="JY24" s="102">
        <v>0</v>
      </c>
      <c r="JZ24" s="102">
        <v>0</v>
      </c>
      <c r="KA24" s="103">
        <v>0</v>
      </c>
      <c r="KB24" s="104">
        <v>0</v>
      </c>
      <c r="KC24" s="101">
        <v>40</v>
      </c>
      <c r="KD24" s="102">
        <v>43</v>
      </c>
      <c r="KE24" s="103">
        <v>83</v>
      </c>
      <c r="KF24" s="412">
        <v>0</v>
      </c>
      <c r="KG24" s="102">
        <v>65</v>
      </c>
      <c r="KH24" s="102">
        <v>45</v>
      </c>
      <c r="KI24" s="102">
        <v>31</v>
      </c>
      <c r="KJ24" s="102">
        <v>38</v>
      </c>
      <c r="KK24" s="102">
        <v>20</v>
      </c>
      <c r="KL24" s="103">
        <v>199</v>
      </c>
      <c r="KM24" s="104">
        <v>282</v>
      </c>
    </row>
    <row r="25" spans="2:299" s="70" customFormat="1" ht="21" customHeight="1" x14ac:dyDescent="0.2">
      <c r="B25" s="106" t="s">
        <v>22</v>
      </c>
      <c r="C25" s="96">
        <v>13</v>
      </c>
      <c r="D25" s="97">
        <v>10</v>
      </c>
      <c r="E25" s="98">
        <v>23</v>
      </c>
      <c r="F25" s="412">
        <v>0</v>
      </c>
      <c r="G25" s="97">
        <v>26</v>
      </c>
      <c r="H25" s="97">
        <v>24</v>
      </c>
      <c r="I25" s="97">
        <v>12</v>
      </c>
      <c r="J25" s="97">
        <v>9</v>
      </c>
      <c r="K25" s="97">
        <v>5</v>
      </c>
      <c r="L25" s="99">
        <v>76</v>
      </c>
      <c r="M25" s="100">
        <v>99</v>
      </c>
      <c r="N25" s="101">
        <v>1</v>
      </c>
      <c r="O25" s="102">
        <v>1</v>
      </c>
      <c r="P25" s="103">
        <v>2</v>
      </c>
      <c r="Q25" s="412">
        <v>0</v>
      </c>
      <c r="R25" s="102">
        <v>0</v>
      </c>
      <c r="S25" s="102">
        <v>0</v>
      </c>
      <c r="T25" s="102">
        <v>1</v>
      </c>
      <c r="U25" s="102">
        <v>0</v>
      </c>
      <c r="V25" s="102">
        <v>0</v>
      </c>
      <c r="W25" s="103">
        <v>1</v>
      </c>
      <c r="X25" s="104">
        <v>3</v>
      </c>
      <c r="Y25" s="101">
        <v>1</v>
      </c>
      <c r="Z25" s="102">
        <v>1</v>
      </c>
      <c r="AA25" s="103">
        <v>2</v>
      </c>
      <c r="AB25" s="412">
        <v>0</v>
      </c>
      <c r="AC25" s="102">
        <v>2</v>
      </c>
      <c r="AD25" s="102">
        <v>1</v>
      </c>
      <c r="AE25" s="102">
        <v>1</v>
      </c>
      <c r="AF25" s="102">
        <v>0</v>
      </c>
      <c r="AG25" s="102">
        <v>1</v>
      </c>
      <c r="AH25" s="103">
        <v>5</v>
      </c>
      <c r="AI25" s="104">
        <v>7</v>
      </c>
      <c r="AJ25" s="101">
        <v>1</v>
      </c>
      <c r="AK25" s="102">
        <v>1</v>
      </c>
      <c r="AL25" s="103">
        <v>2</v>
      </c>
      <c r="AM25" s="412">
        <v>0</v>
      </c>
      <c r="AN25" s="102">
        <v>5</v>
      </c>
      <c r="AO25" s="102">
        <v>2</v>
      </c>
      <c r="AP25" s="102">
        <v>1</v>
      </c>
      <c r="AQ25" s="102">
        <v>1</v>
      </c>
      <c r="AR25" s="102">
        <v>1</v>
      </c>
      <c r="AS25" s="103">
        <v>10</v>
      </c>
      <c r="AT25" s="104">
        <v>12</v>
      </c>
      <c r="AU25" s="101">
        <v>8</v>
      </c>
      <c r="AV25" s="102">
        <v>5</v>
      </c>
      <c r="AW25" s="103">
        <v>13</v>
      </c>
      <c r="AX25" s="412">
        <v>0</v>
      </c>
      <c r="AY25" s="102">
        <v>5</v>
      </c>
      <c r="AZ25" s="102">
        <v>7</v>
      </c>
      <c r="BA25" s="102">
        <v>2</v>
      </c>
      <c r="BB25" s="102">
        <v>3</v>
      </c>
      <c r="BC25" s="102">
        <v>2</v>
      </c>
      <c r="BD25" s="103">
        <v>19</v>
      </c>
      <c r="BE25" s="104">
        <v>32</v>
      </c>
      <c r="BF25" s="101">
        <v>1</v>
      </c>
      <c r="BG25" s="102">
        <v>0</v>
      </c>
      <c r="BH25" s="103">
        <v>1</v>
      </c>
      <c r="BI25" s="412">
        <v>0</v>
      </c>
      <c r="BJ25" s="102">
        <v>5</v>
      </c>
      <c r="BK25" s="102">
        <v>6</v>
      </c>
      <c r="BL25" s="102">
        <v>5</v>
      </c>
      <c r="BM25" s="102">
        <v>1</v>
      </c>
      <c r="BN25" s="102">
        <v>0</v>
      </c>
      <c r="BO25" s="103">
        <v>17</v>
      </c>
      <c r="BP25" s="104">
        <v>18</v>
      </c>
      <c r="BQ25" s="101">
        <v>1</v>
      </c>
      <c r="BR25" s="102">
        <v>2</v>
      </c>
      <c r="BS25" s="103">
        <v>3</v>
      </c>
      <c r="BT25" s="412">
        <v>0</v>
      </c>
      <c r="BU25" s="102">
        <v>9</v>
      </c>
      <c r="BV25" s="102">
        <v>8</v>
      </c>
      <c r="BW25" s="102">
        <v>2</v>
      </c>
      <c r="BX25" s="102">
        <v>4</v>
      </c>
      <c r="BY25" s="102">
        <v>1</v>
      </c>
      <c r="BZ25" s="103">
        <v>24</v>
      </c>
      <c r="CA25" s="104">
        <v>27</v>
      </c>
      <c r="CB25" s="101">
        <v>0</v>
      </c>
      <c r="CC25" s="102">
        <v>0</v>
      </c>
      <c r="CD25" s="103">
        <v>0</v>
      </c>
      <c r="CE25" s="412">
        <v>0</v>
      </c>
      <c r="CF25" s="102">
        <v>0</v>
      </c>
      <c r="CG25" s="102">
        <v>0</v>
      </c>
      <c r="CH25" s="102">
        <v>0</v>
      </c>
      <c r="CI25" s="102">
        <v>0</v>
      </c>
      <c r="CJ25" s="102">
        <v>0</v>
      </c>
      <c r="CK25" s="103">
        <v>0</v>
      </c>
      <c r="CL25" s="104">
        <v>0</v>
      </c>
      <c r="CM25" s="101">
        <v>13</v>
      </c>
      <c r="CN25" s="102">
        <v>10</v>
      </c>
      <c r="CO25" s="103">
        <v>23</v>
      </c>
      <c r="CP25" s="412">
        <v>0</v>
      </c>
      <c r="CQ25" s="102">
        <v>26</v>
      </c>
      <c r="CR25" s="102">
        <v>24</v>
      </c>
      <c r="CS25" s="102">
        <v>12</v>
      </c>
      <c r="CT25" s="102">
        <v>9</v>
      </c>
      <c r="CU25" s="102">
        <v>5</v>
      </c>
      <c r="CV25" s="103">
        <v>76</v>
      </c>
      <c r="CW25" s="104">
        <v>99</v>
      </c>
      <c r="CX25" s="105">
        <v>2</v>
      </c>
      <c r="CY25" s="97">
        <v>6</v>
      </c>
      <c r="CZ25" s="98">
        <v>8</v>
      </c>
      <c r="DA25" s="412">
        <v>0</v>
      </c>
      <c r="DB25" s="97">
        <v>5</v>
      </c>
      <c r="DC25" s="97">
        <v>6</v>
      </c>
      <c r="DD25" s="97">
        <v>0</v>
      </c>
      <c r="DE25" s="97">
        <v>4</v>
      </c>
      <c r="DF25" s="97">
        <v>4</v>
      </c>
      <c r="DG25" s="99">
        <v>19</v>
      </c>
      <c r="DH25" s="100">
        <v>27</v>
      </c>
      <c r="DI25" s="101">
        <v>0</v>
      </c>
      <c r="DJ25" s="102">
        <v>1</v>
      </c>
      <c r="DK25" s="103">
        <v>1</v>
      </c>
      <c r="DL25" s="412">
        <v>0</v>
      </c>
      <c r="DM25" s="102">
        <v>0</v>
      </c>
      <c r="DN25" s="102">
        <v>0</v>
      </c>
      <c r="DO25" s="102">
        <v>0</v>
      </c>
      <c r="DP25" s="102">
        <v>0</v>
      </c>
      <c r="DQ25" s="102">
        <v>0</v>
      </c>
      <c r="DR25" s="103">
        <v>0</v>
      </c>
      <c r="DS25" s="104">
        <v>1</v>
      </c>
      <c r="DT25" s="101">
        <v>0</v>
      </c>
      <c r="DU25" s="102">
        <v>0</v>
      </c>
      <c r="DV25" s="103">
        <v>0</v>
      </c>
      <c r="DW25" s="412">
        <v>0</v>
      </c>
      <c r="DX25" s="102">
        <v>0</v>
      </c>
      <c r="DY25" s="102">
        <v>0</v>
      </c>
      <c r="DZ25" s="102">
        <v>0</v>
      </c>
      <c r="EA25" s="102">
        <v>0</v>
      </c>
      <c r="EB25" s="102">
        <v>0</v>
      </c>
      <c r="EC25" s="103">
        <v>0</v>
      </c>
      <c r="ED25" s="104">
        <v>0</v>
      </c>
      <c r="EE25" s="101">
        <v>1</v>
      </c>
      <c r="EF25" s="102">
        <v>1</v>
      </c>
      <c r="EG25" s="103">
        <v>2</v>
      </c>
      <c r="EH25" s="412">
        <v>0</v>
      </c>
      <c r="EI25" s="102">
        <v>0</v>
      </c>
      <c r="EJ25" s="102">
        <v>1</v>
      </c>
      <c r="EK25" s="102">
        <v>0</v>
      </c>
      <c r="EL25" s="102">
        <v>0</v>
      </c>
      <c r="EM25" s="102">
        <v>0</v>
      </c>
      <c r="EN25" s="103">
        <v>1</v>
      </c>
      <c r="EO25" s="104">
        <v>3</v>
      </c>
      <c r="EP25" s="101">
        <v>1</v>
      </c>
      <c r="EQ25" s="102">
        <v>1</v>
      </c>
      <c r="ER25" s="103">
        <v>2</v>
      </c>
      <c r="ES25" s="412">
        <v>0</v>
      </c>
      <c r="ET25" s="102">
        <v>2</v>
      </c>
      <c r="EU25" s="102">
        <v>1</v>
      </c>
      <c r="EV25" s="102">
        <v>0</v>
      </c>
      <c r="EW25" s="102">
        <v>0</v>
      </c>
      <c r="EX25" s="102">
        <v>1</v>
      </c>
      <c r="EY25" s="103">
        <v>4</v>
      </c>
      <c r="EZ25" s="104">
        <v>6</v>
      </c>
      <c r="FA25" s="101">
        <v>0</v>
      </c>
      <c r="FB25" s="102">
        <v>1</v>
      </c>
      <c r="FC25" s="103">
        <v>1</v>
      </c>
      <c r="FD25" s="412">
        <v>0</v>
      </c>
      <c r="FE25" s="102">
        <v>1</v>
      </c>
      <c r="FF25" s="102">
        <v>2</v>
      </c>
      <c r="FG25" s="102">
        <v>0</v>
      </c>
      <c r="FH25" s="102">
        <v>3</v>
      </c>
      <c r="FI25" s="102">
        <v>0</v>
      </c>
      <c r="FJ25" s="103">
        <v>6</v>
      </c>
      <c r="FK25" s="104">
        <v>7</v>
      </c>
      <c r="FL25" s="101">
        <v>0</v>
      </c>
      <c r="FM25" s="102">
        <v>2</v>
      </c>
      <c r="FN25" s="103">
        <v>2</v>
      </c>
      <c r="FO25" s="412">
        <v>0</v>
      </c>
      <c r="FP25" s="102">
        <v>2</v>
      </c>
      <c r="FQ25" s="102">
        <v>2</v>
      </c>
      <c r="FR25" s="102">
        <v>0</v>
      </c>
      <c r="FS25" s="102">
        <v>1</v>
      </c>
      <c r="FT25" s="102">
        <v>3</v>
      </c>
      <c r="FU25" s="103">
        <v>8</v>
      </c>
      <c r="FV25" s="104">
        <v>10</v>
      </c>
      <c r="FW25" s="101">
        <v>0</v>
      </c>
      <c r="FX25" s="102">
        <v>0</v>
      </c>
      <c r="FY25" s="103">
        <v>0</v>
      </c>
      <c r="FZ25" s="412">
        <v>0</v>
      </c>
      <c r="GA25" s="102">
        <v>0</v>
      </c>
      <c r="GB25" s="102">
        <v>0</v>
      </c>
      <c r="GC25" s="102">
        <v>0</v>
      </c>
      <c r="GD25" s="102">
        <v>0</v>
      </c>
      <c r="GE25" s="102">
        <v>0</v>
      </c>
      <c r="GF25" s="103">
        <v>0</v>
      </c>
      <c r="GG25" s="104">
        <v>0</v>
      </c>
      <c r="GH25" s="101">
        <v>2</v>
      </c>
      <c r="GI25" s="102">
        <v>6</v>
      </c>
      <c r="GJ25" s="103">
        <v>8</v>
      </c>
      <c r="GK25" s="412">
        <v>0</v>
      </c>
      <c r="GL25" s="102">
        <v>5</v>
      </c>
      <c r="GM25" s="102">
        <v>6</v>
      </c>
      <c r="GN25" s="102">
        <v>0</v>
      </c>
      <c r="GO25" s="102">
        <v>4</v>
      </c>
      <c r="GP25" s="102">
        <v>4</v>
      </c>
      <c r="GQ25" s="103">
        <v>19</v>
      </c>
      <c r="GR25" s="104">
        <v>27</v>
      </c>
      <c r="GS25" s="105">
        <v>15</v>
      </c>
      <c r="GT25" s="97">
        <v>16</v>
      </c>
      <c r="GU25" s="98">
        <v>31</v>
      </c>
      <c r="GV25" s="412">
        <v>0</v>
      </c>
      <c r="GW25" s="97">
        <v>31</v>
      </c>
      <c r="GX25" s="97">
        <v>30</v>
      </c>
      <c r="GY25" s="97">
        <v>12</v>
      </c>
      <c r="GZ25" s="97">
        <v>13</v>
      </c>
      <c r="HA25" s="97">
        <v>9</v>
      </c>
      <c r="HB25" s="99">
        <v>95</v>
      </c>
      <c r="HC25" s="100">
        <v>126</v>
      </c>
      <c r="HD25" s="101">
        <v>1</v>
      </c>
      <c r="HE25" s="102">
        <v>2</v>
      </c>
      <c r="HF25" s="103">
        <v>3</v>
      </c>
      <c r="HG25" s="412">
        <v>0</v>
      </c>
      <c r="HH25" s="102">
        <v>0</v>
      </c>
      <c r="HI25" s="102">
        <v>0</v>
      </c>
      <c r="HJ25" s="102">
        <v>1</v>
      </c>
      <c r="HK25" s="102">
        <v>0</v>
      </c>
      <c r="HL25" s="102">
        <v>0</v>
      </c>
      <c r="HM25" s="103">
        <v>1</v>
      </c>
      <c r="HN25" s="104">
        <v>4</v>
      </c>
      <c r="HO25" s="101">
        <v>1</v>
      </c>
      <c r="HP25" s="102">
        <v>1</v>
      </c>
      <c r="HQ25" s="103">
        <v>2</v>
      </c>
      <c r="HR25" s="412">
        <v>0</v>
      </c>
      <c r="HS25" s="102">
        <v>2</v>
      </c>
      <c r="HT25" s="102">
        <v>1</v>
      </c>
      <c r="HU25" s="102">
        <v>1</v>
      </c>
      <c r="HV25" s="102">
        <v>0</v>
      </c>
      <c r="HW25" s="102">
        <v>1</v>
      </c>
      <c r="HX25" s="103">
        <v>5</v>
      </c>
      <c r="HY25" s="104">
        <v>7</v>
      </c>
      <c r="HZ25" s="101">
        <v>2</v>
      </c>
      <c r="IA25" s="102">
        <v>2</v>
      </c>
      <c r="IB25" s="103">
        <v>4</v>
      </c>
      <c r="IC25" s="412">
        <v>0</v>
      </c>
      <c r="ID25" s="102">
        <v>5</v>
      </c>
      <c r="IE25" s="102">
        <v>3</v>
      </c>
      <c r="IF25" s="102">
        <v>1</v>
      </c>
      <c r="IG25" s="102">
        <v>1</v>
      </c>
      <c r="IH25" s="102">
        <v>1</v>
      </c>
      <c r="II25" s="103">
        <v>11</v>
      </c>
      <c r="IJ25" s="104">
        <v>15</v>
      </c>
      <c r="IK25" s="101">
        <v>9</v>
      </c>
      <c r="IL25" s="102">
        <v>6</v>
      </c>
      <c r="IM25" s="103">
        <v>15</v>
      </c>
      <c r="IN25" s="412">
        <v>0</v>
      </c>
      <c r="IO25" s="102">
        <v>7</v>
      </c>
      <c r="IP25" s="102">
        <v>8</v>
      </c>
      <c r="IQ25" s="102">
        <v>2</v>
      </c>
      <c r="IR25" s="102">
        <v>3</v>
      </c>
      <c r="IS25" s="102">
        <v>3</v>
      </c>
      <c r="IT25" s="103">
        <v>23</v>
      </c>
      <c r="IU25" s="104">
        <v>38</v>
      </c>
      <c r="IV25" s="101">
        <v>1</v>
      </c>
      <c r="IW25" s="102">
        <v>1</v>
      </c>
      <c r="IX25" s="103">
        <v>2</v>
      </c>
      <c r="IY25" s="412">
        <v>0</v>
      </c>
      <c r="IZ25" s="102">
        <v>6</v>
      </c>
      <c r="JA25" s="102">
        <v>8</v>
      </c>
      <c r="JB25" s="102">
        <v>5</v>
      </c>
      <c r="JC25" s="102">
        <v>4</v>
      </c>
      <c r="JD25" s="102">
        <v>0</v>
      </c>
      <c r="JE25" s="103">
        <v>23</v>
      </c>
      <c r="JF25" s="104">
        <v>25</v>
      </c>
      <c r="JG25" s="101">
        <v>1</v>
      </c>
      <c r="JH25" s="102">
        <v>4</v>
      </c>
      <c r="JI25" s="103">
        <v>5</v>
      </c>
      <c r="JJ25" s="412">
        <v>0</v>
      </c>
      <c r="JK25" s="102">
        <v>11</v>
      </c>
      <c r="JL25" s="102">
        <v>10</v>
      </c>
      <c r="JM25" s="102">
        <v>2</v>
      </c>
      <c r="JN25" s="102">
        <v>5</v>
      </c>
      <c r="JO25" s="102">
        <v>4</v>
      </c>
      <c r="JP25" s="103">
        <v>32</v>
      </c>
      <c r="JQ25" s="104">
        <v>37</v>
      </c>
      <c r="JR25" s="101">
        <v>0</v>
      </c>
      <c r="JS25" s="102">
        <v>0</v>
      </c>
      <c r="JT25" s="103">
        <v>0</v>
      </c>
      <c r="JU25" s="412">
        <v>0</v>
      </c>
      <c r="JV25" s="102">
        <v>0</v>
      </c>
      <c r="JW25" s="102">
        <v>0</v>
      </c>
      <c r="JX25" s="102">
        <v>0</v>
      </c>
      <c r="JY25" s="102">
        <v>0</v>
      </c>
      <c r="JZ25" s="102">
        <v>0</v>
      </c>
      <c r="KA25" s="103">
        <v>0</v>
      </c>
      <c r="KB25" s="104">
        <v>0</v>
      </c>
      <c r="KC25" s="101">
        <v>15</v>
      </c>
      <c r="KD25" s="102">
        <v>16</v>
      </c>
      <c r="KE25" s="103">
        <v>31</v>
      </c>
      <c r="KF25" s="412">
        <v>0</v>
      </c>
      <c r="KG25" s="102">
        <v>31</v>
      </c>
      <c r="KH25" s="102">
        <v>30</v>
      </c>
      <c r="KI25" s="102">
        <v>12</v>
      </c>
      <c r="KJ25" s="102">
        <v>13</v>
      </c>
      <c r="KK25" s="102">
        <v>9</v>
      </c>
      <c r="KL25" s="103">
        <v>95</v>
      </c>
      <c r="KM25" s="104">
        <v>126</v>
      </c>
    </row>
    <row r="26" spans="2:299" s="70" customFormat="1" ht="21" customHeight="1" x14ac:dyDescent="0.2">
      <c r="B26" s="106" t="s">
        <v>23</v>
      </c>
      <c r="C26" s="96">
        <v>20</v>
      </c>
      <c r="D26" s="97">
        <v>18</v>
      </c>
      <c r="E26" s="98">
        <v>38</v>
      </c>
      <c r="F26" s="412">
        <v>0</v>
      </c>
      <c r="G26" s="97">
        <v>19</v>
      </c>
      <c r="H26" s="97">
        <v>26</v>
      </c>
      <c r="I26" s="97">
        <v>25</v>
      </c>
      <c r="J26" s="97">
        <v>15</v>
      </c>
      <c r="K26" s="97">
        <v>14</v>
      </c>
      <c r="L26" s="99">
        <v>99</v>
      </c>
      <c r="M26" s="100">
        <v>137</v>
      </c>
      <c r="N26" s="101">
        <v>0</v>
      </c>
      <c r="O26" s="102">
        <v>2</v>
      </c>
      <c r="P26" s="103">
        <v>2</v>
      </c>
      <c r="Q26" s="412">
        <v>0</v>
      </c>
      <c r="R26" s="102">
        <v>0</v>
      </c>
      <c r="S26" s="102">
        <v>0</v>
      </c>
      <c r="T26" s="102">
        <v>1</v>
      </c>
      <c r="U26" s="102">
        <v>0</v>
      </c>
      <c r="V26" s="102">
        <v>0</v>
      </c>
      <c r="W26" s="103">
        <v>1</v>
      </c>
      <c r="X26" s="104">
        <v>3</v>
      </c>
      <c r="Y26" s="101">
        <v>1</v>
      </c>
      <c r="Z26" s="102">
        <v>1</v>
      </c>
      <c r="AA26" s="103">
        <v>2</v>
      </c>
      <c r="AB26" s="412">
        <v>0</v>
      </c>
      <c r="AC26" s="102">
        <v>0</v>
      </c>
      <c r="AD26" s="102">
        <v>5</v>
      </c>
      <c r="AE26" s="102">
        <v>2</v>
      </c>
      <c r="AF26" s="102">
        <v>0</v>
      </c>
      <c r="AG26" s="102">
        <v>4</v>
      </c>
      <c r="AH26" s="103">
        <v>11</v>
      </c>
      <c r="AI26" s="104">
        <v>13</v>
      </c>
      <c r="AJ26" s="101">
        <v>6</v>
      </c>
      <c r="AK26" s="102">
        <v>0</v>
      </c>
      <c r="AL26" s="103">
        <v>6</v>
      </c>
      <c r="AM26" s="412">
        <v>0</v>
      </c>
      <c r="AN26" s="102">
        <v>3</v>
      </c>
      <c r="AO26" s="102">
        <v>2</v>
      </c>
      <c r="AP26" s="102">
        <v>3</v>
      </c>
      <c r="AQ26" s="102">
        <v>0</v>
      </c>
      <c r="AR26" s="102">
        <v>3</v>
      </c>
      <c r="AS26" s="103">
        <v>11</v>
      </c>
      <c r="AT26" s="104">
        <v>17</v>
      </c>
      <c r="AU26" s="101">
        <v>6</v>
      </c>
      <c r="AV26" s="102">
        <v>6</v>
      </c>
      <c r="AW26" s="103">
        <v>12</v>
      </c>
      <c r="AX26" s="412">
        <v>0</v>
      </c>
      <c r="AY26" s="102">
        <v>7</v>
      </c>
      <c r="AZ26" s="102">
        <v>2</v>
      </c>
      <c r="BA26" s="102">
        <v>6</v>
      </c>
      <c r="BB26" s="102">
        <v>7</v>
      </c>
      <c r="BC26" s="102">
        <v>1</v>
      </c>
      <c r="BD26" s="103">
        <v>23</v>
      </c>
      <c r="BE26" s="104">
        <v>35</v>
      </c>
      <c r="BF26" s="101">
        <v>6</v>
      </c>
      <c r="BG26" s="102">
        <v>4</v>
      </c>
      <c r="BH26" s="103">
        <v>10</v>
      </c>
      <c r="BI26" s="412">
        <v>0</v>
      </c>
      <c r="BJ26" s="102">
        <v>5</v>
      </c>
      <c r="BK26" s="102">
        <v>9</v>
      </c>
      <c r="BL26" s="102">
        <v>8</v>
      </c>
      <c r="BM26" s="102">
        <v>3</v>
      </c>
      <c r="BN26" s="102">
        <v>5</v>
      </c>
      <c r="BO26" s="103">
        <v>30</v>
      </c>
      <c r="BP26" s="104">
        <v>40</v>
      </c>
      <c r="BQ26" s="101">
        <v>1</v>
      </c>
      <c r="BR26" s="102">
        <v>5</v>
      </c>
      <c r="BS26" s="103">
        <v>6</v>
      </c>
      <c r="BT26" s="412">
        <v>0</v>
      </c>
      <c r="BU26" s="102">
        <v>4</v>
      </c>
      <c r="BV26" s="102">
        <v>8</v>
      </c>
      <c r="BW26" s="102">
        <v>5</v>
      </c>
      <c r="BX26" s="102">
        <v>5</v>
      </c>
      <c r="BY26" s="102">
        <v>1</v>
      </c>
      <c r="BZ26" s="103">
        <v>23</v>
      </c>
      <c r="CA26" s="104">
        <v>29</v>
      </c>
      <c r="CB26" s="101">
        <v>0</v>
      </c>
      <c r="CC26" s="102">
        <v>0</v>
      </c>
      <c r="CD26" s="103">
        <v>0</v>
      </c>
      <c r="CE26" s="412">
        <v>0</v>
      </c>
      <c r="CF26" s="102">
        <v>0</v>
      </c>
      <c r="CG26" s="102">
        <v>0</v>
      </c>
      <c r="CH26" s="102">
        <v>0</v>
      </c>
      <c r="CI26" s="102">
        <v>0</v>
      </c>
      <c r="CJ26" s="102">
        <v>0</v>
      </c>
      <c r="CK26" s="103">
        <v>0</v>
      </c>
      <c r="CL26" s="104">
        <v>0</v>
      </c>
      <c r="CM26" s="101">
        <v>20</v>
      </c>
      <c r="CN26" s="102">
        <v>18</v>
      </c>
      <c r="CO26" s="103">
        <v>38</v>
      </c>
      <c r="CP26" s="412">
        <v>0</v>
      </c>
      <c r="CQ26" s="102">
        <v>19</v>
      </c>
      <c r="CR26" s="102">
        <v>26</v>
      </c>
      <c r="CS26" s="102">
        <v>25</v>
      </c>
      <c r="CT26" s="102">
        <v>15</v>
      </c>
      <c r="CU26" s="102">
        <v>14</v>
      </c>
      <c r="CV26" s="103">
        <v>99</v>
      </c>
      <c r="CW26" s="104">
        <v>137</v>
      </c>
      <c r="CX26" s="105">
        <v>8</v>
      </c>
      <c r="CY26" s="97">
        <v>8</v>
      </c>
      <c r="CZ26" s="98">
        <v>16</v>
      </c>
      <c r="DA26" s="412">
        <v>0</v>
      </c>
      <c r="DB26" s="97">
        <v>9</v>
      </c>
      <c r="DC26" s="97">
        <v>9</v>
      </c>
      <c r="DD26" s="97">
        <v>4</v>
      </c>
      <c r="DE26" s="97">
        <v>6</v>
      </c>
      <c r="DF26" s="97">
        <v>5</v>
      </c>
      <c r="DG26" s="99">
        <v>33</v>
      </c>
      <c r="DH26" s="100">
        <v>49</v>
      </c>
      <c r="DI26" s="101">
        <v>1</v>
      </c>
      <c r="DJ26" s="102">
        <v>1</v>
      </c>
      <c r="DK26" s="103">
        <v>2</v>
      </c>
      <c r="DL26" s="412">
        <v>0</v>
      </c>
      <c r="DM26" s="102">
        <v>0</v>
      </c>
      <c r="DN26" s="102">
        <v>0</v>
      </c>
      <c r="DO26" s="102">
        <v>0</v>
      </c>
      <c r="DP26" s="102">
        <v>0</v>
      </c>
      <c r="DQ26" s="102">
        <v>0</v>
      </c>
      <c r="DR26" s="103">
        <v>0</v>
      </c>
      <c r="DS26" s="104">
        <v>2</v>
      </c>
      <c r="DT26" s="101">
        <v>0</v>
      </c>
      <c r="DU26" s="102">
        <v>0</v>
      </c>
      <c r="DV26" s="103">
        <v>0</v>
      </c>
      <c r="DW26" s="412">
        <v>0</v>
      </c>
      <c r="DX26" s="102">
        <v>0</v>
      </c>
      <c r="DY26" s="102">
        <v>0</v>
      </c>
      <c r="DZ26" s="102">
        <v>0</v>
      </c>
      <c r="EA26" s="102">
        <v>0</v>
      </c>
      <c r="EB26" s="102">
        <v>0</v>
      </c>
      <c r="EC26" s="103">
        <v>0</v>
      </c>
      <c r="ED26" s="104">
        <v>0</v>
      </c>
      <c r="EE26" s="101">
        <v>1</v>
      </c>
      <c r="EF26" s="102">
        <v>2</v>
      </c>
      <c r="EG26" s="103">
        <v>3</v>
      </c>
      <c r="EH26" s="412">
        <v>0</v>
      </c>
      <c r="EI26" s="102">
        <v>0</v>
      </c>
      <c r="EJ26" s="102">
        <v>0</v>
      </c>
      <c r="EK26" s="102">
        <v>0</v>
      </c>
      <c r="EL26" s="102">
        <v>0</v>
      </c>
      <c r="EM26" s="102">
        <v>1</v>
      </c>
      <c r="EN26" s="103">
        <v>1</v>
      </c>
      <c r="EO26" s="104">
        <v>4</v>
      </c>
      <c r="EP26" s="101">
        <v>4</v>
      </c>
      <c r="EQ26" s="102">
        <v>3</v>
      </c>
      <c r="ER26" s="103">
        <v>7</v>
      </c>
      <c r="ES26" s="412">
        <v>0</v>
      </c>
      <c r="ET26" s="102">
        <v>2</v>
      </c>
      <c r="EU26" s="102">
        <v>1</v>
      </c>
      <c r="EV26" s="102">
        <v>2</v>
      </c>
      <c r="EW26" s="102">
        <v>1</v>
      </c>
      <c r="EX26" s="102">
        <v>1</v>
      </c>
      <c r="EY26" s="103">
        <v>7</v>
      </c>
      <c r="EZ26" s="104">
        <v>14</v>
      </c>
      <c r="FA26" s="101">
        <v>1</v>
      </c>
      <c r="FB26" s="102">
        <v>1</v>
      </c>
      <c r="FC26" s="103">
        <v>2</v>
      </c>
      <c r="FD26" s="412">
        <v>0</v>
      </c>
      <c r="FE26" s="102">
        <v>1</v>
      </c>
      <c r="FF26" s="102">
        <v>3</v>
      </c>
      <c r="FG26" s="102">
        <v>1</v>
      </c>
      <c r="FH26" s="102">
        <v>1</v>
      </c>
      <c r="FI26" s="102">
        <v>0</v>
      </c>
      <c r="FJ26" s="103">
        <v>6</v>
      </c>
      <c r="FK26" s="104">
        <v>8</v>
      </c>
      <c r="FL26" s="101">
        <v>1</v>
      </c>
      <c r="FM26" s="102">
        <v>1</v>
      </c>
      <c r="FN26" s="103">
        <v>2</v>
      </c>
      <c r="FO26" s="412">
        <v>0</v>
      </c>
      <c r="FP26" s="102">
        <v>6</v>
      </c>
      <c r="FQ26" s="102">
        <v>5</v>
      </c>
      <c r="FR26" s="102">
        <v>1</v>
      </c>
      <c r="FS26" s="102">
        <v>4</v>
      </c>
      <c r="FT26" s="102">
        <v>3</v>
      </c>
      <c r="FU26" s="103">
        <v>19</v>
      </c>
      <c r="FV26" s="104">
        <v>21</v>
      </c>
      <c r="FW26" s="101">
        <v>0</v>
      </c>
      <c r="FX26" s="102">
        <v>0</v>
      </c>
      <c r="FY26" s="103">
        <v>0</v>
      </c>
      <c r="FZ26" s="412">
        <v>0</v>
      </c>
      <c r="GA26" s="102">
        <v>0</v>
      </c>
      <c r="GB26" s="102">
        <v>0</v>
      </c>
      <c r="GC26" s="102">
        <v>0</v>
      </c>
      <c r="GD26" s="102">
        <v>0</v>
      </c>
      <c r="GE26" s="102">
        <v>0</v>
      </c>
      <c r="GF26" s="103">
        <v>0</v>
      </c>
      <c r="GG26" s="104">
        <v>0</v>
      </c>
      <c r="GH26" s="101">
        <v>8</v>
      </c>
      <c r="GI26" s="102">
        <v>8</v>
      </c>
      <c r="GJ26" s="103">
        <v>16</v>
      </c>
      <c r="GK26" s="412">
        <v>0</v>
      </c>
      <c r="GL26" s="102">
        <v>9</v>
      </c>
      <c r="GM26" s="102">
        <v>9</v>
      </c>
      <c r="GN26" s="102">
        <v>4</v>
      </c>
      <c r="GO26" s="102">
        <v>6</v>
      </c>
      <c r="GP26" s="102">
        <v>5</v>
      </c>
      <c r="GQ26" s="103">
        <v>33</v>
      </c>
      <c r="GR26" s="104">
        <v>49</v>
      </c>
      <c r="GS26" s="105">
        <v>28</v>
      </c>
      <c r="GT26" s="97">
        <v>26</v>
      </c>
      <c r="GU26" s="98">
        <v>54</v>
      </c>
      <c r="GV26" s="412">
        <v>0</v>
      </c>
      <c r="GW26" s="97">
        <v>28</v>
      </c>
      <c r="GX26" s="97">
        <v>35</v>
      </c>
      <c r="GY26" s="97">
        <v>29</v>
      </c>
      <c r="GZ26" s="97">
        <v>21</v>
      </c>
      <c r="HA26" s="97">
        <v>19</v>
      </c>
      <c r="HB26" s="99">
        <v>132</v>
      </c>
      <c r="HC26" s="100">
        <v>186</v>
      </c>
      <c r="HD26" s="101">
        <v>1</v>
      </c>
      <c r="HE26" s="102">
        <v>3</v>
      </c>
      <c r="HF26" s="103">
        <v>4</v>
      </c>
      <c r="HG26" s="412">
        <v>0</v>
      </c>
      <c r="HH26" s="102">
        <v>0</v>
      </c>
      <c r="HI26" s="102">
        <v>0</v>
      </c>
      <c r="HJ26" s="102">
        <v>1</v>
      </c>
      <c r="HK26" s="102">
        <v>0</v>
      </c>
      <c r="HL26" s="102">
        <v>0</v>
      </c>
      <c r="HM26" s="103">
        <v>1</v>
      </c>
      <c r="HN26" s="104">
        <v>5</v>
      </c>
      <c r="HO26" s="101">
        <v>1</v>
      </c>
      <c r="HP26" s="102">
        <v>1</v>
      </c>
      <c r="HQ26" s="103">
        <v>2</v>
      </c>
      <c r="HR26" s="412">
        <v>0</v>
      </c>
      <c r="HS26" s="102">
        <v>0</v>
      </c>
      <c r="HT26" s="102">
        <v>5</v>
      </c>
      <c r="HU26" s="102">
        <v>2</v>
      </c>
      <c r="HV26" s="102">
        <v>0</v>
      </c>
      <c r="HW26" s="102">
        <v>4</v>
      </c>
      <c r="HX26" s="103">
        <v>11</v>
      </c>
      <c r="HY26" s="104">
        <v>13</v>
      </c>
      <c r="HZ26" s="101">
        <v>7</v>
      </c>
      <c r="IA26" s="102">
        <v>2</v>
      </c>
      <c r="IB26" s="103">
        <v>9</v>
      </c>
      <c r="IC26" s="412">
        <v>0</v>
      </c>
      <c r="ID26" s="102">
        <v>3</v>
      </c>
      <c r="IE26" s="102">
        <v>2</v>
      </c>
      <c r="IF26" s="102">
        <v>3</v>
      </c>
      <c r="IG26" s="102">
        <v>0</v>
      </c>
      <c r="IH26" s="102">
        <v>4</v>
      </c>
      <c r="II26" s="103">
        <v>12</v>
      </c>
      <c r="IJ26" s="104">
        <v>21</v>
      </c>
      <c r="IK26" s="101">
        <v>10</v>
      </c>
      <c r="IL26" s="102">
        <v>9</v>
      </c>
      <c r="IM26" s="103">
        <v>19</v>
      </c>
      <c r="IN26" s="412">
        <v>0</v>
      </c>
      <c r="IO26" s="102">
        <v>9</v>
      </c>
      <c r="IP26" s="102">
        <v>3</v>
      </c>
      <c r="IQ26" s="102">
        <v>8</v>
      </c>
      <c r="IR26" s="102">
        <v>8</v>
      </c>
      <c r="IS26" s="102">
        <v>2</v>
      </c>
      <c r="IT26" s="103">
        <v>30</v>
      </c>
      <c r="IU26" s="104">
        <v>49</v>
      </c>
      <c r="IV26" s="101">
        <v>7</v>
      </c>
      <c r="IW26" s="102">
        <v>5</v>
      </c>
      <c r="IX26" s="103">
        <v>12</v>
      </c>
      <c r="IY26" s="412">
        <v>0</v>
      </c>
      <c r="IZ26" s="102">
        <v>6</v>
      </c>
      <c r="JA26" s="102">
        <v>12</v>
      </c>
      <c r="JB26" s="102">
        <v>9</v>
      </c>
      <c r="JC26" s="102">
        <v>4</v>
      </c>
      <c r="JD26" s="102">
        <v>5</v>
      </c>
      <c r="JE26" s="103">
        <v>36</v>
      </c>
      <c r="JF26" s="104">
        <v>48</v>
      </c>
      <c r="JG26" s="101">
        <v>2</v>
      </c>
      <c r="JH26" s="102">
        <v>6</v>
      </c>
      <c r="JI26" s="103">
        <v>8</v>
      </c>
      <c r="JJ26" s="412">
        <v>0</v>
      </c>
      <c r="JK26" s="102">
        <v>10</v>
      </c>
      <c r="JL26" s="102">
        <v>13</v>
      </c>
      <c r="JM26" s="102">
        <v>6</v>
      </c>
      <c r="JN26" s="102">
        <v>9</v>
      </c>
      <c r="JO26" s="102">
        <v>4</v>
      </c>
      <c r="JP26" s="103">
        <v>42</v>
      </c>
      <c r="JQ26" s="104">
        <v>50</v>
      </c>
      <c r="JR26" s="101">
        <v>0</v>
      </c>
      <c r="JS26" s="102">
        <v>0</v>
      </c>
      <c r="JT26" s="103">
        <v>0</v>
      </c>
      <c r="JU26" s="412">
        <v>0</v>
      </c>
      <c r="JV26" s="102">
        <v>0</v>
      </c>
      <c r="JW26" s="102">
        <v>0</v>
      </c>
      <c r="JX26" s="102">
        <v>0</v>
      </c>
      <c r="JY26" s="102">
        <v>0</v>
      </c>
      <c r="JZ26" s="102">
        <v>0</v>
      </c>
      <c r="KA26" s="103">
        <v>0</v>
      </c>
      <c r="KB26" s="104">
        <v>0</v>
      </c>
      <c r="KC26" s="101">
        <v>28</v>
      </c>
      <c r="KD26" s="102">
        <v>26</v>
      </c>
      <c r="KE26" s="103">
        <v>54</v>
      </c>
      <c r="KF26" s="412">
        <v>0</v>
      </c>
      <c r="KG26" s="102">
        <v>28</v>
      </c>
      <c r="KH26" s="102">
        <v>35</v>
      </c>
      <c r="KI26" s="102">
        <v>29</v>
      </c>
      <c r="KJ26" s="102">
        <v>21</v>
      </c>
      <c r="KK26" s="102">
        <v>19</v>
      </c>
      <c r="KL26" s="103">
        <v>132</v>
      </c>
      <c r="KM26" s="104">
        <v>186</v>
      </c>
    </row>
    <row r="27" spans="2:299" s="70" customFormat="1" ht="21" customHeight="1" x14ac:dyDescent="0.2">
      <c r="B27" s="106" t="s">
        <v>24</v>
      </c>
      <c r="C27" s="96">
        <v>21</v>
      </c>
      <c r="D27" s="97">
        <v>22</v>
      </c>
      <c r="E27" s="98">
        <v>43</v>
      </c>
      <c r="F27" s="412">
        <v>0</v>
      </c>
      <c r="G27" s="97">
        <v>30</v>
      </c>
      <c r="H27" s="97">
        <v>22</v>
      </c>
      <c r="I27" s="97">
        <v>16</v>
      </c>
      <c r="J27" s="97">
        <v>12</v>
      </c>
      <c r="K27" s="97">
        <v>10</v>
      </c>
      <c r="L27" s="99">
        <v>90</v>
      </c>
      <c r="M27" s="100">
        <v>133</v>
      </c>
      <c r="N27" s="101">
        <v>0</v>
      </c>
      <c r="O27" s="102">
        <v>0</v>
      </c>
      <c r="P27" s="103">
        <v>0</v>
      </c>
      <c r="Q27" s="412">
        <v>0</v>
      </c>
      <c r="R27" s="102">
        <v>1</v>
      </c>
      <c r="S27" s="102">
        <v>0</v>
      </c>
      <c r="T27" s="102">
        <v>0</v>
      </c>
      <c r="U27" s="102">
        <v>0</v>
      </c>
      <c r="V27" s="102">
        <v>1</v>
      </c>
      <c r="W27" s="103">
        <v>2</v>
      </c>
      <c r="X27" s="104">
        <v>2</v>
      </c>
      <c r="Y27" s="101">
        <v>1</v>
      </c>
      <c r="Z27" s="102">
        <v>1</v>
      </c>
      <c r="AA27" s="103">
        <v>2</v>
      </c>
      <c r="AB27" s="412">
        <v>0</v>
      </c>
      <c r="AC27" s="102">
        <v>1</v>
      </c>
      <c r="AD27" s="102">
        <v>1</v>
      </c>
      <c r="AE27" s="102">
        <v>1</v>
      </c>
      <c r="AF27" s="102">
        <v>1</v>
      </c>
      <c r="AG27" s="102">
        <v>1</v>
      </c>
      <c r="AH27" s="103">
        <v>5</v>
      </c>
      <c r="AI27" s="104">
        <v>7</v>
      </c>
      <c r="AJ27" s="101">
        <v>1</v>
      </c>
      <c r="AK27" s="102">
        <v>0</v>
      </c>
      <c r="AL27" s="103">
        <v>1</v>
      </c>
      <c r="AM27" s="412">
        <v>0</v>
      </c>
      <c r="AN27" s="102">
        <v>3</v>
      </c>
      <c r="AO27" s="102">
        <v>2</v>
      </c>
      <c r="AP27" s="102">
        <v>2</v>
      </c>
      <c r="AQ27" s="102">
        <v>0</v>
      </c>
      <c r="AR27" s="102">
        <v>1</v>
      </c>
      <c r="AS27" s="103">
        <v>8</v>
      </c>
      <c r="AT27" s="104">
        <v>9</v>
      </c>
      <c r="AU27" s="101">
        <v>4</v>
      </c>
      <c r="AV27" s="102">
        <v>4</v>
      </c>
      <c r="AW27" s="103">
        <v>8</v>
      </c>
      <c r="AX27" s="412">
        <v>0</v>
      </c>
      <c r="AY27" s="102">
        <v>6</v>
      </c>
      <c r="AZ27" s="102">
        <v>5</v>
      </c>
      <c r="BA27" s="102">
        <v>1</v>
      </c>
      <c r="BB27" s="102">
        <v>3</v>
      </c>
      <c r="BC27" s="102">
        <v>2</v>
      </c>
      <c r="BD27" s="103">
        <v>17</v>
      </c>
      <c r="BE27" s="104">
        <v>25</v>
      </c>
      <c r="BF27" s="101">
        <v>7</v>
      </c>
      <c r="BG27" s="102">
        <v>8</v>
      </c>
      <c r="BH27" s="103">
        <v>15</v>
      </c>
      <c r="BI27" s="412">
        <v>0</v>
      </c>
      <c r="BJ27" s="102">
        <v>13</v>
      </c>
      <c r="BK27" s="102">
        <v>5</v>
      </c>
      <c r="BL27" s="102">
        <v>9</v>
      </c>
      <c r="BM27" s="102">
        <v>2</v>
      </c>
      <c r="BN27" s="102">
        <v>1</v>
      </c>
      <c r="BO27" s="103">
        <v>30</v>
      </c>
      <c r="BP27" s="104">
        <v>45</v>
      </c>
      <c r="BQ27" s="101">
        <v>8</v>
      </c>
      <c r="BR27" s="102">
        <v>9</v>
      </c>
      <c r="BS27" s="103">
        <v>17</v>
      </c>
      <c r="BT27" s="412">
        <v>0</v>
      </c>
      <c r="BU27" s="102">
        <v>6</v>
      </c>
      <c r="BV27" s="102">
        <v>9</v>
      </c>
      <c r="BW27" s="102">
        <v>3</v>
      </c>
      <c r="BX27" s="102">
        <v>6</v>
      </c>
      <c r="BY27" s="102">
        <v>4</v>
      </c>
      <c r="BZ27" s="103">
        <v>28</v>
      </c>
      <c r="CA27" s="104">
        <v>45</v>
      </c>
      <c r="CB27" s="101">
        <v>0</v>
      </c>
      <c r="CC27" s="102">
        <v>0</v>
      </c>
      <c r="CD27" s="103">
        <v>0</v>
      </c>
      <c r="CE27" s="412">
        <v>0</v>
      </c>
      <c r="CF27" s="102">
        <v>0</v>
      </c>
      <c r="CG27" s="102">
        <v>0</v>
      </c>
      <c r="CH27" s="102">
        <v>0</v>
      </c>
      <c r="CI27" s="102">
        <v>0</v>
      </c>
      <c r="CJ27" s="102">
        <v>0</v>
      </c>
      <c r="CK27" s="103">
        <v>0</v>
      </c>
      <c r="CL27" s="104">
        <v>0</v>
      </c>
      <c r="CM27" s="101">
        <v>21</v>
      </c>
      <c r="CN27" s="102">
        <v>22</v>
      </c>
      <c r="CO27" s="103">
        <v>43</v>
      </c>
      <c r="CP27" s="412">
        <v>0</v>
      </c>
      <c r="CQ27" s="102">
        <v>30</v>
      </c>
      <c r="CR27" s="102">
        <v>22</v>
      </c>
      <c r="CS27" s="102">
        <v>16</v>
      </c>
      <c r="CT27" s="102">
        <v>12</v>
      </c>
      <c r="CU27" s="102">
        <v>10</v>
      </c>
      <c r="CV27" s="103">
        <v>90</v>
      </c>
      <c r="CW27" s="104">
        <v>133</v>
      </c>
      <c r="CX27" s="105">
        <v>8</v>
      </c>
      <c r="CY27" s="97">
        <v>8</v>
      </c>
      <c r="CZ27" s="98">
        <v>16</v>
      </c>
      <c r="DA27" s="412">
        <v>0</v>
      </c>
      <c r="DB27" s="97">
        <v>9</v>
      </c>
      <c r="DC27" s="97">
        <v>7</v>
      </c>
      <c r="DD27" s="97">
        <v>3</v>
      </c>
      <c r="DE27" s="97">
        <v>5</v>
      </c>
      <c r="DF27" s="97">
        <v>2</v>
      </c>
      <c r="DG27" s="99">
        <v>26</v>
      </c>
      <c r="DH27" s="100">
        <v>42</v>
      </c>
      <c r="DI27" s="101">
        <v>0</v>
      </c>
      <c r="DJ27" s="102">
        <v>0</v>
      </c>
      <c r="DK27" s="103">
        <v>0</v>
      </c>
      <c r="DL27" s="412">
        <v>0</v>
      </c>
      <c r="DM27" s="102">
        <v>0</v>
      </c>
      <c r="DN27" s="102">
        <v>0</v>
      </c>
      <c r="DO27" s="102">
        <v>0</v>
      </c>
      <c r="DP27" s="102">
        <v>0</v>
      </c>
      <c r="DQ27" s="102">
        <v>0</v>
      </c>
      <c r="DR27" s="103">
        <v>0</v>
      </c>
      <c r="DS27" s="104">
        <v>0</v>
      </c>
      <c r="DT27" s="101">
        <v>1</v>
      </c>
      <c r="DU27" s="102">
        <v>0</v>
      </c>
      <c r="DV27" s="103">
        <v>1</v>
      </c>
      <c r="DW27" s="412">
        <v>0</v>
      </c>
      <c r="DX27" s="102">
        <v>0</v>
      </c>
      <c r="DY27" s="102">
        <v>0</v>
      </c>
      <c r="DZ27" s="102">
        <v>0</v>
      </c>
      <c r="EA27" s="102">
        <v>0</v>
      </c>
      <c r="EB27" s="102">
        <v>0</v>
      </c>
      <c r="EC27" s="103">
        <v>0</v>
      </c>
      <c r="ED27" s="104">
        <v>1</v>
      </c>
      <c r="EE27" s="101">
        <v>1</v>
      </c>
      <c r="EF27" s="102">
        <v>1</v>
      </c>
      <c r="EG27" s="103">
        <v>2</v>
      </c>
      <c r="EH27" s="412">
        <v>0</v>
      </c>
      <c r="EI27" s="102">
        <v>2</v>
      </c>
      <c r="EJ27" s="102">
        <v>1</v>
      </c>
      <c r="EK27" s="102">
        <v>0</v>
      </c>
      <c r="EL27" s="102">
        <v>0</v>
      </c>
      <c r="EM27" s="102">
        <v>0</v>
      </c>
      <c r="EN27" s="103">
        <v>3</v>
      </c>
      <c r="EO27" s="104">
        <v>5</v>
      </c>
      <c r="EP27" s="101">
        <v>3</v>
      </c>
      <c r="EQ27" s="102">
        <v>2</v>
      </c>
      <c r="ER27" s="103">
        <v>5</v>
      </c>
      <c r="ES27" s="412">
        <v>0</v>
      </c>
      <c r="ET27" s="102">
        <v>3</v>
      </c>
      <c r="EU27" s="102">
        <v>2</v>
      </c>
      <c r="EV27" s="102">
        <v>1</v>
      </c>
      <c r="EW27" s="102">
        <v>1</v>
      </c>
      <c r="EX27" s="102">
        <v>0</v>
      </c>
      <c r="EY27" s="103">
        <v>7</v>
      </c>
      <c r="EZ27" s="104">
        <v>12</v>
      </c>
      <c r="FA27" s="101">
        <v>2</v>
      </c>
      <c r="FB27" s="102">
        <v>2</v>
      </c>
      <c r="FC27" s="103">
        <v>4</v>
      </c>
      <c r="FD27" s="412">
        <v>0</v>
      </c>
      <c r="FE27" s="102">
        <v>3</v>
      </c>
      <c r="FF27" s="102">
        <v>2</v>
      </c>
      <c r="FG27" s="102">
        <v>0</v>
      </c>
      <c r="FH27" s="102">
        <v>0</v>
      </c>
      <c r="FI27" s="102">
        <v>1</v>
      </c>
      <c r="FJ27" s="103">
        <v>6</v>
      </c>
      <c r="FK27" s="104">
        <v>10</v>
      </c>
      <c r="FL27" s="101">
        <v>1</v>
      </c>
      <c r="FM27" s="102">
        <v>3</v>
      </c>
      <c r="FN27" s="103">
        <v>4</v>
      </c>
      <c r="FO27" s="412">
        <v>0</v>
      </c>
      <c r="FP27" s="102">
        <v>1</v>
      </c>
      <c r="FQ27" s="102">
        <v>2</v>
      </c>
      <c r="FR27" s="102">
        <v>2</v>
      </c>
      <c r="FS27" s="102">
        <v>4</v>
      </c>
      <c r="FT27" s="102">
        <v>1</v>
      </c>
      <c r="FU27" s="103">
        <v>10</v>
      </c>
      <c r="FV27" s="104">
        <v>14</v>
      </c>
      <c r="FW27" s="101">
        <v>0</v>
      </c>
      <c r="FX27" s="102">
        <v>0</v>
      </c>
      <c r="FY27" s="103">
        <v>0</v>
      </c>
      <c r="FZ27" s="412">
        <v>0</v>
      </c>
      <c r="GA27" s="102">
        <v>0</v>
      </c>
      <c r="GB27" s="102">
        <v>0</v>
      </c>
      <c r="GC27" s="102">
        <v>0</v>
      </c>
      <c r="GD27" s="102">
        <v>0</v>
      </c>
      <c r="GE27" s="102">
        <v>0</v>
      </c>
      <c r="GF27" s="103">
        <v>0</v>
      </c>
      <c r="GG27" s="104">
        <v>0</v>
      </c>
      <c r="GH27" s="101">
        <v>8</v>
      </c>
      <c r="GI27" s="102">
        <v>8</v>
      </c>
      <c r="GJ27" s="103">
        <v>16</v>
      </c>
      <c r="GK27" s="412">
        <v>0</v>
      </c>
      <c r="GL27" s="102">
        <v>9</v>
      </c>
      <c r="GM27" s="102">
        <v>7</v>
      </c>
      <c r="GN27" s="102">
        <v>3</v>
      </c>
      <c r="GO27" s="102">
        <v>5</v>
      </c>
      <c r="GP27" s="102">
        <v>2</v>
      </c>
      <c r="GQ27" s="103">
        <v>26</v>
      </c>
      <c r="GR27" s="104">
        <v>42</v>
      </c>
      <c r="GS27" s="105">
        <v>29</v>
      </c>
      <c r="GT27" s="97">
        <v>30</v>
      </c>
      <c r="GU27" s="98">
        <v>59</v>
      </c>
      <c r="GV27" s="412">
        <v>0</v>
      </c>
      <c r="GW27" s="97">
        <v>39</v>
      </c>
      <c r="GX27" s="97">
        <v>29</v>
      </c>
      <c r="GY27" s="97">
        <v>19</v>
      </c>
      <c r="GZ27" s="97">
        <v>17</v>
      </c>
      <c r="HA27" s="97">
        <v>12</v>
      </c>
      <c r="HB27" s="99">
        <v>116</v>
      </c>
      <c r="HC27" s="100">
        <v>175</v>
      </c>
      <c r="HD27" s="101">
        <v>0</v>
      </c>
      <c r="HE27" s="102">
        <v>0</v>
      </c>
      <c r="HF27" s="103">
        <v>0</v>
      </c>
      <c r="HG27" s="412">
        <v>0</v>
      </c>
      <c r="HH27" s="102">
        <v>1</v>
      </c>
      <c r="HI27" s="102">
        <v>0</v>
      </c>
      <c r="HJ27" s="102">
        <v>0</v>
      </c>
      <c r="HK27" s="102">
        <v>0</v>
      </c>
      <c r="HL27" s="102">
        <v>1</v>
      </c>
      <c r="HM27" s="103">
        <v>2</v>
      </c>
      <c r="HN27" s="104">
        <v>2</v>
      </c>
      <c r="HO27" s="101">
        <v>2</v>
      </c>
      <c r="HP27" s="102">
        <v>1</v>
      </c>
      <c r="HQ27" s="103">
        <v>3</v>
      </c>
      <c r="HR27" s="412">
        <v>0</v>
      </c>
      <c r="HS27" s="102">
        <v>1</v>
      </c>
      <c r="HT27" s="102">
        <v>1</v>
      </c>
      <c r="HU27" s="102">
        <v>1</v>
      </c>
      <c r="HV27" s="102">
        <v>1</v>
      </c>
      <c r="HW27" s="102">
        <v>1</v>
      </c>
      <c r="HX27" s="103">
        <v>5</v>
      </c>
      <c r="HY27" s="104">
        <v>8</v>
      </c>
      <c r="HZ27" s="101">
        <v>2</v>
      </c>
      <c r="IA27" s="102">
        <v>1</v>
      </c>
      <c r="IB27" s="103">
        <v>3</v>
      </c>
      <c r="IC27" s="412">
        <v>0</v>
      </c>
      <c r="ID27" s="102">
        <v>5</v>
      </c>
      <c r="IE27" s="102">
        <v>3</v>
      </c>
      <c r="IF27" s="102">
        <v>2</v>
      </c>
      <c r="IG27" s="102">
        <v>0</v>
      </c>
      <c r="IH27" s="102">
        <v>1</v>
      </c>
      <c r="II27" s="103">
        <v>11</v>
      </c>
      <c r="IJ27" s="104">
        <v>14</v>
      </c>
      <c r="IK27" s="101">
        <v>7</v>
      </c>
      <c r="IL27" s="102">
        <v>6</v>
      </c>
      <c r="IM27" s="103">
        <v>13</v>
      </c>
      <c r="IN27" s="412">
        <v>0</v>
      </c>
      <c r="IO27" s="102">
        <v>9</v>
      </c>
      <c r="IP27" s="102">
        <v>7</v>
      </c>
      <c r="IQ27" s="102">
        <v>2</v>
      </c>
      <c r="IR27" s="102">
        <v>4</v>
      </c>
      <c r="IS27" s="102">
        <v>2</v>
      </c>
      <c r="IT27" s="103">
        <v>24</v>
      </c>
      <c r="IU27" s="104">
        <v>37</v>
      </c>
      <c r="IV27" s="101">
        <v>9</v>
      </c>
      <c r="IW27" s="102">
        <v>10</v>
      </c>
      <c r="IX27" s="103">
        <v>19</v>
      </c>
      <c r="IY27" s="412">
        <v>0</v>
      </c>
      <c r="IZ27" s="102">
        <v>16</v>
      </c>
      <c r="JA27" s="102">
        <v>7</v>
      </c>
      <c r="JB27" s="102">
        <v>9</v>
      </c>
      <c r="JC27" s="102">
        <v>2</v>
      </c>
      <c r="JD27" s="102">
        <v>2</v>
      </c>
      <c r="JE27" s="103">
        <v>36</v>
      </c>
      <c r="JF27" s="104">
        <v>55</v>
      </c>
      <c r="JG27" s="101">
        <v>9</v>
      </c>
      <c r="JH27" s="102">
        <v>12</v>
      </c>
      <c r="JI27" s="103">
        <v>21</v>
      </c>
      <c r="JJ27" s="412">
        <v>0</v>
      </c>
      <c r="JK27" s="102">
        <v>7</v>
      </c>
      <c r="JL27" s="102">
        <v>11</v>
      </c>
      <c r="JM27" s="102">
        <v>5</v>
      </c>
      <c r="JN27" s="102">
        <v>10</v>
      </c>
      <c r="JO27" s="102">
        <v>5</v>
      </c>
      <c r="JP27" s="103">
        <v>38</v>
      </c>
      <c r="JQ27" s="104">
        <v>59</v>
      </c>
      <c r="JR27" s="101">
        <v>0</v>
      </c>
      <c r="JS27" s="102">
        <v>0</v>
      </c>
      <c r="JT27" s="103">
        <v>0</v>
      </c>
      <c r="JU27" s="412">
        <v>0</v>
      </c>
      <c r="JV27" s="102">
        <v>0</v>
      </c>
      <c r="JW27" s="102">
        <v>0</v>
      </c>
      <c r="JX27" s="102">
        <v>0</v>
      </c>
      <c r="JY27" s="102">
        <v>0</v>
      </c>
      <c r="JZ27" s="102">
        <v>0</v>
      </c>
      <c r="KA27" s="103">
        <v>0</v>
      </c>
      <c r="KB27" s="104">
        <v>0</v>
      </c>
      <c r="KC27" s="101">
        <v>29</v>
      </c>
      <c r="KD27" s="102">
        <v>30</v>
      </c>
      <c r="KE27" s="103">
        <v>59</v>
      </c>
      <c r="KF27" s="412">
        <v>0</v>
      </c>
      <c r="KG27" s="102">
        <v>39</v>
      </c>
      <c r="KH27" s="102">
        <v>29</v>
      </c>
      <c r="KI27" s="102">
        <v>19</v>
      </c>
      <c r="KJ27" s="102">
        <v>17</v>
      </c>
      <c r="KK27" s="102">
        <v>12</v>
      </c>
      <c r="KL27" s="103">
        <v>116</v>
      </c>
      <c r="KM27" s="104">
        <v>175</v>
      </c>
    </row>
    <row r="28" spans="2:299" s="70" customFormat="1" ht="21" customHeight="1" x14ac:dyDescent="0.2">
      <c r="B28" s="106" t="s">
        <v>25</v>
      </c>
      <c r="C28" s="96">
        <v>11</v>
      </c>
      <c r="D28" s="97">
        <v>16</v>
      </c>
      <c r="E28" s="98">
        <v>27</v>
      </c>
      <c r="F28" s="412">
        <v>0</v>
      </c>
      <c r="G28" s="97">
        <v>8</v>
      </c>
      <c r="H28" s="97">
        <v>10</v>
      </c>
      <c r="I28" s="97">
        <v>10</v>
      </c>
      <c r="J28" s="97">
        <v>3</v>
      </c>
      <c r="K28" s="97">
        <v>5</v>
      </c>
      <c r="L28" s="99">
        <v>36</v>
      </c>
      <c r="M28" s="100">
        <v>63</v>
      </c>
      <c r="N28" s="101">
        <v>0</v>
      </c>
      <c r="O28" s="102">
        <v>2</v>
      </c>
      <c r="P28" s="103">
        <v>2</v>
      </c>
      <c r="Q28" s="412">
        <v>0</v>
      </c>
      <c r="R28" s="102">
        <v>0</v>
      </c>
      <c r="S28" s="102">
        <v>0</v>
      </c>
      <c r="T28" s="102">
        <v>0</v>
      </c>
      <c r="U28" s="102">
        <v>1</v>
      </c>
      <c r="V28" s="102">
        <v>0</v>
      </c>
      <c r="W28" s="103">
        <v>1</v>
      </c>
      <c r="X28" s="104">
        <v>3</v>
      </c>
      <c r="Y28" s="101">
        <v>3</v>
      </c>
      <c r="Z28" s="102">
        <v>1</v>
      </c>
      <c r="AA28" s="103">
        <v>4</v>
      </c>
      <c r="AB28" s="412">
        <v>0</v>
      </c>
      <c r="AC28" s="102">
        <v>1</v>
      </c>
      <c r="AD28" s="102">
        <v>1</v>
      </c>
      <c r="AE28" s="102">
        <v>3</v>
      </c>
      <c r="AF28" s="102">
        <v>0</v>
      </c>
      <c r="AG28" s="102">
        <v>1</v>
      </c>
      <c r="AH28" s="103">
        <v>6</v>
      </c>
      <c r="AI28" s="104">
        <v>10</v>
      </c>
      <c r="AJ28" s="101">
        <v>0</v>
      </c>
      <c r="AK28" s="102">
        <v>0</v>
      </c>
      <c r="AL28" s="103">
        <v>0</v>
      </c>
      <c r="AM28" s="412">
        <v>0</v>
      </c>
      <c r="AN28" s="102">
        <v>1</v>
      </c>
      <c r="AO28" s="102">
        <v>0</v>
      </c>
      <c r="AP28" s="102">
        <v>0</v>
      </c>
      <c r="AQ28" s="102">
        <v>1</v>
      </c>
      <c r="AR28" s="102">
        <v>0</v>
      </c>
      <c r="AS28" s="103">
        <v>2</v>
      </c>
      <c r="AT28" s="104">
        <v>2</v>
      </c>
      <c r="AU28" s="101">
        <v>4</v>
      </c>
      <c r="AV28" s="102">
        <v>6</v>
      </c>
      <c r="AW28" s="103">
        <v>10</v>
      </c>
      <c r="AX28" s="412">
        <v>0</v>
      </c>
      <c r="AY28" s="102">
        <v>3</v>
      </c>
      <c r="AZ28" s="102">
        <v>2</v>
      </c>
      <c r="BA28" s="102">
        <v>1</v>
      </c>
      <c r="BB28" s="102">
        <v>0</v>
      </c>
      <c r="BC28" s="102">
        <v>2</v>
      </c>
      <c r="BD28" s="103">
        <v>8</v>
      </c>
      <c r="BE28" s="104">
        <v>18</v>
      </c>
      <c r="BF28" s="101">
        <v>3</v>
      </c>
      <c r="BG28" s="102">
        <v>4</v>
      </c>
      <c r="BH28" s="103">
        <v>7</v>
      </c>
      <c r="BI28" s="412">
        <v>0</v>
      </c>
      <c r="BJ28" s="102">
        <v>1</v>
      </c>
      <c r="BK28" s="102">
        <v>1</v>
      </c>
      <c r="BL28" s="102">
        <v>4</v>
      </c>
      <c r="BM28" s="102">
        <v>1</v>
      </c>
      <c r="BN28" s="102">
        <v>1</v>
      </c>
      <c r="BO28" s="103">
        <v>8</v>
      </c>
      <c r="BP28" s="104">
        <v>15</v>
      </c>
      <c r="BQ28" s="101">
        <v>1</v>
      </c>
      <c r="BR28" s="102">
        <v>3</v>
      </c>
      <c r="BS28" s="103">
        <v>4</v>
      </c>
      <c r="BT28" s="412">
        <v>0</v>
      </c>
      <c r="BU28" s="102">
        <v>2</v>
      </c>
      <c r="BV28" s="102">
        <v>6</v>
      </c>
      <c r="BW28" s="102">
        <v>2</v>
      </c>
      <c r="BX28" s="102">
        <v>0</v>
      </c>
      <c r="BY28" s="102">
        <v>1</v>
      </c>
      <c r="BZ28" s="103">
        <v>11</v>
      </c>
      <c r="CA28" s="104">
        <v>15</v>
      </c>
      <c r="CB28" s="101">
        <v>0</v>
      </c>
      <c r="CC28" s="102">
        <v>0</v>
      </c>
      <c r="CD28" s="103">
        <v>0</v>
      </c>
      <c r="CE28" s="412">
        <v>0</v>
      </c>
      <c r="CF28" s="102">
        <v>0</v>
      </c>
      <c r="CG28" s="102">
        <v>0</v>
      </c>
      <c r="CH28" s="102">
        <v>0</v>
      </c>
      <c r="CI28" s="102">
        <v>0</v>
      </c>
      <c r="CJ28" s="102">
        <v>0</v>
      </c>
      <c r="CK28" s="103">
        <v>0</v>
      </c>
      <c r="CL28" s="104">
        <v>0</v>
      </c>
      <c r="CM28" s="101">
        <v>11</v>
      </c>
      <c r="CN28" s="102">
        <v>16</v>
      </c>
      <c r="CO28" s="103">
        <v>27</v>
      </c>
      <c r="CP28" s="412">
        <v>0</v>
      </c>
      <c r="CQ28" s="102">
        <v>8</v>
      </c>
      <c r="CR28" s="102">
        <v>10</v>
      </c>
      <c r="CS28" s="102">
        <v>10</v>
      </c>
      <c r="CT28" s="102">
        <v>3</v>
      </c>
      <c r="CU28" s="102">
        <v>5</v>
      </c>
      <c r="CV28" s="103">
        <v>36</v>
      </c>
      <c r="CW28" s="104">
        <v>63</v>
      </c>
      <c r="CX28" s="105">
        <v>7</v>
      </c>
      <c r="CY28" s="97">
        <v>9</v>
      </c>
      <c r="CZ28" s="98">
        <v>16</v>
      </c>
      <c r="DA28" s="412">
        <v>0</v>
      </c>
      <c r="DB28" s="97">
        <v>8</v>
      </c>
      <c r="DC28" s="97">
        <v>5</v>
      </c>
      <c r="DD28" s="97">
        <v>6</v>
      </c>
      <c r="DE28" s="97">
        <v>4</v>
      </c>
      <c r="DF28" s="97">
        <v>2</v>
      </c>
      <c r="DG28" s="99">
        <v>25</v>
      </c>
      <c r="DH28" s="100">
        <v>41</v>
      </c>
      <c r="DI28" s="101">
        <v>0</v>
      </c>
      <c r="DJ28" s="102">
        <v>0</v>
      </c>
      <c r="DK28" s="103">
        <v>0</v>
      </c>
      <c r="DL28" s="412">
        <v>0</v>
      </c>
      <c r="DM28" s="102">
        <v>0</v>
      </c>
      <c r="DN28" s="102">
        <v>0</v>
      </c>
      <c r="DO28" s="102">
        <v>0</v>
      </c>
      <c r="DP28" s="102">
        <v>0</v>
      </c>
      <c r="DQ28" s="102">
        <v>0</v>
      </c>
      <c r="DR28" s="103">
        <v>0</v>
      </c>
      <c r="DS28" s="104">
        <v>0</v>
      </c>
      <c r="DT28" s="101">
        <v>1</v>
      </c>
      <c r="DU28" s="102">
        <v>0</v>
      </c>
      <c r="DV28" s="103">
        <v>1</v>
      </c>
      <c r="DW28" s="412">
        <v>0</v>
      </c>
      <c r="DX28" s="102">
        <v>2</v>
      </c>
      <c r="DY28" s="102">
        <v>0</v>
      </c>
      <c r="DZ28" s="102">
        <v>0</v>
      </c>
      <c r="EA28" s="102">
        <v>0</v>
      </c>
      <c r="EB28" s="102">
        <v>1</v>
      </c>
      <c r="EC28" s="103">
        <v>3</v>
      </c>
      <c r="ED28" s="104">
        <v>4</v>
      </c>
      <c r="EE28" s="101">
        <v>1</v>
      </c>
      <c r="EF28" s="102">
        <v>1</v>
      </c>
      <c r="EG28" s="103">
        <v>2</v>
      </c>
      <c r="EH28" s="412">
        <v>0</v>
      </c>
      <c r="EI28" s="102">
        <v>0</v>
      </c>
      <c r="EJ28" s="102">
        <v>0</v>
      </c>
      <c r="EK28" s="102">
        <v>0</v>
      </c>
      <c r="EL28" s="102">
        <v>0</v>
      </c>
      <c r="EM28" s="102">
        <v>0</v>
      </c>
      <c r="EN28" s="103">
        <v>0</v>
      </c>
      <c r="EO28" s="104">
        <v>2</v>
      </c>
      <c r="EP28" s="101">
        <v>0</v>
      </c>
      <c r="EQ28" s="102">
        <v>3</v>
      </c>
      <c r="ER28" s="103">
        <v>3</v>
      </c>
      <c r="ES28" s="412">
        <v>0</v>
      </c>
      <c r="ET28" s="102">
        <v>1</v>
      </c>
      <c r="EU28" s="102">
        <v>1</v>
      </c>
      <c r="EV28" s="102">
        <v>0</v>
      </c>
      <c r="EW28" s="102">
        <v>0</v>
      </c>
      <c r="EX28" s="102">
        <v>0</v>
      </c>
      <c r="EY28" s="103">
        <v>2</v>
      </c>
      <c r="EZ28" s="104">
        <v>5</v>
      </c>
      <c r="FA28" s="101">
        <v>2</v>
      </c>
      <c r="FB28" s="102">
        <v>2</v>
      </c>
      <c r="FC28" s="103">
        <v>4</v>
      </c>
      <c r="FD28" s="412">
        <v>0</v>
      </c>
      <c r="FE28" s="102">
        <v>2</v>
      </c>
      <c r="FF28" s="102">
        <v>2</v>
      </c>
      <c r="FG28" s="102">
        <v>1</v>
      </c>
      <c r="FH28" s="102">
        <v>2</v>
      </c>
      <c r="FI28" s="102">
        <v>0</v>
      </c>
      <c r="FJ28" s="103">
        <v>7</v>
      </c>
      <c r="FK28" s="104">
        <v>11</v>
      </c>
      <c r="FL28" s="101">
        <v>3</v>
      </c>
      <c r="FM28" s="102">
        <v>3</v>
      </c>
      <c r="FN28" s="103">
        <v>6</v>
      </c>
      <c r="FO28" s="412">
        <v>0</v>
      </c>
      <c r="FP28" s="102">
        <v>3</v>
      </c>
      <c r="FQ28" s="102">
        <v>2</v>
      </c>
      <c r="FR28" s="102">
        <v>5</v>
      </c>
      <c r="FS28" s="102">
        <v>2</v>
      </c>
      <c r="FT28" s="102">
        <v>1</v>
      </c>
      <c r="FU28" s="103">
        <v>13</v>
      </c>
      <c r="FV28" s="104">
        <v>19</v>
      </c>
      <c r="FW28" s="101">
        <v>0</v>
      </c>
      <c r="FX28" s="102">
        <v>0</v>
      </c>
      <c r="FY28" s="103">
        <v>0</v>
      </c>
      <c r="FZ28" s="412">
        <v>0</v>
      </c>
      <c r="GA28" s="102">
        <v>0</v>
      </c>
      <c r="GB28" s="102">
        <v>0</v>
      </c>
      <c r="GC28" s="102">
        <v>0</v>
      </c>
      <c r="GD28" s="102">
        <v>0</v>
      </c>
      <c r="GE28" s="102">
        <v>0</v>
      </c>
      <c r="GF28" s="103">
        <v>0</v>
      </c>
      <c r="GG28" s="104">
        <v>0</v>
      </c>
      <c r="GH28" s="101">
        <v>7</v>
      </c>
      <c r="GI28" s="102">
        <v>9</v>
      </c>
      <c r="GJ28" s="103">
        <v>16</v>
      </c>
      <c r="GK28" s="412">
        <v>0</v>
      </c>
      <c r="GL28" s="102">
        <v>8</v>
      </c>
      <c r="GM28" s="102">
        <v>5</v>
      </c>
      <c r="GN28" s="102">
        <v>6</v>
      </c>
      <c r="GO28" s="102">
        <v>4</v>
      </c>
      <c r="GP28" s="102">
        <v>2</v>
      </c>
      <c r="GQ28" s="103">
        <v>25</v>
      </c>
      <c r="GR28" s="104">
        <v>41</v>
      </c>
      <c r="GS28" s="105">
        <v>18</v>
      </c>
      <c r="GT28" s="97">
        <v>25</v>
      </c>
      <c r="GU28" s="98">
        <v>43</v>
      </c>
      <c r="GV28" s="412">
        <v>0</v>
      </c>
      <c r="GW28" s="97">
        <v>16</v>
      </c>
      <c r="GX28" s="97">
        <v>15</v>
      </c>
      <c r="GY28" s="97">
        <v>16</v>
      </c>
      <c r="GZ28" s="97">
        <v>7</v>
      </c>
      <c r="HA28" s="97">
        <v>7</v>
      </c>
      <c r="HB28" s="99">
        <v>61</v>
      </c>
      <c r="HC28" s="100">
        <v>104</v>
      </c>
      <c r="HD28" s="101">
        <v>0</v>
      </c>
      <c r="HE28" s="102">
        <v>2</v>
      </c>
      <c r="HF28" s="103">
        <v>2</v>
      </c>
      <c r="HG28" s="412">
        <v>0</v>
      </c>
      <c r="HH28" s="102">
        <v>0</v>
      </c>
      <c r="HI28" s="102">
        <v>0</v>
      </c>
      <c r="HJ28" s="102">
        <v>0</v>
      </c>
      <c r="HK28" s="102">
        <v>1</v>
      </c>
      <c r="HL28" s="102">
        <v>0</v>
      </c>
      <c r="HM28" s="103">
        <v>1</v>
      </c>
      <c r="HN28" s="104">
        <v>3</v>
      </c>
      <c r="HO28" s="101">
        <v>4</v>
      </c>
      <c r="HP28" s="102">
        <v>1</v>
      </c>
      <c r="HQ28" s="103">
        <v>5</v>
      </c>
      <c r="HR28" s="412">
        <v>0</v>
      </c>
      <c r="HS28" s="102">
        <v>3</v>
      </c>
      <c r="HT28" s="102">
        <v>1</v>
      </c>
      <c r="HU28" s="102">
        <v>3</v>
      </c>
      <c r="HV28" s="102">
        <v>0</v>
      </c>
      <c r="HW28" s="102">
        <v>2</v>
      </c>
      <c r="HX28" s="103">
        <v>9</v>
      </c>
      <c r="HY28" s="104">
        <v>14</v>
      </c>
      <c r="HZ28" s="101">
        <v>1</v>
      </c>
      <c r="IA28" s="102">
        <v>1</v>
      </c>
      <c r="IB28" s="103">
        <v>2</v>
      </c>
      <c r="IC28" s="412">
        <v>0</v>
      </c>
      <c r="ID28" s="102">
        <v>1</v>
      </c>
      <c r="IE28" s="102">
        <v>0</v>
      </c>
      <c r="IF28" s="102">
        <v>0</v>
      </c>
      <c r="IG28" s="102">
        <v>1</v>
      </c>
      <c r="IH28" s="102">
        <v>0</v>
      </c>
      <c r="II28" s="103">
        <v>2</v>
      </c>
      <c r="IJ28" s="104">
        <v>4</v>
      </c>
      <c r="IK28" s="101">
        <v>4</v>
      </c>
      <c r="IL28" s="102">
        <v>9</v>
      </c>
      <c r="IM28" s="103">
        <v>13</v>
      </c>
      <c r="IN28" s="412">
        <v>0</v>
      </c>
      <c r="IO28" s="102">
        <v>4</v>
      </c>
      <c r="IP28" s="102">
        <v>3</v>
      </c>
      <c r="IQ28" s="102">
        <v>1</v>
      </c>
      <c r="IR28" s="102">
        <v>0</v>
      </c>
      <c r="IS28" s="102">
        <v>2</v>
      </c>
      <c r="IT28" s="103">
        <v>10</v>
      </c>
      <c r="IU28" s="104">
        <v>23</v>
      </c>
      <c r="IV28" s="101">
        <v>5</v>
      </c>
      <c r="IW28" s="102">
        <v>6</v>
      </c>
      <c r="IX28" s="103">
        <v>11</v>
      </c>
      <c r="IY28" s="412">
        <v>0</v>
      </c>
      <c r="IZ28" s="102">
        <v>3</v>
      </c>
      <c r="JA28" s="102">
        <v>3</v>
      </c>
      <c r="JB28" s="102">
        <v>5</v>
      </c>
      <c r="JC28" s="102">
        <v>3</v>
      </c>
      <c r="JD28" s="102">
        <v>1</v>
      </c>
      <c r="JE28" s="103">
        <v>15</v>
      </c>
      <c r="JF28" s="104">
        <v>26</v>
      </c>
      <c r="JG28" s="101">
        <v>4</v>
      </c>
      <c r="JH28" s="102">
        <v>6</v>
      </c>
      <c r="JI28" s="103">
        <v>10</v>
      </c>
      <c r="JJ28" s="412">
        <v>0</v>
      </c>
      <c r="JK28" s="102">
        <v>5</v>
      </c>
      <c r="JL28" s="102">
        <v>8</v>
      </c>
      <c r="JM28" s="102">
        <v>7</v>
      </c>
      <c r="JN28" s="102">
        <v>2</v>
      </c>
      <c r="JO28" s="102">
        <v>2</v>
      </c>
      <c r="JP28" s="103">
        <v>24</v>
      </c>
      <c r="JQ28" s="104">
        <v>34</v>
      </c>
      <c r="JR28" s="101">
        <v>0</v>
      </c>
      <c r="JS28" s="102">
        <v>0</v>
      </c>
      <c r="JT28" s="103">
        <v>0</v>
      </c>
      <c r="JU28" s="412">
        <v>0</v>
      </c>
      <c r="JV28" s="102">
        <v>0</v>
      </c>
      <c r="JW28" s="102">
        <v>0</v>
      </c>
      <c r="JX28" s="102">
        <v>0</v>
      </c>
      <c r="JY28" s="102">
        <v>0</v>
      </c>
      <c r="JZ28" s="102">
        <v>0</v>
      </c>
      <c r="KA28" s="103">
        <v>0</v>
      </c>
      <c r="KB28" s="104">
        <v>0</v>
      </c>
      <c r="KC28" s="101">
        <v>18</v>
      </c>
      <c r="KD28" s="102">
        <v>25</v>
      </c>
      <c r="KE28" s="103">
        <v>43</v>
      </c>
      <c r="KF28" s="412">
        <v>0</v>
      </c>
      <c r="KG28" s="102">
        <v>16</v>
      </c>
      <c r="KH28" s="102">
        <v>15</v>
      </c>
      <c r="KI28" s="102">
        <v>16</v>
      </c>
      <c r="KJ28" s="102">
        <v>7</v>
      </c>
      <c r="KK28" s="102">
        <v>7</v>
      </c>
      <c r="KL28" s="103">
        <v>61</v>
      </c>
      <c r="KM28" s="104">
        <v>104</v>
      </c>
    </row>
    <row r="29" spans="2:299" s="70" customFormat="1" ht="21" customHeight="1" x14ac:dyDescent="0.2">
      <c r="B29" s="106" t="s">
        <v>26</v>
      </c>
      <c r="C29" s="96">
        <v>7</v>
      </c>
      <c r="D29" s="97">
        <v>11</v>
      </c>
      <c r="E29" s="98">
        <v>18</v>
      </c>
      <c r="F29" s="412">
        <v>0</v>
      </c>
      <c r="G29" s="97">
        <v>21</v>
      </c>
      <c r="H29" s="97">
        <v>18</v>
      </c>
      <c r="I29" s="97">
        <v>9</v>
      </c>
      <c r="J29" s="97">
        <v>4</v>
      </c>
      <c r="K29" s="97">
        <v>6</v>
      </c>
      <c r="L29" s="99">
        <v>58</v>
      </c>
      <c r="M29" s="100">
        <v>76</v>
      </c>
      <c r="N29" s="101">
        <v>0</v>
      </c>
      <c r="O29" s="102">
        <v>0</v>
      </c>
      <c r="P29" s="103">
        <v>0</v>
      </c>
      <c r="Q29" s="412">
        <v>0</v>
      </c>
      <c r="R29" s="102">
        <v>1</v>
      </c>
      <c r="S29" s="102">
        <v>0</v>
      </c>
      <c r="T29" s="102">
        <v>1</v>
      </c>
      <c r="U29" s="102">
        <v>0</v>
      </c>
      <c r="V29" s="102">
        <v>0</v>
      </c>
      <c r="W29" s="103">
        <v>2</v>
      </c>
      <c r="X29" s="104">
        <v>2</v>
      </c>
      <c r="Y29" s="101">
        <v>0</v>
      </c>
      <c r="Z29" s="102">
        <v>2</v>
      </c>
      <c r="AA29" s="103">
        <v>2</v>
      </c>
      <c r="AB29" s="412">
        <v>0</v>
      </c>
      <c r="AC29" s="102">
        <v>2</v>
      </c>
      <c r="AD29" s="102">
        <v>2</v>
      </c>
      <c r="AE29" s="102">
        <v>0</v>
      </c>
      <c r="AF29" s="102">
        <v>0</v>
      </c>
      <c r="AG29" s="102">
        <v>0</v>
      </c>
      <c r="AH29" s="103">
        <v>4</v>
      </c>
      <c r="AI29" s="104">
        <v>6</v>
      </c>
      <c r="AJ29" s="101">
        <v>0</v>
      </c>
      <c r="AK29" s="102">
        <v>1</v>
      </c>
      <c r="AL29" s="103">
        <v>1</v>
      </c>
      <c r="AM29" s="412">
        <v>0</v>
      </c>
      <c r="AN29" s="102">
        <v>2</v>
      </c>
      <c r="AO29" s="102">
        <v>4</v>
      </c>
      <c r="AP29" s="102">
        <v>0</v>
      </c>
      <c r="AQ29" s="102">
        <v>0</v>
      </c>
      <c r="AR29" s="102">
        <v>1</v>
      </c>
      <c r="AS29" s="103">
        <v>7</v>
      </c>
      <c r="AT29" s="104">
        <v>8</v>
      </c>
      <c r="AU29" s="101">
        <v>3</v>
      </c>
      <c r="AV29" s="102">
        <v>2</v>
      </c>
      <c r="AW29" s="103">
        <v>5</v>
      </c>
      <c r="AX29" s="412">
        <v>0</v>
      </c>
      <c r="AY29" s="102">
        <v>3</v>
      </c>
      <c r="AZ29" s="102">
        <v>6</v>
      </c>
      <c r="BA29" s="102">
        <v>3</v>
      </c>
      <c r="BB29" s="102">
        <v>2</v>
      </c>
      <c r="BC29" s="102">
        <v>1</v>
      </c>
      <c r="BD29" s="103">
        <v>15</v>
      </c>
      <c r="BE29" s="104">
        <v>20</v>
      </c>
      <c r="BF29" s="101">
        <v>2</v>
      </c>
      <c r="BG29" s="102">
        <v>2</v>
      </c>
      <c r="BH29" s="103">
        <v>4</v>
      </c>
      <c r="BI29" s="412">
        <v>0</v>
      </c>
      <c r="BJ29" s="102">
        <v>6</v>
      </c>
      <c r="BK29" s="102">
        <v>2</v>
      </c>
      <c r="BL29" s="102">
        <v>3</v>
      </c>
      <c r="BM29" s="102">
        <v>2</v>
      </c>
      <c r="BN29" s="102">
        <v>2</v>
      </c>
      <c r="BO29" s="103">
        <v>15</v>
      </c>
      <c r="BP29" s="104">
        <v>19</v>
      </c>
      <c r="BQ29" s="101">
        <v>2</v>
      </c>
      <c r="BR29" s="102">
        <v>4</v>
      </c>
      <c r="BS29" s="103">
        <v>6</v>
      </c>
      <c r="BT29" s="412">
        <v>0</v>
      </c>
      <c r="BU29" s="102">
        <v>7</v>
      </c>
      <c r="BV29" s="102">
        <v>4</v>
      </c>
      <c r="BW29" s="102">
        <v>2</v>
      </c>
      <c r="BX29" s="102">
        <v>0</v>
      </c>
      <c r="BY29" s="102">
        <v>2</v>
      </c>
      <c r="BZ29" s="103">
        <v>15</v>
      </c>
      <c r="CA29" s="104">
        <v>21</v>
      </c>
      <c r="CB29" s="101">
        <v>0</v>
      </c>
      <c r="CC29" s="102">
        <v>0</v>
      </c>
      <c r="CD29" s="103">
        <v>0</v>
      </c>
      <c r="CE29" s="412">
        <v>0</v>
      </c>
      <c r="CF29" s="102">
        <v>0</v>
      </c>
      <c r="CG29" s="102">
        <v>0</v>
      </c>
      <c r="CH29" s="102">
        <v>0</v>
      </c>
      <c r="CI29" s="102">
        <v>0</v>
      </c>
      <c r="CJ29" s="102">
        <v>0</v>
      </c>
      <c r="CK29" s="103">
        <v>0</v>
      </c>
      <c r="CL29" s="104">
        <v>0</v>
      </c>
      <c r="CM29" s="101">
        <v>7</v>
      </c>
      <c r="CN29" s="102">
        <v>11</v>
      </c>
      <c r="CO29" s="103">
        <v>18</v>
      </c>
      <c r="CP29" s="412">
        <v>0</v>
      </c>
      <c r="CQ29" s="102">
        <v>21</v>
      </c>
      <c r="CR29" s="102">
        <v>18</v>
      </c>
      <c r="CS29" s="102">
        <v>9</v>
      </c>
      <c r="CT29" s="102">
        <v>4</v>
      </c>
      <c r="CU29" s="102">
        <v>6</v>
      </c>
      <c r="CV29" s="103">
        <v>58</v>
      </c>
      <c r="CW29" s="104">
        <v>76</v>
      </c>
      <c r="CX29" s="105">
        <v>4</v>
      </c>
      <c r="CY29" s="97">
        <v>5</v>
      </c>
      <c r="CZ29" s="98">
        <v>9</v>
      </c>
      <c r="DA29" s="412">
        <v>0</v>
      </c>
      <c r="DB29" s="97">
        <v>8</v>
      </c>
      <c r="DC29" s="97">
        <v>4</v>
      </c>
      <c r="DD29" s="97">
        <v>6</v>
      </c>
      <c r="DE29" s="97">
        <v>3</v>
      </c>
      <c r="DF29" s="97">
        <v>2</v>
      </c>
      <c r="DG29" s="99">
        <v>23</v>
      </c>
      <c r="DH29" s="100">
        <v>32</v>
      </c>
      <c r="DI29" s="101">
        <v>1</v>
      </c>
      <c r="DJ29" s="102">
        <v>0</v>
      </c>
      <c r="DK29" s="103">
        <v>1</v>
      </c>
      <c r="DL29" s="412">
        <v>0</v>
      </c>
      <c r="DM29" s="102">
        <v>0</v>
      </c>
      <c r="DN29" s="102">
        <v>0</v>
      </c>
      <c r="DO29" s="102">
        <v>0</v>
      </c>
      <c r="DP29" s="102">
        <v>0</v>
      </c>
      <c r="DQ29" s="102">
        <v>0</v>
      </c>
      <c r="DR29" s="103">
        <v>0</v>
      </c>
      <c r="DS29" s="104">
        <v>1</v>
      </c>
      <c r="DT29" s="101">
        <v>0</v>
      </c>
      <c r="DU29" s="102">
        <v>0</v>
      </c>
      <c r="DV29" s="103">
        <v>0</v>
      </c>
      <c r="DW29" s="412">
        <v>0</v>
      </c>
      <c r="DX29" s="102">
        <v>0</v>
      </c>
      <c r="DY29" s="102">
        <v>0</v>
      </c>
      <c r="DZ29" s="102">
        <v>0</v>
      </c>
      <c r="EA29" s="102">
        <v>1</v>
      </c>
      <c r="EB29" s="102">
        <v>0</v>
      </c>
      <c r="EC29" s="103">
        <v>1</v>
      </c>
      <c r="ED29" s="104">
        <v>1</v>
      </c>
      <c r="EE29" s="101">
        <v>0</v>
      </c>
      <c r="EF29" s="102">
        <v>3</v>
      </c>
      <c r="EG29" s="103">
        <v>3</v>
      </c>
      <c r="EH29" s="412">
        <v>0</v>
      </c>
      <c r="EI29" s="102">
        <v>1</v>
      </c>
      <c r="EJ29" s="102">
        <v>0</v>
      </c>
      <c r="EK29" s="102">
        <v>1</v>
      </c>
      <c r="EL29" s="102">
        <v>0</v>
      </c>
      <c r="EM29" s="102">
        <v>0</v>
      </c>
      <c r="EN29" s="103">
        <v>2</v>
      </c>
      <c r="EO29" s="104">
        <v>5</v>
      </c>
      <c r="EP29" s="101">
        <v>1</v>
      </c>
      <c r="EQ29" s="102">
        <v>0</v>
      </c>
      <c r="ER29" s="103">
        <v>1</v>
      </c>
      <c r="ES29" s="412">
        <v>0</v>
      </c>
      <c r="ET29" s="102">
        <v>0</v>
      </c>
      <c r="EU29" s="102">
        <v>0</v>
      </c>
      <c r="EV29" s="102">
        <v>1</v>
      </c>
      <c r="EW29" s="102">
        <v>0</v>
      </c>
      <c r="EX29" s="102">
        <v>0</v>
      </c>
      <c r="EY29" s="103">
        <v>1</v>
      </c>
      <c r="EZ29" s="104">
        <v>2</v>
      </c>
      <c r="FA29" s="101">
        <v>2</v>
      </c>
      <c r="FB29" s="102">
        <v>1</v>
      </c>
      <c r="FC29" s="103">
        <v>3</v>
      </c>
      <c r="FD29" s="412">
        <v>0</v>
      </c>
      <c r="FE29" s="102">
        <v>5</v>
      </c>
      <c r="FF29" s="102">
        <v>1</v>
      </c>
      <c r="FG29" s="102">
        <v>2</v>
      </c>
      <c r="FH29" s="102">
        <v>0</v>
      </c>
      <c r="FI29" s="102">
        <v>0</v>
      </c>
      <c r="FJ29" s="103">
        <v>8</v>
      </c>
      <c r="FK29" s="104">
        <v>11</v>
      </c>
      <c r="FL29" s="101">
        <v>0</v>
      </c>
      <c r="FM29" s="102">
        <v>1</v>
      </c>
      <c r="FN29" s="103">
        <v>1</v>
      </c>
      <c r="FO29" s="412">
        <v>0</v>
      </c>
      <c r="FP29" s="102">
        <v>2</v>
      </c>
      <c r="FQ29" s="102">
        <v>3</v>
      </c>
      <c r="FR29" s="102">
        <v>2</v>
      </c>
      <c r="FS29" s="102">
        <v>2</v>
      </c>
      <c r="FT29" s="102">
        <v>2</v>
      </c>
      <c r="FU29" s="103">
        <v>11</v>
      </c>
      <c r="FV29" s="104">
        <v>12</v>
      </c>
      <c r="FW29" s="101">
        <v>0</v>
      </c>
      <c r="FX29" s="102">
        <v>0</v>
      </c>
      <c r="FY29" s="103">
        <v>0</v>
      </c>
      <c r="FZ29" s="412">
        <v>0</v>
      </c>
      <c r="GA29" s="102">
        <v>0</v>
      </c>
      <c r="GB29" s="102">
        <v>0</v>
      </c>
      <c r="GC29" s="102">
        <v>0</v>
      </c>
      <c r="GD29" s="102">
        <v>0</v>
      </c>
      <c r="GE29" s="102">
        <v>0</v>
      </c>
      <c r="GF29" s="103">
        <v>0</v>
      </c>
      <c r="GG29" s="104">
        <v>0</v>
      </c>
      <c r="GH29" s="101">
        <v>4</v>
      </c>
      <c r="GI29" s="102">
        <v>5</v>
      </c>
      <c r="GJ29" s="103">
        <v>9</v>
      </c>
      <c r="GK29" s="412">
        <v>0</v>
      </c>
      <c r="GL29" s="102">
        <v>8</v>
      </c>
      <c r="GM29" s="102">
        <v>4</v>
      </c>
      <c r="GN29" s="102">
        <v>6</v>
      </c>
      <c r="GO29" s="102">
        <v>3</v>
      </c>
      <c r="GP29" s="102">
        <v>2</v>
      </c>
      <c r="GQ29" s="103">
        <v>23</v>
      </c>
      <c r="GR29" s="104">
        <v>32</v>
      </c>
      <c r="GS29" s="105">
        <v>11</v>
      </c>
      <c r="GT29" s="97">
        <v>16</v>
      </c>
      <c r="GU29" s="98">
        <v>27</v>
      </c>
      <c r="GV29" s="412">
        <v>0</v>
      </c>
      <c r="GW29" s="97">
        <v>29</v>
      </c>
      <c r="GX29" s="97">
        <v>22</v>
      </c>
      <c r="GY29" s="97">
        <v>15</v>
      </c>
      <c r="GZ29" s="97">
        <v>7</v>
      </c>
      <c r="HA29" s="97">
        <v>8</v>
      </c>
      <c r="HB29" s="99">
        <v>81</v>
      </c>
      <c r="HC29" s="100">
        <v>108</v>
      </c>
      <c r="HD29" s="101">
        <v>1</v>
      </c>
      <c r="HE29" s="102">
        <v>0</v>
      </c>
      <c r="HF29" s="103">
        <v>1</v>
      </c>
      <c r="HG29" s="412">
        <v>0</v>
      </c>
      <c r="HH29" s="102">
        <v>1</v>
      </c>
      <c r="HI29" s="102">
        <v>0</v>
      </c>
      <c r="HJ29" s="102">
        <v>1</v>
      </c>
      <c r="HK29" s="102">
        <v>0</v>
      </c>
      <c r="HL29" s="102">
        <v>0</v>
      </c>
      <c r="HM29" s="103">
        <v>2</v>
      </c>
      <c r="HN29" s="104">
        <v>3</v>
      </c>
      <c r="HO29" s="101">
        <v>0</v>
      </c>
      <c r="HP29" s="102">
        <v>2</v>
      </c>
      <c r="HQ29" s="103">
        <v>2</v>
      </c>
      <c r="HR29" s="412">
        <v>0</v>
      </c>
      <c r="HS29" s="102">
        <v>2</v>
      </c>
      <c r="HT29" s="102">
        <v>2</v>
      </c>
      <c r="HU29" s="102">
        <v>0</v>
      </c>
      <c r="HV29" s="102">
        <v>1</v>
      </c>
      <c r="HW29" s="102">
        <v>0</v>
      </c>
      <c r="HX29" s="103">
        <v>5</v>
      </c>
      <c r="HY29" s="104">
        <v>7</v>
      </c>
      <c r="HZ29" s="101">
        <v>0</v>
      </c>
      <c r="IA29" s="102">
        <v>4</v>
      </c>
      <c r="IB29" s="103">
        <v>4</v>
      </c>
      <c r="IC29" s="412">
        <v>0</v>
      </c>
      <c r="ID29" s="102">
        <v>3</v>
      </c>
      <c r="IE29" s="102">
        <v>4</v>
      </c>
      <c r="IF29" s="102">
        <v>1</v>
      </c>
      <c r="IG29" s="102">
        <v>0</v>
      </c>
      <c r="IH29" s="102">
        <v>1</v>
      </c>
      <c r="II29" s="103">
        <v>9</v>
      </c>
      <c r="IJ29" s="104">
        <v>13</v>
      </c>
      <c r="IK29" s="101">
        <v>4</v>
      </c>
      <c r="IL29" s="102">
        <v>2</v>
      </c>
      <c r="IM29" s="103">
        <v>6</v>
      </c>
      <c r="IN29" s="412">
        <v>0</v>
      </c>
      <c r="IO29" s="102">
        <v>3</v>
      </c>
      <c r="IP29" s="102">
        <v>6</v>
      </c>
      <c r="IQ29" s="102">
        <v>4</v>
      </c>
      <c r="IR29" s="102">
        <v>2</v>
      </c>
      <c r="IS29" s="102">
        <v>1</v>
      </c>
      <c r="IT29" s="103">
        <v>16</v>
      </c>
      <c r="IU29" s="104">
        <v>22</v>
      </c>
      <c r="IV29" s="101">
        <v>4</v>
      </c>
      <c r="IW29" s="102">
        <v>3</v>
      </c>
      <c r="IX29" s="103">
        <v>7</v>
      </c>
      <c r="IY29" s="412">
        <v>0</v>
      </c>
      <c r="IZ29" s="102">
        <v>11</v>
      </c>
      <c r="JA29" s="102">
        <v>3</v>
      </c>
      <c r="JB29" s="102">
        <v>5</v>
      </c>
      <c r="JC29" s="102">
        <v>2</v>
      </c>
      <c r="JD29" s="102">
        <v>2</v>
      </c>
      <c r="JE29" s="103">
        <v>23</v>
      </c>
      <c r="JF29" s="104">
        <v>30</v>
      </c>
      <c r="JG29" s="101">
        <v>2</v>
      </c>
      <c r="JH29" s="102">
        <v>5</v>
      </c>
      <c r="JI29" s="103">
        <v>7</v>
      </c>
      <c r="JJ29" s="412">
        <v>0</v>
      </c>
      <c r="JK29" s="102">
        <v>9</v>
      </c>
      <c r="JL29" s="102">
        <v>7</v>
      </c>
      <c r="JM29" s="102">
        <v>4</v>
      </c>
      <c r="JN29" s="102">
        <v>2</v>
      </c>
      <c r="JO29" s="102">
        <v>4</v>
      </c>
      <c r="JP29" s="103">
        <v>26</v>
      </c>
      <c r="JQ29" s="104">
        <v>33</v>
      </c>
      <c r="JR29" s="101">
        <v>0</v>
      </c>
      <c r="JS29" s="102">
        <v>0</v>
      </c>
      <c r="JT29" s="103">
        <v>0</v>
      </c>
      <c r="JU29" s="412">
        <v>0</v>
      </c>
      <c r="JV29" s="102">
        <v>0</v>
      </c>
      <c r="JW29" s="102">
        <v>0</v>
      </c>
      <c r="JX29" s="102">
        <v>0</v>
      </c>
      <c r="JY29" s="102">
        <v>0</v>
      </c>
      <c r="JZ29" s="102">
        <v>0</v>
      </c>
      <c r="KA29" s="103">
        <v>0</v>
      </c>
      <c r="KB29" s="104">
        <v>0</v>
      </c>
      <c r="KC29" s="101">
        <v>11</v>
      </c>
      <c r="KD29" s="102">
        <v>16</v>
      </c>
      <c r="KE29" s="103">
        <v>27</v>
      </c>
      <c r="KF29" s="412">
        <v>0</v>
      </c>
      <c r="KG29" s="102">
        <v>29</v>
      </c>
      <c r="KH29" s="102">
        <v>22</v>
      </c>
      <c r="KI29" s="102">
        <v>15</v>
      </c>
      <c r="KJ29" s="102">
        <v>7</v>
      </c>
      <c r="KK29" s="102">
        <v>8</v>
      </c>
      <c r="KL29" s="103">
        <v>81</v>
      </c>
      <c r="KM29" s="104">
        <v>108</v>
      </c>
    </row>
    <row r="30" spans="2:299" s="70" customFormat="1" ht="21" customHeight="1" x14ac:dyDescent="0.2">
      <c r="B30" s="106" t="s">
        <v>27</v>
      </c>
      <c r="C30" s="96">
        <v>16</v>
      </c>
      <c r="D30" s="97">
        <v>20</v>
      </c>
      <c r="E30" s="98">
        <v>36</v>
      </c>
      <c r="F30" s="412">
        <v>0</v>
      </c>
      <c r="G30" s="97">
        <v>13</v>
      </c>
      <c r="H30" s="97">
        <v>15</v>
      </c>
      <c r="I30" s="97">
        <v>12</v>
      </c>
      <c r="J30" s="97">
        <v>9</v>
      </c>
      <c r="K30" s="97">
        <v>4</v>
      </c>
      <c r="L30" s="99">
        <v>53</v>
      </c>
      <c r="M30" s="100">
        <v>89</v>
      </c>
      <c r="N30" s="101">
        <v>0</v>
      </c>
      <c r="O30" s="102">
        <v>2</v>
      </c>
      <c r="P30" s="103">
        <v>2</v>
      </c>
      <c r="Q30" s="412">
        <v>0</v>
      </c>
      <c r="R30" s="102">
        <v>0</v>
      </c>
      <c r="S30" s="102">
        <v>0</v>
      </c>
      <c r="T30" s="102">
        <v>0</v>
      </c>
      <c r="U30" s="102">
        <v>0</v>
      </c>
      <c r="V30" s="102">
        <v>0</v>
      </c>
      <c r="W30" s="103">
        <v>0</v>
      </c>
      <c r="X30" s="104">
        <v>2</v>
      </c>
      <c r="Y30" s="101">
        <v>0</v>
      </c>
      <c r="Z30" s="102">
        <v>2</v>
      </c>
      <c r="AA30" s="103">
        <v>2</v>
      </c>
      <c r="AB30" s="412">
        <v>0</v>
      </c>
      <c r="AC30" s="102">
        <v>0</v>
      </c>
      <c r="AD30" s="102">
        <v>1</v>
      </c>
      <c r="AE30" s="102">
        <v>1</v>
      </c>
      <c r="AF30" s="102">
        <v>0</v>
      </c>
      <c r="AG30" s="102">
        <v>1</v>
      </c>
      <c r="AH30" s="103">
        <v>3</v>
      </c>
      <c r="AI30" s="104">
        <v>5</v>
      </c>
      <c r="AJ30" s="101">
        <v>2</v>
      </c>
      <c r="AK30" s="102">
        <v>3</v>
      </c>
      <c r="AL30" s="103">
        <v>5</v>
      </c>
      <c r="AM30" s="412">
        <v>0</v>
      </c>
      <c r="AN30" s="102">
        <v>1</v>
      </c>
      <c r="AO30" s="102">
        <v>1</v>
      </c>
      <c r="AP30" s="102">
        <v>0</v>
      </c>
      <c r="AQ30" s="102">
        <v>1</v>
      </c>
      <c r="AR30" s="102">
        <v>0</v>
      </c>
      <c r="AS30" s="103">
        <v>3</v>
      </c>
      <c r="AT30" s="104">
        <v>8</v>
      </c>
      <c r="AU30" s="101">
        <v>7</v>
      </c>
      <c r="AV30" s="102">
        <v>5</v>
      </c>
      <c r="AW30" s="103">
        <v>12</v>
      </c>
      <c r="AX30" s="412">
        <v>0</v>
      </c>
      <c r="AY30" s="102">
        <v>3</v>
      </c>
      <c r="AZ30" s="102">
        <v>6</v>
      </c>
      <c r="BA30" s="102">
        <v>3</v>
      </c>
      <c r="BB30" s="102">
        <v>1</v>
      </c>
      <c r="BC30" s="102">
        <v>2</v>
      </c>
      <c r="BD30" s="103">
        <v>15</v>
      </c>
      <c r="BE30" s="104">
        <v>27</v>
      </c>
      <c r="BF30" s="101">
        <v>5</v>
      </c>
      <c r="BG30" s="102">
        <v>5</v>
      </c>
      <c r="BH30" s="103">
        <v>10</v>
      </c>
      <c r="BI30" s="412">
        <v>0</v>
      </c>
      <c r="BJ30" s="102">
        <v>3</v>
      </c>
      <c r="BK30" s="102">
        <v>3</v>
      </c>
      <c r="BL30" s="102">
        <v>4</v>
      </c>
      <c r="BM30" s="102">
        <v>3</v>
      </c>
      <c r="BN30" s="102">
        <v>1</v>
      </c>
      <c r="BO30" s="103">
        <v>14</v>
      </c>
      <c r="BP30" s="104">
        <v>24</v>
      </c>
      <c r="BQ30" s="101">
        <v>2</v>
      </c>
      <c r="BR30" s="102">
        <v>3</v>
      </c>
      <c r="BS30" s="103">
        <v>5</v>
      </c>
      <c r="BT30" s="412">
        <v>0</v>
      </c>
      <c r="BU30" s="102">
        <v>6</v>
      </c>
      <c r="BV30" s="102">
        <v>4</v>
      </c>
      <c r="BW30" s="102">
        <v>4</v>
      </c>
      <c r="BX30" s="102">
        <v>4</v>
      </c>
      <c r="BY30" s="102">
        <v>0</v>
      </c>
      <c r="BZ30" s="103">
        <v>18</v>
      </c>
      <c r="CA30" s="104">
        <v>23</v>
      </c>
      <c r="CB30" s="101">
        <v>0</v>
      </c>
      <c r="CC30" s="102">
        <v>0</v>
      </c>
      <c r="CD30" s="103">
        <v>0</v>
      </c>
      <c r="CE30" s="412">
        <v>0</v>
      </c>
      <c r="CF30" s="102">
        <v>0</v>
      </c>
      <c r="CG30" s="102">
        <v>0</v>
      </c>
      <c r="CH30" s="102">
        <v>0</v>
      </c>
      <c r="CI30" s="102">
        <v>0</v>
      </c>
      <c r="CJ30" s="102">
        <v>0</v>
      </c>
      <c r="CK30" s="103">
        <v>0</v>
      </c>
      <c r="CL30" s="104">
        <v>0</v>
      </c>
      <c r="CM30" s="101">
        <v>16</v>
      </c>
      <c r="CN30" s="102">
        <v>20</v>
      </c>
      <c r="CO30" s="103">
        <v>36</v>
      </c>
      <c r="CP30" s="412">
        <v>0</v>
      </c>
      <c r="CQ30" s="102">
        <v>13</v>
      </c>
      <c r="CR30" s="102">
        <v>15</v>
      </c>
      <c r="CS30" s="102">
        <v>12</v>
      </c>
      <c r="CT30" s="102">
        <v>9</v>
      </c>
      <c r="CU30" s="102">
        <v>4</v>
      </c>
      <c r="CV30" s="103">
        <v>53</v>
      </c>
      <c r="CW30" s="104">
        <v>89</v>
      </c>
      <c r="CX30" s="105">
        <v>7</v>
      </c>
      <c r="CY30" s="97">
        <v>3</v>
      </c>
      <c r="CZ30" s="98">
        <v>10</v>
      </c>
      <c r="DA30" s="412">
        <v>0</v>
      </c>
      <c r="DB30" s="97">
        <v>10</v>
      </c>
      <c r="DC30" s="97">
        <v>2</v>
      </c>
      <c r="DD30" s="97">
        <v>4</v>
      </c>
      <c r="DE30" s="97">
        <v>1</v>
      </c>
      <c r="DF30" s="97">
        <v>2</v>
      </c>
      <c r="DG30" s="99">
        <v>19</v>
      </c>
      <c r="DH30" s="100">
        <v>29</v>
      </c>
      <c r="DI30" s="101">
        <v>1</v>
      </c>
      <c r="DJ30" s="102">
        <v>0</v>
      </c>
      <c r="DK30" s="103">
        <v>1</v>
      </c>
      <c r="DL30" s="412">
        <v>0</v>
      </c>
      <c r="DM30" s="102">
        <v>0</v>
      </c>
      <c r="DN30" s="102">
        <v>0</v>
      </c>
      <c r="DO30" s="102">
        <v>0</v>
      </c>
      <c r="DP30" s="102">
        <v>0</v>
      </c>
      <c r="DQ30" s="102">
        <v>0</v>
      </c>
      <c r="DR30" s="103">
        <v>0</v>
      </c>
      <c r="DS30" s="104">
        <v>1</v>
      </c>
      <c r="DT30" s="101">
        <v>0</v>
      </c>
      <c r="DU30" s="102">
        <v>0</v>
      </c>
      <c r="DV30" s="103">
        <v>0</v>
      </c>
      <c r="DW30" s="412">
        <v>0</v>
      </c>
      <c r="DX30" s="102">
        <v>0</v>
      </c>
      <c r="DY30" s="102">
        <v>0</v>
      </c>
      <c r="DZ30" s="102">
        <v>0</v>
      </c>
      <c r="EA30" s="102">
        <v>0</v>
      </c>
      <c r="EB30" s="102">
        <v>0</v>
      </c>
      <c r="EC30" s="103">
        <v>0</v>
      </c>
      <c r="ED30" s="104">
        <v>0</v>
      </c>
      <c r="EE30" s="101">
        <v>0</v>
      </c>
      <c r="EF30" s="102">
        <v>0</v>
      </c>
      <c r="EG30" s="103">
        <v>0</v>
      </c>
      <c r="EH30" s="412">
        <v>0</v>
      </c>
      <c r="EI30" s="102">
        <v>0</v>
      </c>
      <c r="EJ30" s="102">
        <v>1</v>
      </c>
      <c r="EK30" s="102">
        <v>0</v>
      </c>
      <c r="EL30" s="102">
        <v>0</v>
      </c>
      <c r="EM30" s="102">
        <v>0</v>
      </c>
      <c r="EN30" s="103">
        <v>1</v>
      </c>
      <c r="EO30" s="104">
        <v>1</v>
      </c>
      <c r="EP30" s="101">
        <v>4</v>
      </c>
      <c r="EQ30" s="102">
        <v>0</v>
      </c>
      <c r="ER30" s="103">
        <v>4</v>
      </c>
      <c r="ES30" s="412">
        <v>0</v>
      </c>
      <c r="ET30" s="102">
        <v>2</v>
      </c>
      <c r="EU30" s="102">
        <v>1</v>
      </c>
      <c r="EV30" s="102">
        <v>0</v>
      </c>
      <c r="EW30" s="102">
        <v>0</v>
      </c>
      <c r="EX30" s="102">
        <v>0</v>
      </c>
      <c r="EY30" s="103">
        <v>3</v>
      </c>
      <c r="EZ30" s="104">
        <v>7</v>
      </c>
      <c r="FA30" s="101">
        <v>2</v>
      </c>
      <c r="FB30" s="102">
        <v>1</v>
      </c>
      <c r="FC30" s="103">
        <v>3</v>
      </c>
      <c r="FD30" s="412">
        <v>0</v>
      </c>
      <c r="FE30" s="102">
        <v>4</v>
      </c>
      <c r="FF30" s="102">
        <v>0</v>
      </c>
      <c r="FG30" s="102">
        <v>1</v>
      </c>
      <c r="FH30" s="102">
        <v>1</v>
      </c>
      <c r="FI30" s="102">
        <v>0</v>
      </c>
      <c r="FJ30" s="103">
        <v>6</v>
      </c>
      <c r="FK30" s="104">
        <v>9</v>
      </c>
      <c r="FL30" s="101">
        <v>0</v>
      </c>
      <c r="FM30" s="102">
        <v>2</v>
      </c>
      <c r="FN30" s="103">
        <v>2</v>
      </c>
      <c r="FO30" s="412">
        <v>0</v>
      </c>
      <c r="FP30" s="102">
        <v>4</v>
      </c>
      <c r="FQ30" s="102">
        <v>0</v>
      </c>
      <c r="FR30" s="102">
        <v>3</v>
      </c>
      <c r="FS30" s="102">
        <v>0</v>
      </c>
      <c r="FT30" s="102">
        <v>2</v>
      </c>
      <c r="FU30" s="103">
        <v>9</v>
      </c>
      <c r="FV30" s="104">
        <v>11</v>
      </c>
      <c r="FW30" s="101">
        <v>0</v>
      </c>
      <c r="FX30" s="102">
        <v>0</v>
      </c>
      <c r="FY30" s="103">
        <v>0</v>
      </c>
      <c r="FZ30" s="412">
        <v>0</v>
      </c>
      <c r="GA30" s="102">
        <v>0</v>
      </c>
      <c r="GB30" s="102">
        <v>0</v>
      </c>
      <c r="GC30" s="102">
        <v>0</v>
      </c>
      <c r="GD30" s="102">
        <v>0</v>
      </c>
      <c r="GE30" s="102">
        <v>0</v>
      </c>
      <c r="GF30" s="103">
        <v>0</v>
      </c>
      <c r="GG30" s="104">
        <v>0</v>
      </c>
      <c r="GH30" s="101">
        <v>7</v>
      </c>
      <c r="GI30" s="102">
        <v>3</v>
      </c>
      <c r="GJ30" s="103">
        <v>10</v>
      </c>
      <c r="GK30" s="412">
        <v>0</v>
      </c>
      <c r="GL30" s="102">
        <v>10</v>
      </c>
      <c r="GM30" s="102">
        <v>2</v>
      </c>
      <c r="GN30" s="102">
        <v>4</v>
      </c>
      <c r="GO30" s="102">
        <v>1</v>
      </c>
      <c r="GP30" s="102">
        <v>2</v>
      </c>
      <c r="GQ30" s="103">
        <v>19</v>
      </c>
      <c r="GR30" s="104">
        <v>29</v>
      </c>
      <c r="GS30" s="105">
        <v>23</v>
      </c>
      <c r="GT30" s="97">
        <v>23</v>
      </c>
      <c r="GU30" s="98">
        <v>46</v>
      </c>
      <c r="GV30" s="412">
        <v>0</v>
      </c>
      <c r="GW30" s="97">
        <v>23</v>
      </c>
      <c r="GX30" s="97">
        <v>17</v>
      </c>
      <c r="GY30" s="97">
        <v>16</v>
      </c>
      <c r="GZ30" s="97">
        <v>10</v>
      </c>
      <c r="HA30" s="97">
        <v>6</v>
      </c>
      <c r="HB30" s="99">
        <v>72</v>
      </c>
      <c r="HC30" s="100">
        <v>118</v>
      </c>
      <c r="HD30" s="101">
        <v>1</v>
      </c>
      <c r="HE30" s="102">
        <v>2</v>
      </c>
      <c r="HF30" s="103">
        <v>3</v>
      </c>
      <c r="HG30" s="412">
        <v>0</v>
      </c>
      <c r="HH30" s="102">
        <v>0</v>
      </c>
      <c r="HI30" s="102">
        <v>0</v>
      </c>
      <c r="HJ30" s="102">
        <v>0</v>
      </c>
      <c r="HK30" s="102">
        <v>0</v>
      </c>
      <c r="HL30" s="102">
        <v>0</v>
      </c>
      <c r="HM30" s="103">
        <v>0</v>
      </c>
      <c r="HN30" s="104">
        <v>3</v>
      </c>
      <c r="HO30" s="101">
        <v>0</v>
      </c>
      <c r="HP30" s="102">
        <v>2</v>
      </c>
      <c r="HQ30" s="103">
        <v>2</v>
      </c>
      <c r="HR30" s="412">
        <v>0</v>
      </c>
      <c r="HS30" s="102">
        <v>0</v>
      </c>
      <c r="HT30" s="102">
        <v>1</v>
      </c>
      <c r="HU30" s="102">
        <v>1</v>
      </c>
      <c r="HV30" s="102">
        <v>0</v>
      </c>
      <c r="HW30" s="102">
        <v>1</v>
      </c>
      <c r="HX30" s="103">
        <v>3</v>
      </c>
      <c r="HY30" s="104">
        <v>5</v>
      </c>
      <c r="HZ30" s="101">
        <v>2</v>
      </c>
      <c r="IA30" s="102">
        <v>3</v>
      </c>
      <c r="IB30" s="103">
        <v>5</v>
      </c>
      <c r="IC30" s="412">
        <v>0</v>
      </c>
      <c r="ID30" s="102">
        <v>1</v>
      </c>
      <c r="IE30" s="102">
        <v>2</v>
      </c>
      <c r="IF30" s="102">
        <v>0</v>
      </c>
      <c r="IG30" s="102">
        <v>1</v>
      </c>
      <c r="IH30" s="102">
        <v>0</v>
      </c>
      <c r="II30" s="103">
        <v>4</v>
      </c>
      <c r="IJ30" s="104">
        <v>9</v>
      </c>
      <c r="IK30" s="101">
        <v>11</v>
      </c>
      <c r="IL30" s="102">
        <v>5</v>
      </c>
      <c r="IM30" s="103">
        <v>16</v>
      </c>
      <c r="IN30" s="412">
        <v>0</v>
      </c>
      <c r="IO30" s="102">
        <v>5</v>
      </c>
      <c r="IP30" s="102">
        <v>7</v>
      </c>
      <c r="IQ30" s="102">
        <v>3</v>
      </c>
      <c r="IR30" s="102">
        <v>1</v>
      </c>
      <c r="IS30" s="102">
        <v>2</v>
      </c>
      <c r="IT30" s="103">
        <v>18</v>
      </c>
      <c r="IU30" s="104">
        <v>34</v>
      </c>
      <c r="IV30" s="101">
        <v>7</v>
      </c>
      <c r="IW30" s="102">
        <v>6</v>
      </c>
      <c r="IX30" s="103">
        <v>13</v>
      </c>
      <c r="IY30" s="412">
        <v>0</v>
      </c>
      <c r="IZ30" s="102">
        <v>7</v>
      </c>
      <c r="JA30" s="102">
        <v>3</v>
      </c>
      <c r="JB30" s="102">
        <v>5</v>
      </c>
      <c r="JC30" s="102">
        <v>4</v>
      </c>
      <c r="JD30" s="102">
        <v>1</v>
      </c>
      <c r="JE30" s="103">
        <v>20</v>
      </c>
      <c r="JF30" s="104">
        <v>33</v>
      </c>
      <c r="JG30" s="101">
        <v>2</v>
      </c>
      <c r="JH30" s="102">
        <v>5</v>
      </c>
      <c r="JI30" s="103">
        <v>7</v>
      </c>
      <c r="JJ30" s="412">
        <v>0</v>
      </c>
      <c r="JK30" s="102">
        <v>10</v>
      </c>
      <c r="JL30" s="102">
        <v>4</v>
      </c>
      <c r="JM30" s="102">
        <v>7</v>
      </c>
      <c r="JN30" s="102">
        <v>4</v>
      </c>
      <c r="JO30" s="102">
        <v>2</v>
      </c>
      <c r="JP30" s="103">
        <v>27</v>
      </c>
      <c r="JQ30" s="104">
        <v>34</v>
      </c>
      <c r="JR30" s="101">
        <v>0</v>
      </c>
      <c r="JS30" s="102">
        <v>0</v>
      </c>
      <c r="JT30" s="103">
        <v>0</v>
      </c>
      <c r="JU30" s="412">
        <v>0</v>
      </c>
      <c r="JV30" s="102">
        <v>0</v>
      </c>
      <c r="JW30" s="102">
        <v>0</v>
      </c>
      <c r="JX30" s="102">
        <v>0</v>
      </c>
      <c r="JY30" s="102">
        <v>0</v>
      </c>
      <c r="JZ30" s="102">
        <v>0</v>
      </c>
      <c r="KA30" s="103">
        <v>0</v>
      </c>
      <c r="KB30" s="104">
        <v>0</v>
      </c>
      <c r="KC30" s="101">
        <v>23</v>
      </c>
      <c r="KD30" s="102">
        <v>23</v>
      </c>
      <c r="KE30" s="103">
        <v>46</v>
      </c>
      <c r="KF30" s="412">
        <v>0</v>
      </c>
      <c r="KG30" s="102">
        <v>23</v>
      </c>
      <c r="KH30" s="102">
        <v>17</v>
      </c>
      <c r="KI30" s="102">
        <v>16</v>
      </c>
      <c r="KJ30" s="102">
        <v>10</v>
      </c>
      <c r="KK30" s="102">
        <v>6</v>
      </c>
      <c r="KL30" s="103">
        <v>72</v>
      </c>
      <c r="KM30" s="104">
        <v>118</v>
      </c>
    </row>
    <row r="31" spans="2:299" s="70" customFormat="1" ht="21" customHeight="1" x14ac:dyDescent="0.2">
      <c r="B31" s="106" t="s">
        <v>28</v>
      </c>
      <c r="C31" s="96">
        <v>0</v>
      </c>
      <c r="D31" s="97">
        <v>2</v>
      </c>
      <c r="E31" s="98">
        <v>2</v>
      </c>
      <c r="F31" s="412">
        <v>0</v>
      </c>
      <c r="G31" s="97">
        <v>7</v>
      </c>
      <c r="H31" s="97">
        <v>3</v>
      </c>
      <c r="I31" s="97">
        <v>4</v>
      </c>
      <c r="J31" s="97">
        <v>2</v>
      </c>
      <c r="K31" s="97">
        <v>1</v>
      </c>
      <c r="L31" s="99">
        <v>17</v>
      </c>
      <c r="M31" s="100">
        <v>19</v>
      </c>
      <c r="N31" s="101">
        <v>0</v>
      </c>
      <c r="O31" s="102">
        <v>1</v>
      </c>
      <c r="P31" s="103">
        <v>1</v>
      </c>
      <c r="Q31" s="412">
        <v>0</v>
      </c>
      <c r="R31" s="102">
        <v>1</v>
      </c>
      <c r="S31" s="102">
        <v>0</v>
      </c>
      <c r="T31" s="102">
        <v>1</v>
      </c>
      <c r="U31" s="102">
        <v>0</v>
      </c>
      <c r="V31" s="102">
        <v>0</v>
      </c>
      <c r="W31" s="103">
        <v>2</v>
      </c>
      <c r="X31" s="104">
        <v>3</v>
      </c>
      <c r="Y31" s="101">
        <v>0</v>
      </c>
      <c r="Z31" s="102">
        <v>1</v>
      </c>
      <c r="AA31" s="103">
        <v>1</v>
      </c>
      <c r="AB31" s="412">
        <v>0</v>
      </c>
      <c r="AC31" s="102">
        <v>2</v>
      </c>
      <c r="AD31" s="102">
        <v>0</v>
      </c>
      <c r="AE31" s="102">
        <v>0</v>
      </c>
      <c r="AF31" s="102">
        <v>0</v>
      </c>
      <c r="AG31" s="102">
        <v>0</v>
      </c>
      <c r="AH31" s="103">
        <v>2</v>
      </c>
      <c r="AI31" s="104">
        <v>3</v>
      </c>
      <c r="AJ31" s="101">
        <v>0</v>
      </c>
      <c r="AK31" s="102">
        <v>0</v>
      </c>
      <c r="AL31" s="103">
        <v>0</v>
      </c>
      <c r="AM31" s="412">
        <v>0</v>
      </c>
      <c r="AN31" s="102">
        <v>1</v>
      </c>
      <c r="AO31" s="102">
        <v>0</v>
      </c>
      <c r="AP31" s="102">
        <v>1</v>
      </c>
      <c r="AQ31" s="102">
        <v>0</v>
      </c>
      <c r="AR31" s="102">
        <v>0</v>
      </c>
      <c r="AS31" s="103">
        <v>2</v>
      </c>
      <c r="AT31" s="104">
        <v>2</v>
      </c>
      <c r="AU31" s="101">
        <v>0</v>
      </c>
      <c r="AV31" s="102">
        <v>0</v>
      </c>
      <c r="AW31" s="103">
        <v>0</v>
      </c>
      <c r="AX31" s="412">
        <v>0</v>
      </c>
      <c r="AY31" s="102">
        <v>1</v>
      </c>
      <c r="AZ31" s="102">
        <v>2</v>
      </c>
      <c r="BA31" s="102">
        <v>0</v>
      </c>
      <c r="BB31" s="102">
        <v>1</v>
      </c>
      <c r="BC31" s="102">
        <v>0</v>
      </c>
      <c r="BD31" s="103">
        <v>4</v>
      </c>
      <c r="BE31" s="104">
        <v>4</v>
      </c>
      <c r="BF31" s="101">
        <v>0</v>
      </c>
      <c r="BG31" s="102">
        <v>0</v>
      </c>
      <c r="BH31" s="103">
        <v>0</v>
      </c>
      <c r="BI31" s="412">
        <v>0</v>
      </c>
      <c r="BJ31" s="102">
        <v>2</v>
      </c>
      <c r="BK31" s="102">
        <v>1</v>
      </c>
      <c r="BL31" s="102">
        <v>1</v>
      </c>
      <c r="BM31" s="102">
        <v>0</v>
      </c>
      <c r="BN31" s="102">
        <v>0</v>
      </c>
      <c r="BO31" s="103">
        <v>4</v>
      </c>
      <c r="BP31" s="104">
        <v>4</v>
      </c>
      <c r="BQ31" s="101">
        <v>0</v>
      </c>
      <c r="BR31" s="102">
        <v>0</v>
      </c>
      <c r="BS31" s="103">
        <v>0</v>
      </c>
      <c r="BT31" s="412">
        <v>0</v>
      </c>
      <c r="BU31" s="102">
        <v>0</v>
      </c>
      <c r="BV31" s="102">
        <v>0</v>
      </c>
      <c r="BW31" s="102">
        <v>1</v>
      </c>
      <c r="BX31" s="102">
        <v>1</v>
      </c>
      <c r="BY31" s="102">
        <v>1</v>
      </c>
      <c r="BZ31" s="103">
        <v>3</v>
      </c>
      <c r="CA31" s="104">
        <v>3</v>
      </c>
      <c r="CB31" s="101">
        <v>0</v>
      </c>
      <c r="CC31" s="102">
        <v>0</v>
      </c>
      <c r="CD31" s="103">
        <v>0</v>
      </c>
      <c r="CE31" s="412">
        <v>0</v>
      </c>
      <c r="CF31" s="102">
        <v>0</v>
      </c>
      <c r="CG31" s="102">
        <v>0</v>
      </c>
      <c r="CH31" s="102">
        <v>0</v>
      </c>
      <c r="CI31" s="102">
        <v>0</v>
      </c>
      <c r="CJ31" s="102">
        <v>0</v>
      </c>
      <c r="CK31" s="103">
        <v>0</v>
      </c>
      <c r="CL31" s="104">
        <v>0</v>
      </c>
      <c r="CM31" s="101">
        <v>0</v>
      </c>
      <c r="CN31" s="102">
        <v>2</v>
      </c>
      <c r="CO31" s="103">
        <v>2</v>
      </c>
      <c r="CP31" s="412">
        <v>0</v>
      </c>
      <c r="CQ31" s="102">
        <v>7</v>
      </c>
      <c r="CR31" s="102">
        <v>3</v>
      </c>
      <c r="CS31" s="102">
        <v>4</v>
      </c>
      <c r="CT31" s="102">
        <v>2</v>
      </c>
      <c r="CU31" s="102">
        <v>1</v>
      </c>
      <c r="CV31" s="103">
        <v>17</v>
      </c>
      <c r="CW31" s="104">
        <v>19</v>
      </c>
      <c r="CX31" s="105">
        <v>0</v>
      </c>
      <c r="CY31" s="97">
        <v>1</v>
      </c>
      <c r="CZ31" s="98">
        <v>1</v>
      </c>
      <c r="DA31" s="412">
        <v>0</v>
      </c>
      <c r="DB31" s="97">
        <v>1</v>
      </c>
      <c r="DC31" s="97">
        <v>2</v>
      </c>
      <c r="DD31" s="97">
        <v>2</v>
      </c>
      <c r="DE31" s="97">
        <v>1</v>
      </c>
      <c r="DF31" s="97">
        <v>0</v>
      </c>
      <c r="DG31" s="99">
        <v>6</v>
      </c>
      <c r="DH31" s="100">
        <v>7</v>
      </c>
      <c r="DI31" s="101">
        <v>0</v>
      </c>
      <c r="DJ31" s="102">
        <v>0</v>
      </c>
      <c r="DK31" s="103">
        <v>0</v>
      </c>
      <c r="DL31" s="412">
        <v>0</v>
      </c>
      <c r="DM31" s="102">
        <v>0</v>
      </c>
      <c r="DN31" s="102">
        <v>0</v>
      </c>
      <c r="DO31" s="102">
        <v>0</v>
      </c>
      <c r="DP31" s="102">
        <v>0</v>
      </c>
      <c r="DQ31" s="102">
        <v>0</v>
      </c>
      <c r="DR31" s="103">
        <v>0</v>
      </c>
      <c r="DS31" s="104">
        <v>0</v>
      </c>
      <c r="DT31" s="101">
        <v>0</v>
      </c>
      <c r="DU31" s="102">
        <v>1</v>
      </c>
      <c r="DV31" s="103">
        <v>1</v>
      </c>
      <c r="DW31" s="412">
        <v>0</v>
      </c>
      <c r="DX31" s="102">
        <v>0</v>
      </c>
      <c r="DY31" s="102">
        <v>0</v>
      </c>
      <c r="DZ31" s="102">
        <v>1</v>
      </c>
      <c r="EA31" s="102">
        <v>0</v>
      </c>
      <c r="EB31" s="102">
        <v>0</v>
      </c>
      <c r="EC31" s="103">
        <v>1</v>
      </c>
      <c r="ED31" s="104">
        <v>2</v>
      </c>
      <c r="EE31" s="101">
        <v>0</v>
      </c>
      <c r="EF31" s="102">
        <v>0</v>
      </c>
      <c r="EG31" s="103">
        <v>0</v>
      </c>
      <c r="EH31" s="412">
        <v>0</v>
      </c>
      <c r="EI31" s="102">
        <v>0</v>
      </c>
      <c r="EJ31" s="102">
        <v>0</v>
      </c>
      <c r="EK31" s="102">
        <v>0</v>
      </c>
      <c r="EL31" s="102">
        <v>0</v>
      </c>
      <c r="EM31" s="102">
        <v>0</v>
      </c>
      <c r="EN31" s="103">
        <v>0</v>
      </c>
      <c r="EO31" s="104">
        <v>0</v>
      </c>
      <c r="EP31" s="101">
        <v>0</v>
      </c>
      <c r="EQ31" s="102">
        <v>0</v>
      </c>
      <c r="ER31" s="103">
        <v>0</v>
      </c>
      <c r="ES31" s="412">
        <v>0</v>
      </c>
      <c r="ET31" s="102">
        <v>0</v>
      </c>
      <c r="EU31" s="102">
        <v>1</v>
      </c>
      <c r="EV31" s="102">
        <v>0</v>
      </c>
      <c r="EW31" s="102">
        <v>0</v>
      </c>
      <c r="EX31" s="102">
        <v>0</v>
      </c>
      <c r="EY31" s="103">
        <v>1</v>
      </c>
      <c r="EZ31" s="104">
        <v>1</v>
      </c>
      <c r="FA31" s="101">
        <v>0</v>
      </c>
      <c r="FB31" s="102">
        <v>0</v>
      </c>
      <c r="FC31" s="103">
        <v>0</v>
      </c>
      <c r="FD31" s="412">
        <v>0</v>
      </c>
      <c r="FE31" s="102">
        <v>1</v>
      </c>
      <c r="FF31" s="102">
        <v>0</v>
      </c>
      <c r="FG31" s="102">
        <v>1</v>
      </c>
      <c r="FH31" s="102">
        <v>1</v>
      </c>
      <c r="FI31" s="102">
        <v>0</v>
      </c>
      <c r="FJ31" s="103">
        <v>3</v>
      </c>
      <c r="FK31" s="104">
        <v>3</v>
      </c>
      <c r="FL31" s="101">
        <v>0</v>
      </c>
      <c r="FM31" s="102">
        <v>0</v>
      </c>
      <c r="FN31" s="103">
        <v>0</v>
      </c>
      <c r="FO31" s="412">
        <v>0</v>
      </c>
      <c r="FP31" s="102">
        <v>0</v>
      </c>
      <c r="FQ31" s="102">
        <v>1</v>
      </c>
      <c r="FR31" s="102">
        <v>0</v>
      </c>
      <c r="FS31" s="102">
        <v>0</v>
      </c>
      <c r="FT31" s="102">
        <v>0</v>
      </c>
      <c r="FU31" s="103">
        <v>1</v>
      </c>
      <c r="FV31" s="104">
        <v>1</v>
      </c>
      <c r="FW31" s="101">
        <v>0</v>
      </c>
      <c r="FX31" s="102">
        <v>0</v>
      </c>
      <c r="FY31" s="103">
        <v>0</v>
      </c>
      <c r="FZ31" s="412">
        <v>0</v>
      </c>
      <c r="GA31" s="102">
        <v>0</v>
      </c>
      <c r="GB31" s="102">
        <v>0</v>
      </c>
      <c r="GC31" s="102">
        <v>0</v>
      </c>
      <c r="GD31" s="102">
        <v>0</v>
      </c>
      <c r="GE31" s="102">
        <v>0</v>
      </c>
      <c r="GF31" s="103">
        <v>0</v>
      </c>
      <c r="GG31" s="104">
        <v>0</v>
      </c>
      <c r="GH31" s="101">
        <v>0</v>
      </c>
      <c r="GI31" s="102">
        <v>1</v>
      </c>
      <c r="GJ31" s="103">
        <v>1</v>
      </c>
      <c r="GK31" s="412">
        <v>0</v>
      </c>
      <c r="GL31" s="102">
        <v>1</v>
      </c>
      <c r="GM31" s="102">
        <v>2</v>
      </c>
      <c r="GN31" s="102">
        <v>2</v>
      </c>
      <c r="GO31" s="102">
        <v>1</v>
      </c>
      <c r="GP31" s="102">
        <v>0</v>
      </c>
      <c r="GQ31" s="103">
        <v>6</v>
      </c>
      <c r="GR31" s="104">
        <v>7</v>
      </c>
      <c r="GS31" s="105">
        <v>0</v>
      </c>
      <c r="GT31" s="97">
        <v>3</v>
      </c>
      <c r="GU31" s="98">
        <v>3</v>
      </c>
      <c r="GV31" s="412">
        <v>0</v>
      </c>
      <c r="GW31" s="97">
        <v>8</v>
      </c>
      <c r="GX31" s="97">
        <v>5</v>
      </c>
      <c r="GY31" s="97">
        <v>6</v>
      </c>
      <c r="GZ31" s="97">
        <v>3</v>
      </c>
      <c r="HA31" s="97">
        <v>1</v>
      </c>
      <c r="HB31" s="99">
        <v>23</v>
      </c>
      <c r="HC31" s="100">
        <v>26</v>
      </c>
      <c r="HD31" s="101">
        <v>0</v>
      </c>
      <c r="HE31" s="102">
        <v>1</v>
      </c>
      <c r="HF31" s="103">
        <v>1</v>
      </c>
      <c r="HG31" s="412">
        <v>0</v>
      </c>
      <c r="HH31" s="102">
        <v>1</v>
      </c>
      <c r="HI31" s="102">
        <v>0</v>
      </c>
      <c r="HJ31" s="102">
        <v>1</v>
      </c>
      <c r="HK31" s="102">
        <v>0</v>
      </c>
      <c r="HL31" s="102">
        <v>0</v>
      </c>
      <c r="HM31" s="103">
        <v>2</v>
      </c>
      <c r="HN31" s="104">
        <v>3</v>
      </c>
      <c r="HO31" s="101">
        <v>0</v>
      </c>
      <c r="HP31" s="102">
        <v>2</v>
      </c>
      <c r="HQ31" s="103">
        <v>2</v>
      </c>
      <c r="HR31" s="412">
        <v>0</v>
      </c>
      <c r="HS31" s="102">
        <v>2</v>
      </c>
      <c r="HT31" s="102">
        <v>0</v>
      </c>
      <c r="HU31" s="102">
        <v>1</v>
      </c>
      <c r="HV31" s="102">
        <v>0</v>
      </c>
      <c r="HW31" s="102">
        <v>0</v>
      </c>
      <c r="HX31" s="103">
        <v>3</v>
      </c>
      <c r="HY31" s="104">
        <v>5</v>
      </c>
      <c r="HZ31" s="101">
        <v>0</v>
      </c>
      <c r="IA31" s="102">
        <v>0</v>
      </c>
      <c r="IB31" s="103">
        <v>0</v>
      </c>
      <c r="IC31" s="412">
        <v>0</v>
      </c>
      <c r="ID31" s="102">
        <v>1</v>
      </c>
      <c r="IE31" s="102">
        <v>0</v>
      </c>
      <c r="IF31" s="102">
        <v>1</v>
      </c>
      <c r="IG31" s="102">
        <v>0</v>
      </c>
      <c r="IH31" s="102">
        <v>0</v>
      </c>
      <c r="II31" s="103">
        <v>2</v>
      </c>
      <c r="IJ31" s="104">
        <v>2</v>
      </c>
      <c r="IK31" s="101">
        <v>0</v>
      </c>
      <c r="IL31" s="102">
        <v>0</v>
      </c>
      <c r="IM31" s="103">
        <v>0</v>
      </c>
      <c r="IN31" s="412">
        <v>0</v>
      </c>
      <c r="IO31" s="102">
        <v>1</v>
      </c>
      <c r="IP31" s="102">
        <v>3</v>
      </c>
      <c r="IQ31" s="102">
        <v>0</v>
      </c>
      <c r="IR31" s="102">
        <v>1</v>
      </c>
      <c r="IS31" s="102">
        <v>0</v>
      </c>
      <c r="IT31" s="103">
        <v>5</v>
      </c>
      <c r="IU31" s="104">
        <v>5</v>
      </c>
      <c r="IV31" s="101">
        <v>0</v>
      </c>
      <c r="IW31" s="102">
        <v>0</v>
      </c>
      <c r="IX31" s="103">
        <v>0</v>
      </c>
      <c r="IY31" s="412">
        <v>0</v>
      </c>
      <c r="IZ31" s="102">
        <v>3</v>
      </c>
      <c r="JA31" s="102">
        <v>1</v>
      </c>
      <c r="JB31" s="102">
        <v>2</v>
      </c>
      <c r="JC31" s="102">
        <v>1</v>
      </c>
      <c r="JD31" s="102">
        <v>0</v>
      </c>
      <c r="JE31" s="103">
        <v>7</v>
      </c>
      <c r="JF31" s="104">
        <v>7</v>
      </c>
      <c r="JG31" s="101">
        <v>0</v>
      </c>
      <c r="JH31" s="102">
        <v>0</v>
      </c>
      <c r="JI31" s="103">
        <v>0</v>
      </c>
      <c r="JJ31" s="412">
        <v>0</v>
      </c>
      <c r="JK31" s="102">
        <v>0</v>
      </c>
      <c r="JL31" s="102">
        <v>1</v>
      </c>
      <c r="JM31" s="102">
        <v>1</v>
      </c>
      <c r="JN31" s="102">
        <v>1</v>
      </c>
      <c r="JO31" s="102">
        <v>1</v>
      </c>
      <c r="JP31" s="103">
        <v>4</v>
      </c>
      <c r="JQ31" s="104">
        <v>4</v>
      </c>
      <c r="JR31" s="101">
        <v>0</v>
      </c>
      <c r="JS31" s="102">
        <v>0</v>
      </c>
      <c r="JT31" s="103">
        <v>0</v>
      </c>
      <c r="JU31" s="412">
        <v>0</v>
      </c>
      <c r="JV31" s="102">
        <v>0</v>
      </c>
      <c r="JW31" s="102">
        <v>0</v>
      </c>
      <c r="JX31" s="102">
        <v>0</v>
      </c>
      <c r="JY31" s="102">
        <v>0</v>
      </c>
      <c r="JZ31" s="102">
        <v>0</v>
      </c>
      <c r="KA31" s="103">
        <v>0</v>
      </c>
      <c r="KB31" s="104">
        <v>0</v>
      </c>
      <c r="KC31" s="101">
        <v>0</v>
      </c>
      <c r="KD31" s="102">
        <v>3</v>
      </c>
      <c r="KE31" s="103">
        <v>3</v>
      </c>
      <c r="KF31" s="412">
        <v>0</v>
      </c>
      <c r="KG31" s="102">
        <v>8</v>
      </c>
      <c r="KH31" s="102">
        <v>5</v>
      </c>
      <c r="KI31" s="102">
        <v>6</v>
      </c>
      <c r="KJ31" s="102">
        <v>3</v>
      </c>
      <c r="KK31" s="102">
        <v>1</v>
      </c>
      <c r="KL31" s="103">
        <v>23</v>
      </c>
      <c r="KM31" s="104">
        <v>26</v>
      </c>
    </row>
    <row r="32" spans="2:299" s="70" customFormat="1" ht="21" customHeight="1" x14ac:dyDescent="0.2">
      <c r="B32" s="106" t="s">
        <v>29</v>
      </c>
      <c r="C32" s="96">
        <v>3</v>
      </c>
      <c r="D32" s="97">
        <v>3</v>
      </c>
      <c r="E32" s="98">
        <v>6</v>
      </c>
      <c r="F32" s="412">
        <v>0</v>
      </c>
      <c r="G32" s="97">
        <v>4</v>
      </c>
      <c r="H32" s="97">
        <v>4</v>
      </c>
      <c r="I32" s="97">
        <v>3</v>
      </c>
      <c r="J32" s="97">
        <v>4</v>
      </c>
      <c r="K32" s="97">
        <v>3</v>
      </c>
      <c r="L32" s="99">
        <v>18</v>
      </c>
      <c r="M32" s="100">
        <v>24</v>
      </c>
      <c r="N32" s="101">
        <v>0</v>
      </c>
      <c r="O32" s="102">
        <v>0</v>
      </c>
      <c r="P32" s="103">
        <v>0</v>
      </c>
      <c r="Q32" s="412">
        <v>0</v>
      </c>
      <c r="R32" s="102">
        <v>0</v>
      </c>
      <c r="S32" s="102">
        <v>0</v>
      </c>
      <c r="T32" s="102">
        <v>1</v>
      </c>
      <c r="U32" s="102">
        <v>0</v>
      </c>
      <c r="V32" s="102">
        <v>0</v>
      </c>
      <c r="W32" s="103">
        <v>1</v>
      </c>
      <c r="X32" s="104">
        <v>1</v>
      </c>
      <c r="Y32" s="101">
        <v>0</v>
      </c>
      <c r="Z32" s="102">
        <v>0</v>
      </c>
      <c r="AA32" s="103">
        <v>0</v>
      </c>
      <c r="AB32" s="412">
        <v>0</v>
      </c>
      <c r="AC32" s="102">
        <v>0</v>
      </c>
      <c r="AD32" s="102">
        <v>0</v>
      </c>
      <c r="AE32" s="102">
        <v>0</v>
      </c>
      <c r="AF32" s="102">
        <v>0</v>
      </c>
      <c r="AG32" s="102">
        <v>0</v>
      </c>
      <c r="AH32" s="103">
        <v>0</v>
      </c>
      <c r="AI32" s="104">
        <v>0</v>
      </c>
      <c r="AJ32" s="101">
        <v>0</v>
      </c>
      <c r="AK32" s="102">
        <v>0</v>
      </c>
      <c r="AL32" s="103">
        <v>0</v>
      </c>
      <c r="AM32" s="412">
        <v>0</v>
      </c>
      <c r="AN32" s="102">
        <v>1</v>
      </c>
      <c r="AO32" s="102">
        <v>0</v>
      </c>
      <c r="AP32" s="102">
        <v>0</v>
      </c>
      <c r="AQ32" s="102">
        <v>1</v>
      </c>
      <c r="AR32" s="102">
        <v>0</v>
      </c>
      <c r="AS32" s="103">
        <v>2</v>
      </c>
      <c r="AT32" s="104">
        <v>2</v>
      </c>
      <c r="AU32" s="101">
        <v>0</v>
      </c>
      <c r="AV32" s="102">
        <v>2</v>
      </c>
      <c r="AW32" s="103">
        <v>2</v>
      </c>
      <c r="AX32" s="412">
        <v>0</v>
      </c>
      <c r="AY32" s="102">
        <v>2</v>
      </c>
      <c r="AZ32" s="102">
        <v>0</v>
      </c>
      <c r="BA32" s="102">
        <v>0</v>
      </c>
      <c r="BB32" s="102">
        <v>2</v>
      </c>
      <c r="BC32" s="102">
        <v>0</v>
      </c>
      <c r="BD32" s="103">
        <v>4</v>
      </c>
      <c r="BE32" s="104">
        <v>6</v>
      </c>
      <c r="BF32" s="101">
        <v>3</v>
      </c>
      <c r="BG32" s="102">
        <v>0</v>
      </c>
      <c r="BH32" s="103">
        <v>3</v>
      </c>
      <c r="BI32" s="412">
        <v>0</v>
      </c>
      <c r="BJ32" s="102">
        <v>1</v>
      </c>
      <c r="BK32" s="102">
        <v>0</v>
      </c>
      <c r="BL32" s="102">
        <v>2</v>
      </c>
      <c r="BM32" s="102">
        <v>0</v>
      </c>
      <c r="BN32" s="102">
        <v>0</v>
      </c>
      <c r="BO32" s="103">
        <v>3</v>
      </c>
      <c r="BP32" s="104">
        <v>6</v>
      </c>
      <c r="BQ32" s="101">
        <v>0</v>
      </c>
      <c r="BR32" s="102">
        <v>1</v>
      </c>
      <c r="BS32" s="103">
        <v>1</v>
      </c>
      <c r="BT32" s="412">
        <v>0</v>
      </c>
      <c r="BU32" s="102">
        <v>0</v>
      </c>
      <c r="BV32" s="102">
        <v>4</v>
      </c>
      <c r="BW32" s="102">
        <v>0</v>
      </c>
      <c r="BX32" s="102">
        <v>1</v>
      </c>
      <c r="BY32" s="102">
        <v>3</v>
      </c>
      <c r="BZ32" s="103">
        <v>8</v>
      </c>
      <c r="CA32" s="104">
        <v>9</v>
      </c>
      <c r="CB32" s="101">
        <v>0</v>
      </c>
      <c r="CC32" s="102">
        <v>0</v>
      </c>
      <c r="CD32" s="103">
        <v>0</v>
      </c>
      <c r="CE32" s="412">
        <v>0</v>
      </c>
      <c r="CF32" s="102">
        <v>0</v>
      </c>
      <c r="CG32" s="102">
        <v>0</v>
      </c>
      <c r="CH32" s="102">
        <v>0</v>
      </c>
      <c r="CI32" s="102">
        <v>0</v>
      </c>
      <c r="CJ32" s="102">
        <v>0</v>
      </c>
      <c r="CK32" s="103">
        <v>0</v>
      </c>
      <c r="CL32" s="104">
        <v>0</v>
      </c>
      <c r="CM32" s="101">
        <v>3</v>
      </c>
      <c r="CN32" s="102">
        <v>3</v>
      </c>
      <c r="CO32" s="103">
        <v>6</v>
      </c>
      <c r="CP32" s="412">
        <v>0</v>
      </c>
      <c r="CQ32" s="102">
        <v>4</v>
      </c>
      <c r="CR32" s="102">
        <v>4</v>
      </c>
      <c r="CS32" s="102">
        <v>3</v>
      </c>
      <c r="CT32" s="102">
        <v>4</v>
      </c>
      <c r="CU32" s="102">
        <v>3</v>
      </c>
      <c r="CV32" s="103">
        <v>18</v>
      </c>
      <c r="CW32" s="104">
        <v>24</v>
      </c>
      <c r="CX32" s="105">
        <v>1</v>
      </c>
      <c r="CY32" s="97">
        <v>3</v>
      </c>
      <c r="CZ32" s="98">
        <v>4</v>
      </c>
      <c r="DA32" s="412">
        <v>0</v>
      </c>
      <c r="DB32" s="97">
        <v>6</v>
      </c>
      <c r="DC32" s="97">
        <v>4</v>
      </c>
      <c r="DD32" s="97">
        <v>0</v>
      </c>
      <c r="DE32" s="97">
        <v>2</v>
      </c>
      <c r="DF32" s="97">
        <v>0</v>
      </c>
      <c r="DG32" s="99">
        <v>12</v>
      </c>
      <c r="DH32" s="100">
        <v>16</v>
      </c>
      <c r="DI32" s="101">
        <v>0</v>
      </c>
      <c r="DJ32" s="102">
        <v>0</v>
      </c>
      <c r="DK32" s="103">
        <v>0</v>
      </c>
      <c r="DL32" s="412">
        <v>0</v>
      </c>
      <c r="DM32" s="102">
        <v>0</v>
      </c>
      <c r="DN32" s="102">
        <v>0</v>
      </c>
      <c r="DO32" s="102">
        <v>0</v>
      </c>
      <c r="DP32" s="102">
        <v>0</v>
      </c>
      <c r="DQ32" s="102">
        <v>0</v>
      </c>
      <c r="DR32" s="103">
        <v>0</v>
      </c>
      <c r="DS32" s="104">
        <v>0</v>
      </c>
      <c r="DT32" s="101">
        <v>0</v>
      </c>
      <c r="DU32" s="102">
        <v>1</v>
      </c>
      <c r="DV32" s="103">
        <v>1</v>
      </c>
      <c r="DW32" s="412">
        <v>0</v>
      </c>
      <c r="DX32" s="102">
        <v>0</v>
      </c>
      <c r="DY32" s="102">
        <v>1</v>
      </c>
      <c r="DZ32" s="102">
        <v>0</v>
      </c>
      <c r="EA32" s="102">
        <v>0</v>
      </c>
      <c r="EB32" s="102">
        <v>0</v>
      </c>
      <c r="EC32" s="103">
        <v>1</v>
      </c>
      <c r="ED32" s="104">
        <v>2</v>
      </c>
      <c r="EE32" s="101">
        <v>1</v>
      </c>
      <c r="EF32" s="102">
        <v>0</v>
      </c>
      <c r="EG32" s="103">
        <v>1</v>
      </c>
      <c r="EH32" s="412">
        <v>0</v>
      </c>
      <c r="EI32" s="102">
        <v>0</v>
      </c>
      <c r="EJ32" s="102">
        <v>2</v>
      </c>
      <c r="EK32" s="102">
        <v>0</v>
      </c>
      <c r="EL32" s="102">
        <v>0</v>
      </c>
      <c r="EM32" s="102">
        <v>0</v>
      </c>
      <c r="EN32" s="103">
        <v>2</v>
      </c>
      <c r="EO32" s="104">
        <v>3</v>
      </c>
      <c r="EP32" s="101">
        <v>0</v>
      </c>
      <c r="EQ32" s="102">
        <v>0</v>
      </c>
      <c r="ER32" s="103">
        <v>0</v>
      </c>
      <c r="ES32" s="412">
        <v>0</v>
      </c>
      <c r="ET32" s="102">
        <v>3</v>
      </c>
      <c r="EU32" s="102">
        <v>0</v>
      </c>
      <c r="EV32" s="102">
        <v>0</v>
      </c>
      <c r="EW32" s="102">
        <v>1</v>
      </c>
      <c r="EX32" s="102">
        <v>0</v>
      </c>
      <c r="EY32" s="103">
        <v>4</v>
      </c>
      <c r="EZ32" s="104">
        <v>4</v>
      </c>
      <c r="FA32" s="101">
        <v>0</v>
      </c>
      <c r="FB32" s="102">
        <v>1</v>
      </c>
      <c r="FC32" s="103">
        <v>1</v>
      </c>
      <c r="FD32" s="412">
        <v>0</v>
      </c>
      <c r="FE32" s="102">
        <v>1</v>
      </c>
      <c r="FF32" s="102">
        <v>0</v>
      </c>
      <c r="FG32" s="102">
        <v>0</v>
      </c>
      <c r="FH32" s="102">
        <v>0</v>
      </c>
      <c r="FI32" s="102">
        <v>0</v>
      </c>
      <c r="FJ32" s="103">
        <v>1</v>
      </c>
      <c r="FK32" s="104">
        <v>2</v>
      </c>
      <c r="FL32" s="101">
        <v>0</v>
      </c>
      <c r="FM32" s="102">
        <v>1</v>
      </c>
      <c r="FN32" s="103">
        <v>1</v>
      </c>
      <c r="FO32" s="412">
        <v>0</v>
      </c>
      <c r="FP32" s="102">
        <v>2</v>
      </c>
      <c r="FQ32" s="102">
        <v>1</v>
      </c>
      <c r="FR32" s="102">
        <v>0</v>
      </c>
      <c r="FS32" s="102">
        <v>1</v>
      </c>
      <c r="FT32" s="102">
        <v>0</v>
      </c>
      <c r="FU32" s="103">
        <v>4</v>
      </c>
      <c r="FV32" s="104">
        <v>5</v>
      </c>
      <c r="FW32" s="101">
        <v>0</v>
      </c>
      <c r="FX32" s="102">
        <v>0</v>
      </c>
      <c r="FY32" s="103">
        <v>0</v>
      </c>
      <c r="FZ32" s="412">
        <v>0</v>
      </c>
      <c r="GA32" s="102">
        <v>0</v>
      </c>
      <c r="GB32" s="102">
        <v>0</v>
      </c>
      <c r="GC32" s="102">
        <v>0</v>
      </c>
      <c r="GD32" s="102">
        <v>0</v>
      </c>
      <c r="GE32" s="102">
        <v>0</v>
      </c>
      <c r="GF32" s="103">
        <v>0</v>
      </c>
      <c r="GG32" s="104">
        <v>0</v>
      </c>
      <c r="GH32" s="101">
        <v>1</v>
      </c>
      <c r="GI32" s="102">
        <v>3</v>
      </c>
      <c r="GJ32" s="103">
        <v>4</v>
      </c>
      <c r="GK32" s="412">
        <v>0</v>
      </c>
      <c r="GL32" s="102">
        <v>6</v>
      </c>
      <c r="GM32" s="102">
        <v>4</v>
      </c>
      <c r="GN32" s="102">
        <v>0</v>
      </c>
      <c r="GO32" s="102">
        <v>2</v>
      </c>
      <c r="GP32" s="102">
        <v>0</v>
      </c>
      <c r="GQ32" s="103">
        <v>12</v>
      </c>
      <c r="GR32" s="104">
        <v>16</v>
      </c>
      <c r="GS32" s="105">
        <v>4</v>
      </c>
      <c r="GT32" s="97">
        <v>6</v>
      </c>
      <c r="GU32" s="98">
        <v>10</v>
      </c>
      <c r="GV32" s="412">
        <v>0</v>
      </c>
      <c r="GW32" s="97">
        <v>10</v>
      </c>
      <c r="GX32" s="97">
        <v>8</v>
      </c>
      <c r="GY32" s="97">
        <v>3</v>
      </c>
      <c r="GZ32" s="97">
        <v>6</v>
      </c>
      <c r="HA32" s="97">
        <v>3</v>
      </c>
      <c r="HB32" s="99">
        <v>30</v>
      </c>
      <c r="HC32" s="100">
        <v>40</v>
      </c>
      <c r="HD32" s="101">
        <v>0</v>
      </c>
      <c r="HE32" s="102">
        <v>0</v>
      </c>
      <c r="HF32" s="103">
        <v>0</v>
      </c>
      <c r="HG32" s="412">
        <v>0</v>
      </c>
      <c r="HH32" s="102">
        <v>0</v>
      </c>
      <c r="HI32" s="102">
        <v>0</v>
      </c>
      <c r="HJ32" s="102">
        <v>1</v>
      </c>
      <c r="HK32" s="102">
        <v>0</v>
      </c>
      <c r="HL32" s="102">
        <v>0</v>
      </c>
      <c r="HM32" s="103">
        <v>1</v>
      </c>
      <c r="HN32" s="104">
        <v>1</v>
      </c>
      <c r="HO32" s="101">
        <v>0</v>
      </c>
      <c r="HP32" s="102">
        <v>1</v>
      </c>
      <c r="HQ32" s="103">
        <v>1</v>
      </c>
      <c r="HR32" s="412">
        <v>0</v>
      </c>
      <c r="HS32" s="102">
        <v>0</v>
      </c>
      <c r="HT32" s="102">
        <v>1</v>
      </c>
      <c r="HU32" s="102">
        <v>0</v>
      </c>
      <c r="HV32" s="102">
        <v>0</v>
      </c>
      <c r="HW32" s="102">
        <v>0</v>
      </c>
      <c r="HX32" s="103">
        <v>1</v>
      </c>
      <c r="HY32" s="104">
        <v>2</v>
      </c>
      <c r="HZ32" s="101">
        <v>1</v>
      </c>
      <c r="IA32" s="102">
        <v>0</v>
      </c>
      <c r="IB32" s="103">
        <v>1</v>
      </c>
      <c r="IC32" s="412">
        <v>0</v>
      </c>
      <c r="ID32" s="102">
        <v>1</v>
      </c>
      <c r="IE32" s="102">
        <v>2</v>
      </c>
      <c r="IF32" s="102">
        <v>0</v>
      </c>
      <c r="IG32" s="102">
        <v>1</v>
      </c>
      <c r="IH32" s="102">
        <v>0</v>
      </c>
      <c r="II32" s="103">
        <v>4</v>
      </c>
      <c r="IJ32" s="104">
        <v>5</v>
      </c>
      <c r="IK32" s="101">
        <v>0</v>
      </c>
      <c r="IL32" s="102">
        <v>2</v>
      </c>
      <c r="IM32" s="103">
        <v>2</v>
      </c>
      <c r="IN32" s="412">
        <v>0</v>
      </c>
      <c r="IO32" s="102">
        <v>5</v>
      </c>
      <c r="IP32" s="102">
        <v>0</v>
      </c>
      <c r="IQ32" s="102">
        <v>0</v>
      </c>
      <c r="IR32" s="102">
        <v>3</v>
      </c>
      <c r="IS32" s="102">
        <v>0</v>
      </c>
      <c r="IT32" s="103">
        <v>8</v>
      </c>
      <c r="IU32" s="104">
        <v>10</v>
      </c>
      <c r="IV32" s="101">
        <v>3</v>
      </c>
      <c r="IW32" s="102">
        <v>1</v>
      </c>
      <c r="IX32" s="103">
        <v>4</v>
      </c>
      <c r="IY32" s="412">
        <v>0</v>
      </c>
      <c r="IZ32" s="102">
        <v>2</v>
      </c>
      <c r="JA32" s="102">
        <v>0</v>
      </c>
      <c r="JB32" s="102">
        <v>2</v>
      </c>
      <c r="JC32" s="102">
        <v>0</v>
      </c>
      <c r="JD32" s="102">
        <v>0</v>
      </c>
      <c r="JE32" s="103">
        <v>4</v>
      </c>
      <c r="JF32" s="104">
        <v>8</v>
      </c>
      <c r="JG32" s="101">
        <v>0</v>
      </c>
      <c r="JH32" s="102">
        <v>2</v>
      </c>
      <c r="JI32" s="103">
        <v>2</v>
      </c>
      <c r="JJ32" s="412">
        <v>0</v>
      </c>
      <c r="JK32" s="102">
        <v>2</v>
      </c>
      <c r="JL32" s="102">
        <v>5</v>
      </c>
      <c r="JM32" s="102">
        <v>0</v>
      </c>
      <c r="JN32" s="102">
        <v>2</v>
      </c>
      <c r="JO32" s="102">
        <v>3</v>
      </c>
      <c r="JP32" s="103">
        <v>12</v>
      </c>
      <c r="JQ32" s="104">
        <v>14</v>
      </c>
      <c r="JR32" s="101">
        <v>0</v>
      </c>
      <c r="JS32" s="102">
        <v>0</v>
      </c>
      <c r="JT32" s="103">
        <v>0</v>
      </c>
      <c r="JU32" s="412">
        <v>0</v>
      </c>
      <c r="JV32" s="102">
        <v>0</v>
      </c>
      <c r="JW32" s="102">
        <v>0</v>
      </c>
      <c r="JX32" s="102">
        <v>0</v>
      </c>
      <c r="JY32" s="102">
        <v>0</v>
      </c>
      <c r="JZ32" s="102">
        <v>0</v>
      </c>
      <c r="KA32" s="103">
        <v>0</v>
      </c>
      <c r="KB32" s="104">
        <v>0</v>
      </c>
      <c r="KC32" s="101">
        <v>4</v>
      </c>
      <c r="KD32" s="102">
        <v>6</v>
      </c>
      <c r="KE32" s="103">
        <v>10</v>
      </c>
      <c r="KF32" s="412">
        <v>0</v>
      </c>
      <c r="KG32" s="102">
        <v>10</v>
      </c>
      <c r="KH32" s="102">
        <v>8</v>
      </c>
      <c r="KI32" s="102">
        <v>3</v>
      </c>
      <c r="KJ32" s="102">
        <v>6</v>
      </c>
      <c r="KK32" s="102">
        <v>3</v>
      </c>
      <c r="KL32" s="103">
        <v>30</v>
      </c>
      <c r="KM32" s="104">
        <v>40</v>
      </c>
    </row>
    <row r="33" spans="2:299" s="70" customFormat="1" ht="21" customHeight="1" x14ac:dyDescent="0.2">
      <c r="B33" s="106" t="s">
        <v>30</v>
      </c>
      <c r="C33" s="96">
        <v>2</v>
      </c>
      <c r="D33" s="97">
        <v>1</v>
      </c>
      <c r="E33" s="98">
        <v>3</v>
      </c>
      <c r="F33" s="412">
        <v>0</v>
      </c>
      <c r="G33" s="97">
        <v>5</v>
      </c>
      <c r="H33" s="97">
        <v>3</v>
      </c>
      <c r="I33" s="97">
        <v>3</v>
      </c>
      <c r="J33" s="97">
        <v>4</v>
      </c>
      <c r="K33" s="97">
        <v>2</v>
      </c>
      <c r="L33" s="99">
        <v>17</v>
      </c>
      <c r="M33" s="100">
        <v>20</v>
      </c>
      <c r="N33" s="101">
        <v>0</v>
      </c>
      <c r="O33" s="102">
        <v>0</v>
      </c>
      <c r="P33" s="103">
        <v>0</v>
      </c>
      <c r="Q33" s="412">
        <v>0</v>
      </c>
      <c r="R33" s="102">
        <v>0</v>
      </c>
      <c r="S33" s="102">
        <v>0</v>
      </c>
      <c r="T33" s="102">
        <v>0</v>
      </c>
      <c r="U33" s="102">
        <v>1</v>
      </c>
      <c r="V33" s="102">
        <v>0</v>
      </c>
      <c r="W33" s="103">
        <v>1</v>
      </c>
      <c r="X33" s="104">
        <v>1</v>
      </c>
      <c r="Y33" s="101">
        <v>0</v>
      </c>
      <c r="Z33" s="102">
        <v>0</v>
      </c>
      <c r="AA33" s="103">
        <v>0</v>
      </c>
      <c r="AB33" s="412">
        <v>0</v>
      </c>
      <c r="AC33" s="102">
        <v>0</v>
      </c>
      <c r="AD33" s="102">
        <v>0</v>
      </c>
      <c r="AE33" s="102">
        <v>1</v>
      </c>
      <c r="AF33" s="102">
        <v>0</v>
      </c>
      <c r="AG33" s="102">
        <v>0</v>
      </c>
      <c r="AH33" s="103">
        <v>1</v>
      </c>
      <c r="AI33" s="104">
        <v>1</v>
      </c>
      <c r="AJ33" s="101">
        <v>0</v>
      </c>
      <c r="AK33" s="102">
        <v>0</v>
      </c>
      <c r="AL33" s="103">
        <v>0</v>
      </c>
      <c r="AM33" s="412">
        <v>0</v>
      </c>
      <c r="AN33" s="102">
        <v>1</v>
      </c>
      <c r="AO33" s="102">
        <v>0</v>
      </c>
      <c r="AP33" s="102">
        <v>0</v>
      </c>
      <c r="AQ33" s="102">
        <v>0</v>
      </c>
      <c r="AR33" s="102">
        <v>0</v>
      </c>
      <c r="AS33" s="103">
        <v>1</v>
      </c>
      <c r="AT33" s="104">
        <v>1</v>
      </c>
      <c r="AU33" s="101">
        <v>0</v>
      </c>
      <c r="AV33" s="102">
        <v>0</v>
      </c>
      <c r="AW33" s="103">
        <v>0</v>
      </c>
      <c r="AX33" s="412">
        <v>0</v>
      </c>
      <c r="AY33" s="102">
        <v>3</v>
      </c>
      <c r="AZ33" s="102">
        <v>1</v>
      </c>
      <c r="BA33" s="102">
        <v>0</v>
      </c>
      <c r="BB33" s="102">
        <v>0</v>
      </c>
      <c r="BC33" s="102">
        <v>0</v>
      </c>
      <c r="BD33" s="103">
        <v>4</v>
      </c>
      <c r="BE33" s="104">
        <v>4</v>
      </c>
      <c r="BF33" s="101">
        <v>0</v>
      </c>
      <c r="BG33" s="102">
        <v>0</v>
      </c>
      <c r="BH33" s="103">
        <v>0</v>
      </c>
      <c r="BI33" s="412">
        <v>0</v>
      </c>
      <c r="BJ33" s="102">
        <v>0</v>
      </c>
      <c r="BK33" s="102">
        <v>1</v>
      </c>
      <c r="BL33" s="102">
        <v>2</v>
      </c>
      <c r="BM33" s="102">
        <v>1</v>
      </c>
      <c r="BN33" s="102">
        <v>1</v>
      </c>
      <c r="BO33" s="103">
        <v>5</v>
      </c>
      <c r="BP33" s="104">
        <v>5</v>
      </c>
      <c r="BQ33" s="101">
        <v>2</v>
      </c>
      <c r="BR33" s="102">
        <v>1</v>
      </c>
      <c r="BS33" s="103">
        <v>3</v>
      </c>
      <c r="BT33" s="412">
        <v>0</v>
      </c>
      <c r="BU33" s="102">
        <v>1</v>
      </c>
      <c r="BV33" s="102">
        <v>1</v>
      </c>
      <c r="BW33" s="102">
        <v>0</v>
      </c>
      <c r="BX33" s="102">
        <v>2</v>
      </c>
      <c r="BY33" s="102">
        <v>1</v>
      </c>
      <c r="BZ33" s="103">
        <v>5</v>
      </c>
      <c r="CA33" s="104">
        <v>8</v>
      </c>
      <c r="CB33" s="101">
        <v>0</v>
      </c>
      <c r="CC33" s="102">
        <v>0</v>
      </c>
      <c r="CD33" s="103">
        <v>0</v>
      </c>
      <c r="CE33" s="412">
        <v>0</v>
      </c>
      <c r="CF33" s="102">
        <v>0</v>
      </c>
      <c r="CG33" s="102">
        <v>0</v>
      </c>
      <c r="CH33" s="102">
        <v>0</v>
      </c>
      <c r="CI33" s="102">
        <v>0</v>
      </c>
      <c r="CJ33" s="102">
        <v>0</v>
      </c>
      <c r="CK33" s="103">
        <v>0</v>
      </c>
      <c r="CL33" s="104">
        <v>0</v>
      </c>
      <c r="CM33" s="101">
        <v>2</v>
      </c>
      <c r="CN33" s="102">
        <v>1</v>
      </c>
      <c r="CO33" s="103">
        <v>3</v>
      </c>
      <c r="CP33" s="412">
        <v>0</v>
      </c>
      <c r="CQ33" s="102">
        <v>5</v>
      </c>
      <c r="CR33" s="102">
        <v>3</v>
      </c>
      <c r="CS33" s="102">
        <v>3</v>
      </c>
      <c r="CT33" s="102">
        <v>4</v>
      </c>
      <c r="CU33" s="102">
        <v>2</v>
      </c>
      <c r="CV33" s="103">
        <v>17</v>
      </c>
      <c r="CW33" s="104">
        <v>20</v>
      </c>
      <c r="CX33" s="105">
        <v>0</v>
      </c>
      <c r="CY33" s="97">
        <v>2</v>
      </c>
      <c r="CZ33" s="98">
        <v>2</v>
      </c>
      <c r="DA33" s="412">
        <v>0</v>
      </c>
      <c r="DB33" s="97">
        <v>2</v>
      </c>
      <c r="DC33" s="97">
        <v>1</v>
      </c>
      <c r="DD33" s="97">
        <v>2</v>
      </c>
      <c r="DE33" s="97">
        <v>0</v>
      </c>
      <c r="DF33" s="97">
        <v>0</v>
      </c>
      <c r="DG33" s="99">
        <v>5</v>
      </c>
      <c r="DH33" s="100">
        <v>7</v>
      </c>
      <c r="DI33" s="101">
        <v>0</v>
      </c>
      <c r="DJ33" s="102">
        <v>0</v>
      </c>
      <c r="DK33" s="103">
        <v>0</v>
      </c>
      <c r="DL33" s="412">
        <v>0</v>
      </c>
      <c r="DM33" s="102">
        <v>0</v>
      </c>
      <c r="DN33" s="102">
        <v>0</v>
      </c>
      <c r="DO33" s="102">
        <v>0</v>
      </c>
      <c r="DP33" s="102">
        <v>0</v>
      </c>
      <c r="DQ33" s="102">
        <v>0</v>
      </c>
      <c r="DR33" s="103">
        <v>0</v>
      </c>
      <c r="DS33" s="104">
        <v>0</v>
      </c>
      <c r="DT33" s="101">
        <v>0</v>
      </c>
      <c r="DU33" s="102">
        <v>0</v>
      </c>
      <c r="DV33" s="103">
        <v>0</v>
      </c>
      <c r="DW33" s="412">
        <v>0</v>
      </c>
      <c r="DX33" s="102">
        <v>0</v>
      </c>
      <c r="DY33" s="102">
        <v>0</v>
      </c>
      <c r="DZ33" s="102">
        <v>1</v>
      </c>
      <c r="EA33" s="102">
        <v>0</v>
      </c>
      <c r="EB33" s="102">
        <v>0</v>
      </c>
      <c r="EC33" s="103">
        <v>1</v>
      </c>
      <c r="ED33" s="104">
        <v>1</v>
      </c>
      <c r="EE33" s="101">
        <v>0</v>
      </c>
      <c r="EF33" s="102">
        <v>0</v>
      </c>
      <c r="EG33" s="103">
        <v>0</v>
      </c>
      <c r="EH33" s="412">
        <v>0</v>
      </c>
      <c r="EI33" s="102">
        <v>0</v>
      </c>
      <c r="EJ33" s="102">
        <v>0</v>
      </c>
      <c r="EK33" s="102">
        <v>0</v>
      </c>
      <c r="EL33" s="102">
        <v>0</v>
      </c>
      <c r="EM33" s="102">
        <v>0</v>
      </c>
      <c r="EN33" s="103">
        <v>0</v>
      </c>
      <c r="EO33" s="104">
        <v>0</v>
      </c>
      <c r="EP33" s="101">
        <v>0</v>
      </c>
      <c r="EQ33" s="102">
        <v>1</v>
      </c>
      <c r="ER33" s="103">
        <v>1</v>
      </c>
      <c r="ES33" s="412">
        <v>0</v>
      </c>
      <c r="ET33" s="102">
        <v>0</v>
      </c>
      <c r="EU33" s="102">
        <v>0</v>
      </c>
      <c r="EV33" s="102">
        <v>0</v>
      </c>
      <c r="EW33" s="102">
        <v>0</v>
      </c>
      <c r="EX33" s="102">
        <v>0</v>
      </c>
      <c r="EY33" s="103">
        <v>0</v>
      </c>
      <c r="EZ33" s="104">
        <v>1</v>
      </c>
      <c r="FA33" s="101">
        <v>0</v>
      </c>
      <c r="FB33" s="102">
        <v>0</v>
      </c>
      <c r="FC33" s="103">
        <v>0</v>
      </c>
      <c r="FD33" s="412">
        <v>0</v>
      </c>
      <c r="FE33" s="102">
        <v>2</v>
      </c>
      <c r="FF33" s="102">
        <v>0</v>
      </c>
      <c r="FG33" s="102">
        <v>0</v>
      </c>
      <c r="FH33" s="102">
        <v>0</v>
      </c>
      <c r="FI33" s="102">
        <v>0</v>
      </c>
      <c r="FJ33" s="103">
        <v>2</v>
      </c>
      <c r="FK33" s="104">
        <v>2</v>
      </c>
      <c r="FL33" s="101">
        <v>0</v>
      </c>
      <c r="FM33" s="102">
        <v>1</v>
      </c>
      <c r="FN33" s="103">
        <v>1</v>
      </c>
      <c r="FO33" s="412">
        <v>0</v>
      </c>
      <c r="FP33" s="102">
        <v>0</v>
      </c>
      <c r="FQ33" s="102">
        <v>1</v>
      </c>
      <c r="FR33" s="102">
        <v>1</v>
      </c>
      <c r="FS33" s="102">
        <v>0</v>
      </c>
      <c r="FT33" s="102">
        <v>0</v>
      </c>
      <c r="FU33" s="103">
        <v>2</v>
      </c>
      <c r="FV33" s="104">
        <v>3</v>
      </c>
      <c r="FW33" s="101">
        <v>0</v>
      </c>
      <c r="FX33" s="102">
        <v>0</v>
      </c>
      <c r="FY33" s="103">
        <v>0</v>
      </c>
      <c r="FZ33" s="412">
        <v>0</v>
      </c>
      <c r="GA33" s="102">
        <v>0</v>
      </c>
      <c r="GB33" s="102">
        <v>0</v>
      </c>
      <c r="GC33" s="102">
        <v>0</v>
      </c>
      <c r="GD33" s="102">
        <v>0</v>
      </c>
      <c r="GE33" s="102">
        <v>0</v>
      </c>
      <c r="GF33" s="103">
        <v>0</v>
      </c>
      <c r="GG33" s="104">
        <v>0</v>
      </c>
      <c r="GH33" s="101">
        <v>0</v>
      </c>
      <c r="GI33" s="102">
        <v>2</v>
      </c>
      <c r="GJ33" s="103">
        <v>2</v>
      </c>
      <c r="GK33" s="412">
        <v>0</v>
      </c>
      <c r="GL33" s="102">
        <v>2</v>
      </c>
      <c r="GM33" s="102">
        <v>1</v>
      </c>
      <c r="GN33" s="102">
        <v>2</v>
      </c>
      <c r="GO33" s="102">
        <v>0</v>
      </c>
      <c r="GP33" s="102">
        <v>0</v>
      </c>
      <c r="GQ33" s="103">
        <v>5</v>
      </c>
      <c r="GR33" s="104">
        <v>7</v>
      </c>
      <c r="GS33" s="105">
        <v>2</v>
      </c>
      <c r="GT33" s="97">
        <v>3</v>
      </c>
      <c r="GU33" s="98">
        <v>5</v>
      </c>
      <c r="GV33" s="412">
        <v>0</v>
      </c>
      <c r="GW33" s="97">
        <v>7</v>
      </c>
      <c r="GX33" s="97">
        <v>4</v>
      </c>
      <c r="GY33" s="97">
        <v>5</v>
      </c>
      <c r="GZ33" s="97">
        <v>4</v>
      </c>
      <c r="HA33" s="97">
        <v>2</v>
      </c>
      <c r="HB33" s="99">
        <v>22</v>
      </c>
      <c r="HC33" s="100">
        <v>27</v>
      </c>
      <c r="HD33" s="101">
        <v>0</v>
      </c>
      <c r="HE33" s="102">
        <v>0</v>
      </c>
      <c r="HF33" s="103">
        <v>0</v>
      </c>
      <c r="HG33" s="412">
        <v>0</v>
      </c>
      <c r="HH33" s="102">
        <v>0</v>
      </c>
      <c r="HI33" s="102">
        <v>0</v>
      </c>
      <c r="HJ33" s="102">
        <v>0</v>
      </c>
      <c r="HK33" s="102">
        <v>1</v>
      </c>
      <c r="HL33" s="102">
        <v>0</v>
      </c>
      <c r="HM33" s="103">
        <v>1</v>
      </c>
      <c r="HN33" s="104">
        <v>1</v>
      </c>
      <c r="HO33" s="101">
        <v>0</v>
      </c>
      <c r="HP33" s="102">
        <v>0</v>
      </c>
      <c r="HQ33" s="103">
        <v>0</v>
      </c>
      <c r="HR33" s="412">
        <v>0</v>
      </c>
      <c r="HS33" s="102">
        <v>0</v>
      </c>
      <c r="HT33" s="102">
        <v>0</v>
      </c>
      <c r="HU33" s="102">
        <v>2</v>
      </c>
      <c r="HV33" s="102">
        <v>0</v>
      </c>
      <c r="HW33" s="102">
        <v>0</v>
      </c>
      <c r="HX33" s="103">
        <v>2</v>
      </c>
      <c r="HY33" s="104">
        <v>2</v>
      </c>
      <c r="HZ33" s="101">
        <v>0</v>
      </c>
      <c r="IA33" s="102">
        <v>0</v>
      </c>
      <c r="IB33" s="103">
        <v>0</v>
      </c>
      <c r="IC33" s="412">
        <v>0</v>
      </c>
      <c r="ID33" s="102">
        <v>1</v>
      </c>
      <c r="IE33" s="102">
        <v>0</v>
      </c>
      <c r="IF33" s="102">
        <v>0</v>
      </c>
      <c r="IG33" s="102">
        <v>0</v>
      </c>
      <c r="IH33" s="102">
        <v>0</v>
      </c>
      <c r="II33" s="103">
        <v>1</v>
      </c>
      <c r="IJ33" s="104">
        <v>1</v>
      </c>
      <c r="IK33" s="101">
        <v>0</v>
      </c>
      <c r="IL33" s="102">
        <v>1</v>
      </c>
      <c r="IM33" s="103">
        <v>1</v>
      </c>
      <c r="IN33" s="412">
        <v>0</v>
      </c>
      <c r="IO33" s="102">
        <v>3</v>
      </c>
      <c r="IP33" s="102">
        <v>1</v>
      </c>
      <c r="IQ33" s="102">
        <v>0</v>
      </c>
      <c r="IR33" s="102">
        <v>0</v>
      </c>
      <c r="IS33" s="102">
        <v>0</v>
      </c>
      <c r="IT33" s="103">
        <v>4</v>
      </c>
      <c r="IU33" s="104">
        <v>5</v>
      </c>
      <c r="IV33" s="101">
        <v>0</v>
      </c>
      <c r="IW33" s="102">
        <v>0</v>
      </c>
      <c r="IX33" s="103">
        <v>0</v>
      </c>
      <c r="IY33" s="412">
        <v>0</v>
      </c>
      <c r="IZ33" s="102">
        <v>2</v>
      </c>
      <c r="JA33" s="102">
        <v>1</v>
      </c>
      <c r="JB33" s="102">
        <v>2</v>
      </c>
      <c r="JC33" s="102">
        <v>1</v>
      </c>
      <c r="JD33" s="102">
        <v>1</v>
      </c>
      <c r="JE33" s="103">
        <v>7</v>
      </c>
      <c r="JF33" s="104">
        <v>7</v>
      </c>
      <c r="JG33" s="101">
        <v>2</v>
      </c>
      <c r="JH33" s="102">
        <v>2</v>
      </c>
      <c r="JI33" s="103">
        <v>4</v>
      </c>
      <c r="JJ33" s="412">
        <v>0</v>
      </c>
      <c r="JK33" s="102">
        <v>1</v>
      </c>
      <c r="JL33" s="102">
        <v>2</v>
      </c>
      <c r="JM33" s="102">
        <v>1</v>
      </c>
      <c r="JN33" s="102">
        <v>2</v>
      </c>
      <c r="JO33" s="102">
        <v>1</v>
      </c>
      <c r="JP33" s="103">
        <v>7</v>
      </c>
      <c r="JQ33" s="104">
        <v>11</v>
      </c>
      <c r="JR33" s="101">
        <v>0</v>
      </c>
      <c r="JS33" s="102">
        <v>0</v>
      </c>
      <c r="JT33" s="103">
        <v>0</v>
      </c>
      <c r="JU33" s="412">
        <v>0</v>
      </c>
      <c r="JV33" s="102">
        <v>0</v>
      </c>
      <c r="JW33" s="102">
        <v>0</v>
      </c>
      <c r="JX33" s="102">
        <v>0</v>
      </c>
      <c r="JY33" s="102">
        <v>0</v>
      </c>
      <c r="JZ33" s="102">
        <v>0</v>
      </c>
      <c r="KA33" s="103">
        <v>0</v>
      </c>
      <c r="KB33" s="104">
        <v>0</v>
      </c>
      <c r="KC33" s="101">
        <v>2</v>
      </c>
      <c r="KD33" s="102">
        <v>3</v>
      </c>
      <c r="KE33" s="103">
        <v>5</v>
      </c>
      <c r="KF33" s="412">
        <v>0</v>
      </c>
      <c r="KG33" s="102">
        <v>7</v>
      </c>
      <c r="KH33" s="102">
        <v>4</v>
      </c>
      <c r="KI33" s="102">
        <v>5</v>
      </c>
      <c r="KJ33" s="102">
        <v>4</v>
      </c>
      <c r="KK33" s="102">
        <v>2</v>
      </c>
      <c r="KL33" s="103">
        <v>22</v>
      </c>
      <c r="KM33" s="104">
        <v>27</v>
      </c>
    </row>
    <row r="34" spans="2:299" s="70" customFormat="1" ht="21" customHeight="1" x14ac:dyDescent="0.2">
      <c r="B34" s="106" t="s">
        <v>31</v>
      </c>
      <c r="C34" s="96">
        <v>3</v>
      </c>
      <c r="D34" s="97">
        <v>4</v>
      </c>
      <c r="E34" s="98">
        <v>7</v>
      </c>
      <c r="F34" s="412">
        <v>0</v>
      </c>
      <c r="G34" s="97">
        <v>8</v>
      </c>
      <c r="H34" s="97">
        <v>3</v>
      </c>
      <c r="I34" s="97">
        <v>9</v>
      </c>
      <c r="J34" s="97">
        <v>2</v>
      </c>
      <c r="K34" s="97">
        <v>3</v>
      </c>
      <c r="L34" s="99">
        <v>25</v>
      </c>
      <c r="M34" s="100">
        <v>32</v>
      </c>
      <c r="N34" s="101">
        <v>0</v>
      </c>
      <c r="O34" s="102">
        <v>0</v>
      </c>
      <c r="P34" s="103">
        <v>0</v>
      </c>
      <c r="Q34" s="412">
        <v>0</v>
      </c>
      <c r="R34" s="102">
        <v>0</v>
      </c>
      <c r="S34" s="102">
        <v>1</v>
      </c>
      <c r="T34" s="102">
        <v>0</v>
      </c>
      <c r="U34" s="102">
        <v>0</v>
      </c>
      <c r="V34" s="102">
        <v>0</v>
      </c>
      <c r="W34" s="103">
        <v>1</v>
      </c>
      <c r="X34" s="104">
        <v>1</v>
      </c>
      <c r="Y34" s="101">
        <v>1</v>
      </c>
      <c r="Z34" s="102">
        <v>0</v>
      </c>
      <c r="AA34" s="103">
        <v>1</v>
      </c>
      <c r="AB34" s="412">
        <v>0</v>
      </c>
      <c r="AC34" s="102">
        <v>2</v>
      </c>
      <c r="AD34" s="102">
        <v>0</v>
      </c>
      <c r="AE34" s="102">
        <v>3</v>
      </c>
      <c r="AF34" s="102">
        <v>1</v>
      </c>
      <c r="AG34" s="102">
        <v>1</v>
      </c>
      <c r="AH34" s="103">
        <v>7</v>
      </c>
      <c r="AI34" s="104">
        <v>8</v>
      </c>
      <c r="AJ34" s="101">
        <v>0</v>
      </c>
      <c r="AK34" s="102">
        <v>1</v>
      </c>
      <c r="AL34" s="103">
        <v>1</v>
      </c>
      <c r="AM34" s="412">
        <v>0</v>
      </c>
      <c r="AN34" s="102">
        <v>1</v>
      </c>
      <c r="AO34" s="102">
        <v>1</v>
      </c>
      <c r="AP34" s="102">
        <v>1</v>
      </c>
      <c r="AQ34" s="102">
        <v>0</v>
      </c>
      <c r="AR34" s="102">
        <v>0</v>
      </c>
      <c r="AS34" s="103">
        <v>3</v>
      </c>
      <c r="AT34" s="104">
        <v>4</v>
      </c>
      <c r="AU34" s="101">
        <v>1</v>
      </c>
      <c r="AV34" s="102">
        <v>1</v>
      </c>
      <c r="AW34" s="103">
        <v>2</v>
      </c>
      <c r="AX34" s="412">
        <v>0</v>
      </c>
      <c r="AY34" s="102">
        <v>0</v>
      </c>
      <c r="AZ34" s="102">
        <v>0</v>
      </c>
      <c r="BA34" s="102">
        <v>0</v>
      </c>
      <c r="BB34" s="102">
        <v>0</v>
      </c>
      <c r="BC34" s="102">
        <v>0</v>
      </c>
      <c r="BD34" s="103">
        <v>0</v>
      </c>
      <c r="BE34" s="104">
        <v>2</v>
      </c>
      <c r="BF34" s="101">
        <v>0</v>
      </c>
      <c r="BG34" s="102">
        <v>1</v>
      </c>
      <c r="BH34" s="103">
        <v>1</v>
      </c>
      <c r="BI34" s="412">
        <v>0</v>
      </c>
      <c r="BJ34" s="102">
        <v>3</v>
      </c>
      <c r="BK34" s="102">
        <v>0</v>
      </c>
      <c r="BL34" s="102">
        <v>2</v>
      </c>
      <c r="BM34" s="102">
        <v>1</v>
      </c>
      <c r="BN34" s="102">
        <v>1</v>
      </c>
      <c r="BO34" s="103">
        <v>7</v>
      </c>
      <c r="BP34" s="104">
        <v>8</v>
      </c>
      <c r="BQ34" s="101">
        <v>1</v>
      </c>
      <c r="BR34" s="102">
        <v>1</v>
      </c>
      <c r="BS34" s="103">
        <v>2</v>
      </c>
      <c r="BT34" s="412">
        <v>0</v>
      </c>
      <c r="BU34" s="102">
        <v>2</v>
      </c>
      <c r="BV34" s="102">
        <v>1</v>
      </c>
      <c r="BW34" s="102">
        <v>3</v>
      </c>
      <c r="BX34" s="102">
        <v>0</v>
      </c>
      <c r="BY34" s="102">
        <v>1</v>
      </c>
      <c r="BZ34" s="103">
        <v>7</v>
      </c>
      <c r="CA34" s="104">
        <v>9</v>
      </c>
      <c r="CB34" s="101">
        <v>0</v>
      </c>
      <c r="CC34" s="102">
        <v>0</v>
      </c>
      <c r="CD34" s="103">
        <v>0</v>
      </c>
      <c r="CE34" s="412">
        <v>0</v>
      </c>
      <c r="CF34" s="102">
        <v>0</v>
      </c>
      <c r="CG34" s="102">
        <v>0</v>
      </c>
      <c r="CH34" s="102">
        <v>0</v>
      </c>
      <c r="CI34" s="102">
        <v>0</v>
      </c>
      <c r="CJ34" s="102">
        <v>0</v>
      </c>
      <c r="CK34" s="103">
        <v>0</v>
      </c>
      <c r="CL34" s="104">
        <v>0</v>
      </c>
      <c r="CM34" s="101">
        <v>3</v>
      </c>
      <c r="CN34" s="102">
        <v>4</v>
      </c>
      <c r="CO34" s="103">
        <v>7</v>
      </c>
      <c r="CP34" s="412">
        <v>0</v>
      </c>
      <c r="CQ34" s="102">
        <v>8</v>
      </c>
      <c r="CR34" s="102">
        <v>3</v>
      </c>
      <c r="CS34" s="102">
        <v>9</v>
      </c>
      <c r="CT34" s="102">
        <v>2</v>
      </c>
      <c r="CU34" s="102">
        <v>3</v>
      </c>
      <c r="CV34" s="103">
        <v>25</v>
      </c>
      <c r="CW34" s="104">
        <v>32</v>
      </c>
      <c r="CX34" s="105">
        <v>1</v>
      </c>
      <c r="CY34" s="97">
        <v>1</v>
      </c>
      <c r="CZ34" s="98">
        <v>2</v>
      </c>
      <c r="DA34" s="412">
        <v>0</v>
      </c>
      <c r="DB34" s="97">
        <v>1</v>
      </c>
      <c r="DC34" s="97">
        <v>1</v>
      </c>
      <c r="DD34" s="97">
        <v>2</v>
      </c>
      <c r="DE34" s="97">
        <v>1</v>
      </c>
      <c r="DF34" s="97">
        <v>0</v>
      </c>
      <c r="DG34" s="99">
        <v>5</v>
      </c>
      <c r="DH34" s="100">
        <v>7</v>
      </c>
      <c r="DI34" s="101">
        <v>0</v>
      </c>
      <c r="DJ34" s="102">
        <v>0</v>
      </c>
      <c r="DK34" s="103">
        <v>0</v>
      </c>
      <c r="DL34" s="412">
        <v>0</v>
      </c>
      <c r="DM34" s="102">
        <v>0</v>
      </c>
      <c r="DN34" s="102">
        <v>0</v>
      </c>
      <c r="DO34" s="102">
        <v>0</v>
      </c>
      <c r="DP34" s="102">
        <v>0</v>
      </c>
      <c r="DQ34" s="102">
        <v>0</v>
      </c>
      <c r="DR34" s="103">
        <v>0</v>
      </c>
      <c r="DS34" s="104">
        <v>0</v>
      </c>
      <c r="DT34" s="101">
        <v>0</v>
      </c>
      <c r="DU34" s="102">
        <v>0</v>
      </c>
      <c r="DV34" s="103">
        <v>0</v>
      </c>
      <c r="DW34" s="412">
        <v>0</v>
      </c>
      <c r="DX34" s="102">
        <v>0</v>
      </c>
      <c r="DY34" s="102">
        <v>0</v>
      </c>
      <c r="DZ34" s="102">
        <v>0</v>
      </c>
      <c r="EA34" s="102">
        <v>0</v>
      </c>
      <c r="EB34" s="102">
        <v>0</v>
      </c>
      <c r="EC34" s="103">
        <v>0</v>
      </c>
      <c r="ED34" s="104">
        <v>0</v>
      </c>
      <c r="EE34" s="101">
        <v>0</v>
      </c>
      <c r="EF34" s="102">
        <v>0</v>
      </c>
      <c r="EG34" s="103">
        <v>0</v>
      </c>
      <c r="EH34" s="412">
        <v>0</v>
      </c>
      <c r="EI34" s="102">
        <v>0</v>
      </c>
      <c r="EJ34" s="102">
        <v>0</v>
      </c>
      <c r="EK34" s="102">
        <v>0</v>
      </c>
      <c r="EL34" s="102">
        <v>1</v>
      </c>
      <c r="EM34" s="102">
        <v>0</v>
      </c>
      <c r="EN34" s="103">
        <v>1</v>
      </c>
      <c r="EO34" s="104">
        <v>1</v>
      </c>
      <c r="EP34" s="101">
        <v>0</v>
      </c>
      <c r="EQ34" s="102">
        <v>0</v>
      </c>
      <c r="ER34" s="103">
        <v>0</v>
      </c>
      <c r="ES34" s="412">
        <v>0</v>
      </c>
      <c r="ET34" s="102">
        <v>1</v>
      </c>
      <c r="EU34" s="102">
        <v>0</v>
      </c>
      <c r="EV34" s="102">
        <v>1</v>
      </c>
      <c r="EW34" s="102">
        <v>0</v>
      </c>
      <c r="EX34" s="102">
        <v>0</v>
      </c>
      <c r="EY34" s="103">
        <v>2</v>
      </c>
      <c r="EZ34" s="104">
        <v>2</v>
      </c>
      <c r="FA34" s="101">
        <v>1</v>
      </c>
      <c r="FB34" s="102">
        <v>1</v>
      </c>
      <c r="FC34" s="103">
        <v>2</v>
      </c>
      <c r="FD34" s="412">
        <v>0</v>
      </c>
      <c r="FE34" s="102">
        <v>0</v>
      </c>
      <c r="FF34" s="102">
        <v>0</v>
      </c>
      <c r="FG34" s="102">
        <v>0</v>
      </c>
      <c r="FH34" s="102">
        <v>0</v>
      </c>
      <c r="FI34" s="102">
        <v>0</v>
      </c>
      <c r="FJ34" s="103">
        <v>0</v>
      </c>
      <c r="FK34" s="104">
        <v>2</v>
      </c>
      <c r="FL34" s="101">
        <v>0</v>
      </c>
      <c r="FM34" s="102">
        <v>0</v>
      </c>
      <c r="FN34" s="103">
        <v>0</v>
      </c>
      <c r="FO34" s="412">
        <v>0</v>
      </c>
      <c r="FP34" s="102">
        <v>0</v>
      </c>
      <c r="FQ34" s="102">
        <v>1</v>
      </c>
      <c r="FR34" s="102">
        <v>1</v>
      </c>
      <c r="FS34" s="102">
        <v>0</v>
      </c>
      <c r="FT34" s="102">
        <v>0</v>
      </c>
      <c r="FU34" s="103">
        <v>2</v>
      </c>
      <c r="FV34" s="104">
        <v>2</v>
      </c>
      <c r="FW34" s="101">
        <v>0</v>
      </c>
      <c r="FX34" s="102">
        <v>0</v>
      </c>
      <c r="FY34" s="103">
        <v>0</v>
      </c>
      <c r="FZ34" s="412">
        <v>0</v>
      </c>
      <c r="GA34" s="102">
        <v>0</v>
      </c>
      <c r="GB34" s="102">
        <v>0</v>
      </c>
      <c r="GC34" s="102">
        <v>0</v>
      </c>
      <c r="GD34" s="102">
        <v>0</v>
      </c>
      <c r="GE34" s="102">
        <v>0</v>
      </c>
      <c r="GF34" s="103">
        <v>0</v>
      </c>
      <c r="GG34" s="104">
        <v>0</v>
      </c>
      <c r="GH34" s="101">
        <v>1</v>
      </c>
      <c r="GI34" s="102">
        <v>1</v>
      </c>
      <c r="GJ34" s="103">
        <v>2</v>
      </c>
      <c r="GK34" s="412">
        <v>0</v>
      </c>
      <c r="GL34" s="102">
        <v>1</v>
      </c>
      <c r="GM34" s="102">
        <v>1</v>
      </c>
      <c r="GN34" s="102">
        <v>2</v>
      </c>
      <c r="GO34" s="102">
        <v>1</v>
      </c>
      <c r="GP34" s="102">
        <v>0</v>
      </c>
      <c r="GQ34" s="103">
        <v>5</v>
      </c>
      <c r="GR34" s="104">
        <v>7</v>
      </c>
      <c r="GS34" s="105">
        <v>4</v>
      </c>
      <c r="GT34" s="97">
        <v>5</v>
      </c>
      <c r="GU34" s="98">
        <v>9</v>
      </c>
      <c r="GV34" s="412">
        <v>0</v>
      </c>
      <c r="GW34" s="97">
        <v>9</v>
      </c>
      <c r="GX34" s="97">
        <v>4</v>
      </c>
      <c r="GY34" s="97">
        <v>11</v>
      </c>
      <c r="GZ34" s="97">
        <v>3</v>
      </c>
      <c r="HA34" s="97">
        <v>3</v>
      </c>
      <c r="HB34" s="99">
        <v>30</v>
      </c>
      <c r="HC34" s="100">
        <v>39</v>
      </c>
      <c r="HD34" s="101">
        <v>0</v>
      </c>
      <c r="HE34" s="102">
        <v>0</v>
      </c>
      <c r="HF34" s="103">
        <v>0</v>
      </c>
      <c r="HG34" s="412">
        <v>0</v>
      </c>
      <c r="HH34" s="102">
        <v>0</v>
      </c>
      <c r="HI34" s="102">
        <v>1</v>
      </c>
      <c r="HJ34" s="102">
        <v>0</v>
      </c>
      <c r="HK34" s="102">
        <v>0</v>
      </c>
      <c r="HL34" s="102">
        <v>0</v>
      </c>
      <c r="HM34" s="103">
        <v>1</v>
      </c>
      <c r="HN34" s="104">
        <v>1</v>
      </c>
      <c r="HO34" s="101">
        <v>1</v>
      </c>
      <c r="HP34" s="102">
        <v>0</v>
      </c>
      <c r="HQ34" s="103">
        <v>1</v>
      </c>
      <c r="HR34" s="412">
        <v>0</v>
      </c>
      <c r="HS34" s="102">
        <v>2</v>
      </c>
      <c r="HT34" s="102">
        <v>0</v>
      </c>
      <c r="HU34" s="102">
        <v>3</v>
      </c>
      <c r="HV34" s="102">
        <v>1</v>
      </c>
      <c r="HW34" s="102">
        <v>1</v>
      </c>
      <c r="HX34" s="103">
        <v>7</v>
      </c>
      <c r="HY34" s="104">
        <v>8</v>
      </c>
      <c r="HZ34" s="101">
        <v>0</v>
      </c>
      <c r="IA34" s="102">
        <v>1</v>
      </c>
      <c r="IB34" s="103">
        <v>1</v>
      </c>
      <c r="IC34" s="412">
        <v>0</v>
      </c>
      <c r="ID34" s="102">
        <v>1</v>
      </c>
      <c r="IE34" s="102">
        <v>1</v>
      </c>
      <c r="IF34" s="102">
        <v>1</v>
      </c>
      <c r="IG34" s="102">
        <v>1</v>
      </c>
      <c r="IH34" s="102">
        <v>0</v>
      </c>
      <c r="II34" s="103">
        <v>4</v>
      </c>
      <c r="IJ34" s="104">
        <v>5</v>
      </c>
      <c r="IK34" s="101">
        <v>1</v>
      </c>
      <c r="IL34" s="102">
        <v>1</v>
      </c>
      <c r="IM34" s="103">
        <v>2</v>
      </c>
      <c r="IN34" s="412">
        <v>0</v>
      </c>
      <c r="IO34" s="102">
        <v>1</v>
      </c>
      <c r="IP34" s="102">
        <v>0</v>
      </c>
      <c r="IQ34" s="102">
        <v>1</v>
      </c>
      <c r="IR34" s="102">
        <v>0</v>
      </c>
      <c r="IS34" s="102">
        <v>0</v>
      </c>
      <c r="IT34" s="103">
        <v>2</v>
      </c>
      <c r="IU34" s="104">
        <v>4</v>
      </c>
      <c r="IV34" s="101">
        <v>1</v>
      </c>
      <c r="IW34" s="102">
        <v>2</v>
      </c>
      <c r="IX34" s="103">
        <v>3</v>
      </c>
      <c r="IY34" s="412">
        <v>0</v>
      </c>
      <c r="IZ34" s="102">
        <v>3</v>
      </c>
      <c r="JA34" s="102">
        <v>0</v>
      </c>
      <c r="JB34" s="102">
        <v>2</v>
      </c>
      <c r="JC34" s="102">
        <v>1</v>
      </c>
      <c r="JD34" s="102">
        <v>1</v>
      </c>
      <c r="JE34" s="103">
        <v>7</v>
      </c>
      <c r="JF34" s="104">
        <v>10</v>
      </c>
      <c r="JG34" s="101">
        <v>1</v>
      </c>
      <c r="JH34" s="102">
        <v>1</v>
      </c>
      <c r="JI34" s="103">
        <v>2</v>
      </c>
      <c r="JJ34" s="412">
        <v>0</v>
      </c>
      <c r="JK34" s="102">
        <v>2</v>
      </c>
      <c r="JL34" s="102">
        <v>2</v>
      </c>
      <c r="JM34" s="102">
        <v>4</v>
      </c>
      <c r="JN34" s="102">
        <v>0</v>
      </c>
      <c r="JO34" s="102">
        <v>1</v>
      </c>
      <c r="JP34" s="103">
        <v>9</v>
      </c>
      <c r="JQ34" s="104">
        <v>11</v>
      </c>
      <c r="JR34" s="101">
        <v>0</v>
      </c>
      <c r="JS34" s="102">
        <v>0</v>
      </c>
      <c r="JT34" s="103">
        <v>0</v>
      </c>
      <c r="JU34" s="412">
        <v>0</v>
      </c>
      <c r="JV34" s="102">
        <v>0</v>
      </c>
      <c r="JW34" s="102">
        <v>0</v>
      </c>
      <c r="JX34" s="102">
        <v>0</v>
      </c>
      <c r="JY34" s="102">
        <v>0</v>
      </c>
      <c r="JZ34" s="102">
        <v>0</v>
      </c>
      <c r="KA34" s="103">
        <v>0</v>
      </c>
      <c r="KB34" s="104">
        <v>0</v>
      </c>
      <c r="KC34" s="101">
        <v>4</v>
      </c>
      <c r="KD34" s="102">
        <v>5</v>
      </c>
      <c r="KE34" s="103">
        <v>9</v>
      </c>
      <c r="KF34" s="412">
        <v>0</v>
      </c>
      <c r="KG34" s="102">
        <v>9</v>
      </c>
      <c r="KH34" s="102">
        <v>4</v>
      </c>
      <c r="KI34" s="102">
        <v>11</v>
      </c>
      <c r="KJ34" s="102">
        <v>3</v>
      </c>
      <c r="KK34" s="102">
        <v>3</v>
      </c>
      <c r="KL34" s="103">
        <v>30</v>
      </c>
      <c r="KM34" s="104">
        <v>39</v>
      </c>
    </row>
    <row r="35" spans="2:299" s="70" customFormat="1" ht="21" customHeight="1" x14ac:dyDescent="0.2">
      <c r="B35" s="106" t="s">
        <v>32</v>
      </c>
      <c r="C35" s="96">
        <v>3</v>
      </c>
      <c r="D35" s="97">
        <v>4</v>
      </c>
      <c r="E35" s="98">
        <v>7</v>
      </c>
      <c r="F35" s="412">
        <v>0</v>
      </c>
      <c r="G35" s="97">
        <v>11</v>
      </c>
      <c r="H35" s="97">
        <v>4</v>
      </c>
      <c r="I35" s="97">
        <v>3</v>
      </c>
      <c r="J35" s="97">
        <v>4</v>
      </c>
      <c r="K35" s="97">
        <v>5</v>
      </c>
      <c r="L35" s="99">
        <v>27</v>
      </c>
      <c r="M35" s="100">
        <v>34</v>
      </c>
      <c r="N35" s="101">
        <v>0</v>
      </c>
      <c r="O35" s="102">
        <v>0</v>
      </c>
      <c r="P35" s="103">
        <v>0</v>
      </c>
      <c r="Q35" s="412">
        <v>0</v>
      </c>
      <c r="R35" s="102">
        <v>0</v>
      </c>
      <c r="S35" s="102">
        <v>0</v>
      </c>
      <c r="T35" s="102">
        <v>0</v>
      </c>
      <c r="U35" s="102">
        <v>0</v>
      </c>
      <c r="V35" s="102">
        <v>0</v>
      </c>
      <c r="W35" s="103">
        <v>0</v>
      </c>
      <c r="X35" s="104">
        <v>0</v>
      </c>
      <c r="Y35" s="101">
        <v>0</v>
      </c>
      <c r="Z35" s="102">
        <v>0</v>
      </c>
      <c r="AA35" s="103">
        <v>0</v>
      </c>
      <c r="AB35" s="412">
        <v>0</v>
      </c>
      <c r="AC35" s="102">
        <v>0</v>
      </c>
      <c r="AD35" s="102">
        <v>1</v>
      </c>
      <c r="AE35" s="102">
        <v>0</v>
      </c>
      <c r="AF35" s="102">
        <v>1</v>
      </c>
      <c r="AG35" s="102">
        <v>2</v>
      </c>
      <c r="AH35" s="103">
        <v>4</v>
      </c>
      <c r="AI35" s="104">
        <v>4</v>
      </c>
      <c r="AJ35" s="101">
        <v>2</v>
      </c>
      <c r="AK35" s="102">
        <v>0</v>
      </c>
      <c r="AL35" s="103">
        <v>2</v>
      </c>
      <c r="AM35" s="412">
        <v>0</v>
      </c>
      <c r="AN35" s="102">
        <v>1</v>
      </c>
      <c r="AO35" s="102">
        <v>0</v>
      </c>
      <c r="AP35" s="102">
        <v>0</v>
      </c>
      <c r="AQ35" s="102">
        <v>1</v>
      </c>
      <c r="AR35" s="102">
        <v>2</v>
      </c>
      <c r="AS35" s="103">
        <v>4</v>
      </c>
      <c r="AT35" s="104">
        <v>6</v>
      </c>
      <c r="AU35" s="101">
        <v>1</v>
      </c>
      <c r="AV35" s="102">
        <v>2</v>
      </c>
      <c r="AW35" s="103">
        <v>3</v>
      </c>
      <c r="AX35" s="412">
        <v>0</v>
      </c>
      <c r="AY35" s="102">
        <v>6</v>
      </c>
      <c r="AZ35" s="102">
        <v>0</v>
      </c>
      <c r="BA35" s="102">
        <v>0</v>
      </c>
      <c r="BB35" s="102">
        <v>0</v>
      </c>
      <c r="BC35" s="102">
        <v>1</v>
      </c>
      <c r="BD35" s="103">
        <v>7</v>
      </c>
      <c r="BE35" s="104">
        <v>10</v>
      </c>
      <c r="BF35" s="101">
        <v>0</v>
      </c>
      <c r="BG35" s="102">
        <v>1</v>
      </c>
      <c r="BH35" s="103">
        <v>1</v>
      </c>
      <c r="BI35" s="412">
        <v>0</v>
      </c>
      <c r="BJ35" s="102">
        <v>2</v>
      </c>
      <c r="BK35" s="102">
        <v>1</v>
      </c>
      <c r="BL35" s="102">
        <v>2</v>
      </c>
      <c r="BM35" s="102">
        <v>1</v>
      </c>
      <c r="BN35" s="102">
        <v>0</v>
      </c>
      <c r="BO35" s="103">
        <v>6</v>
      </c>
      <c r="BP35" s="104">
        <v>7</v>
      </c>
      <c r="BQ35" s="101">
        <v>0</v>
      </c>
      <c r="BR35" s="102">
        <v>1</v>
      </c>
      <c r="BS35" s="103">
        <v>1</v>
      </c>
      <c r="BT35" s="412">
        <v>0</v>
      </c>
      <c r="BU35" s="102">
        <v>2</v>
      </c>
      <c r="BV35" s="102">
        <v>2</v>
      </c>
      <c r="BW35" s="102">
        <v>1</v>
      </c>
      <c r="BX35" s="102">
        <v>1</v>
      </c>
      <c r="BY35" s="102">
        <v>0</v>
      </c>
      <c r="BZ35" s="103">
        <v>6</v>
      </c>
      <c r="CA35" s="104">
        <v>7</v>
      </c>
      <c r="CB35" s="101">
        <v>0</v>
      </c>
      <c r="CC35" s="102">
        <v>0</v>
      </c>
      <c r="CD35" s="103">
        <v>0</v>
      </c>
      <c r="CE35" s="412">
        <v>0</v>
      </c>
      <c r="CF35" s="102">
        <v>0</v>
      </c>
      <c r="CG35" s="102">
        <v>0</v>
      </c>
      <c r="CH35" s="102">
        <v>0</v>
      </c>
      <c r="CI35" s="102">
        <v>0</v>
      </c>
      <c r="CJ35" s="102">
        <v>0</v>
      </c>
      <c r="CK35" s="103">
        <v>0</v>
      </c>
      <c r="CL35" s="104">
        <v>0</v>
      </c>
      <c r="CM35" s="101">
        <v>3</v>
      </c>
      <c r="CN35" s="102">
        <v>4</v>
      </c>
      <c r="CO35" s="103">
        <v>7</v>
      </c>
      <c r="CP35" s="412">
        <v>0</v>
      </c>
      <c r="CQ35" s="102">
        <v>11</v>
      </c>
      <c r="CR35" s="102">
        <v>4</v>
      </c>
      <c r="CS35" s="102">
        <v>3</v>
      </c>
      <c r="CT35" s="102">
        <v>4</v>
      </c>
      <c r="CU35" s="102">
        <v>5</v>
      </c>
      <c r="CV35" s="103">
        <v>27</v>
      </c>
      <c r="CW35" s="104">
        <v>34</v>
      </c>
      <c r="CX35" s="105">
        <v>3</v>
      </c>
      <c r="CY35" s="97">
        <v>0</v>
      </c>
      <c r="CZ35" s="98">
        <v>3</v>
      </c>
      <c r="DA35" s="412">
        <v>0</v>
      </c>
      <c r="DB35" s="97">
        <v>2</v>
      </c>
      <c r="DC35" s="97">
        <v>3</v>
      </c>
      <c r="DD35" s="97">
        <v>1</v>
      </c>
      <c r="DE35" s="97">
        <v>2</v>
      </c>
      <c r="DF35" s="97">
        <v>1</v>
      </c>
      <c r="DG35" s="99">
        <v>9</v>
      </c>
      <c r="DH35" s="100">
        <v>12</v>
      </c>
      <c r="DI35" s="101">
        <v>0</v>
      </c>
      <c r="DJ35" s="102">
        <v>0</v>
      </c>
      <c r="DK35" s="103">
        <v>0</v>
      </c>
      <c r="DL35" s="412">
        <v>0</v>
      </c>
      <c r="DM35" s="102">
        <v>0</v>
      </c>
      <c r="DN35" s="102">
        <v>0</v>
      </c>
      <c r="DO35" s="102">
        <v>0</v>
      </c>
      <c r="DP35" s="102">
        <v>0</v>
      </c>
      <c r="DQ35" s="102">
        <v>0</v>
      </c>
      <c r="DR35" s="103">
        <v>0</v>
      </c>
      <c r="DS35" s="104">
        <v>0</v>
      </c>
      <c r="DT35" s="101">
        <v>1</v>
      </c>
      <c r="DU35" s="102">
        <v>0</v>
      </c>
      <c r="DV35" s="103">
        <v>1</v>
      </c>
      <c r="DW35" s="412">
        <v>0</v>
      </c>
      <c r="DX35" s="102">
        <v>0</v>
      </c>
      <c r="DY35" s="102">
        <v>0</v>
      </c>
      <c r="DZ35" s="102">
        <v>0</v>
      </c>
      <c r="EA35" s="102">
        <v>0</v>
      </c>
      <c r="EB35" s="102">
        <v>0</v>
      </c>
      <c r="EC35" s="103">
        <v>0</v>
      </c>
      <c r="ED35" s="104">
        <v>1</v>
      </c>
      <c r="EE35" s="101">
        <v>0</v>
      </c>
      <c r="EF35" s="102">
        <v>0</v>
      </c>
      <c r="EG35" s="103">
        <v>0</v>
      </c>
      <c r="EH35" s="412">
        <v>0</v>
      </c>
      <c r="EI35" s="102">
        <v>0</v>
      </c>
      <c r="EJ35" s="102">
        <v>0</v>
      </c>
      <c r="EK35" s="102">
        <v>1</v>
      </c>
      <c r="EL35" s="102">
        <v>0</v>
      </c>
      <c r="EM35" s="102">
        <v>0</v>
      </c>
      <c r="EN35" s="103">
        <v>1</v>
      </c>
      <c r="EO35" s="104">
        <v>1</v>
      </c>
      <c r="EP35" s="101">
        <v>1</v>
      </c>
      <c r="EQ35" s="102">
        <v>0</v>
      </c>
      <c r="ER35" s="103">
        <v>1</v>
      </c>
      <c r="ES35" s="412">
        <v>0</v>
      </c>
      <c r="ET35" s="102">
        <v>0</v>
      </c>
      <c r="EU35" s="102">
        <v>0</v>
      </c>
      <c r="EV35" s="102">
        <v>0</v>
      </c>
      <c r="EW35" s="102">
        <v>1</v>
      </c>
      <c r="EX35" s="102">
        <v>0</v>
      </c>
      <c r="EY35" s="103">
        <v>1</v>
      </c>
      <c r="EZ35" s="104">
        <v>2</v>
      </c>
      <c r="FA35" s="101">
        <v>1</v>
      </c>
      <c r="FB35" s="102">
        <v>0</v>
      </c>
      <c r="FC35" s="103">
        <v>1</v>
      </c>
      <c r="FD35" s="412">
        <v>0</v>
      </c>
      <c r="FE35" s="102">
        <v>0</v>
      </c>
      <c r="FF35" s="102">
        <v>1</v>
      </c>
      <c r="FG35" s="102">
        <v>0</v>
      </c>
      <c r="FH35" s="102">
        <v>0</v>
      </c>
      <c r="FI35" s="102">
        <v>0</v>
      </c>
      <c r="FJ35" s="103">
        <v>1</v>
      </c>
      <c r="FK35" s="104">
        <v>2</v>
      </c>
      <c r="FL35" s="101">
        <v>0</v>
      </c>
      <c r="FM35" s="102">
        <v>0</v>
      </c>
      <c r="FN35" s="103">
        <v>0</v>
      </c>
      <c r="FO35" s="412">
        <v>0</v>
      </c>
      <c r="FP35" s="102">
        <v>2</v>
      </c>
      <c r="FQ35" s="102">
        <v>2</v>
      </c>
      <c r="FR35" s="102">
        <v>0</v>
      </c>
      <c r="FS35" s="102">
        <v>1</v>
      </c>
      <c r="FT35" s="102">
        <v>1</v>
      </c>
      <c r="FU35" s="103">
        <v>6</v>
      </c>
      <c r="FV35" s="104">
        <v>6</v>
      </c>
      <c r="FW35" s="101">
        <v>0</v>
      </c>
      <c r="FX35" s="102">
        <v>0</v>
      </c>
      <c r="FY35" s="103">
        <v>0</v>
      </c>
      <c r="FZ35" s="412">
        <v>0</v>
      </c>
      <c r="GA35" s="102">
        <v>0</v>
      </c>
      <c r="GB35" s="102">
        <v>0</v>
      </c>
      <c r="GC35" s="102">
        <v>0</v>
      </c>
      <c r="GD35" s="102">
        <v>0</v>
      </c>
      <c r="GE35" s="102">
        <v>0</v>
      </c>
      <c r="GF35" s="103">
        <v>0</v>
      </c>
      <c r="GG35" s="104">
        <v>0</v>
      </c>
      <c r="GH35" s="101">
        <v>3</v>
      </c>
      <c r="GI35" s="102">
        <v>0</v>
      </c>
      <c r="GJ35" s="103">
        <v>3</v>
      </c>
      <c r="GK35" s="412">
        <v>0</v>
      </c>
      <c r="GL35" s="102">
        <v>2</v>
      </c>
      <c r="GM35" s="102">
        <v>3</v>
      </c>
      <c r="GN35" s="102">
        <v>1</v>
      </c>
      <c r="GO35" s="102">
        <v>2</v>
      </c>
      <c r="GP35" s="102">
        <v>1</v>
      </c>
      <c r="GQ35" s="103">
        <v>9</v>
      </c>
      <c r="GR35" s="104">
        <v>12</v>
      </c>
      <c r="GS35" s="105">
        <v>6</v>
      </c>
      <c r="GT35" s="97">
        <v>4</v>
      </c>
      <c r="GU35" s="98">
        <v>10</v>
      </c>
      <c r="GV35" s="412">
        <v>0</v>
      </c>
      <c r="GW35" s="97">
        <v>13</v>
      </c>
      <c r="GX35" s="97">
        <v>7</v>
      </c>
      <c r="GY35" s="97">
        <v>4</v>
      </c>
      <c r="GZ35" s="97">
        <v>6</v>
      </c>
      <c r="HA35" s="97">
        <v>6</v>
      </c>
      <c r="HB35" s="99">
        <v>36</v>
      </c>
      <c r="HC35" s="100">
        <v>46</v>
      </c>
      <c r="HD35" s="101">
        <v>0</v>
      </c>
      <c r="HE35" s="102">
        <v>0</v>
      </c>
      <c r="HF35" s="103">
        <v>0</v>
      </c>
      <c r="HG35" s="412">
        <v>0</v>
      </c>
      <c r="HH35" s="102">
        <v>0</v>
      </c>
      <c r="HI35" s="102">
        <v>0</v>
      </c>
      <c r="HJ35" s="102">
        <v>0</v>
      </c>
      <c r="HK35" s="102">
        <v>0</v>
      </c>
      <c r="HL35" s="102">
        <v>0</v>
      </c>
      <c r="HM35" s="103">
        <v>0</v>
      </c>
      <c r="HN35" s="104">
        <v>0</v>
      </c>
      <c r="HO35" s="101">
        <v>1</v>
      </c>
      <c r="HP35" s="102">
        <v>0</v>
      </c>
      <c r="HQ35" s="103">
        <v>1</v>
      </c>
      <c r="HR35" s="412">
        <v>0</v>
      </c>
      <c r="HS35" s="102">
        <v>0</v>
      </c>
      <c r="HT35" s="102">
        <v>1</v>
      </c>
      <c r="HU35" s="102">
        <v>0</v>
      </c>
      <c r="HV35" s="102">
        <v>1</v>
      </c>
      <c r="HW35" s="102">
        <v>2</v>
      </c>
      <c r="HX35" s="103">
        <v>4</v>
      </c>
      <c r="HY35" s="104">
        <v>5</v>
      </c>
      <c r="HZ35" s="101">
        <v>2</v>
      </c>
      <c r="IA35" s="102">
        <v>0</v>
      </c>
      <c r="IB35" s="103">
        <v>2</v>
      </c>
      <c r="IC35" s="412">
        <v>0</v>
      </c>
      <c r="ID35" s="102">
        <v>1</v>
      </c>
      <c r="IE35" s="102">
        <v>0</v>
      </c>
      <c r="IF35" s="102">
        <v>1</v>
      </c>
      <c r="IG35" s="102">
        <v>1</v>
      </c>
      <c r="IH35" s="102">
        <v>2</v>
      </c>
      <c r="II35" s="103">
        <v>5</v>
      </c>
      <c r="IJ35" s="104">
        <v>7</v>
      </c>
      <c r="IK35" s="101">
        <v>2</v>
      </c>
      <c r="IL35" s="102">
        <v>2</v>
      </c>
      <c r="IM35" s="103">
        <v>4</v>
      </c>
      <c r="IN35" s="412">
        <v>0</v>
      </c>
      <c r="IO35" s="102">
        <v>6</v>
      </c>
      <c r="IP35" s="102">
        <v>0</v>
      </c>
      <c r="IQ35" s="102">
        <v>0</v>
      </c>
      <c r="IR35" s="102">
        <v>1</v>
      </c>
      <c r="IS35" s="102">
        <v>1</v>
      </c>
      <c r="IT35" s="103">
        <v>8</v>
      </c>
      <c r="IU35" s="104">
        <v>12</v>
      </c>
      <c r="IV35" s="101">
        <v>1</v>
      </c>
      <c r="IW35" s="102">
        <v>1</v>
      </c>
      <c r="IX35" s="103">
        <v>2</v>
      </c>
      <c r="IY35" s="412">
        <v>0</v>
      </c>
      <c r="IZ35" s="102">
        <v>2</v>
      </c>
      <c r="JA35" s="102">
        <v>2</v>
      </c>
      <c r="JB35" s="102">
        <v>2</v>
      </c>
      <c r="JC35" s="102">
        <v>1</v>
      </c>
      <c r="JD35" s="102">
        <v>0</v>
      </c>
      <c r="JE35" s="103">
        <v>7</v>
      </c>
      <c r="JF35" s="104">
        <v>9</v>
      </c>
      <c r="JG35" s="101">
        <v>0</v>
      </c>
      <c r="JH35" s="102">
        <v>1</v>
      </c>
      <c r="JI35" s="103">
        <v>1</v>
      </c>
      <c r="JJ35" s="412">
        <v>0</v>
      </c>
      <c r="JK35" s="102">
        <v>4</v>
      </c>
      <c r="JL35" s="102">
        <v>4</v>
      </c>
      <c r="JM35" s="102">
        <v>1</v>
      </c>
      <c r="JN35" s="102">
        <v>2</v>
      </c>
      <c r="JO35" s="102">
        <v>1</v>
      </c>
      <c r="JP35" s="103">
        <v>12</v>
      </c>
      <c r="JQ35" s="104">
        <v>13</v>
      </c>
      <c r="JR35" s="101">
        <v>0</v>
      </c>
      <c r="JS35" s="102">
        <v>0</v>
      </c>
      <c r="JT35" s="103">
        <v>0</v>
      </c>
      <c r="JU35" s="412">
        <v>0</v>
      </c>
      <c r="JV35" s="102">
        <v>0</v>
      </c>
      <c r="JW35" s="102">
        <v>0</v>
      </c>
      <c r="JX35" s="102">
        <v>0</v>
      </c>
      <c r="JY35" s="102">
        <v>0</v>
      </c>
      <c r="JZ35" s="102">
        <v>0</v>
      </c>
      <c r="KA35" s="103">
        <v>0</v>
      </c>
      <c r="KB35" s="104">
        <v>0</v>
      </c>
      <c r="KC35" s="101">
        <v>6</v>
      </c>
      <c r="KD35" s="102">
        <v>4</v>
      </c>
      <c r="KE35" s="103">
        <v>10</v>
      </c>
      <c r="KF35" s="412">
        <v>0</v>
      </c>
      <c r="KG35" s="102">
        <v>13</v>
      </c>
      <c r="KH35" s="102">
        <v>7</v>
      </c>
      <c r="KI35" s="102">
        <v>4</v>
      </c>
      <c r="KJ35" s="102">
        <v>6</v>
      </c>
      <c r="KK35" s="102">
        <v>6</v>
      </c>
      <c r="KL35" s="103">
        <v>36</v>
      </c>
      <c r="KM35" s="104">
        <v>46</v>
      </c>
    </row>
    <row r="36" spans="2:299" s="70" customFormat="1" ht="21" customHeight="1" x14ac:dyDescent="0.2">
      <c r="B36" s="106" t="s">
        <v>33</v>
      </c>
      <c r="C36" s="96">
        <v>1</v>
      </c>
      <c r="D36" s="97">
        <v>2</v>
      </c>
      <c r="E36" s="98">
        <v>3</v>
      </c>
      <c r="F36" s="412">
        <v>0</v>
      </c>
      <c r="G36" s="97">
        <v>9</v>
      </c>
      <c r="H36" s="97">
        <v>2</v>
      </c>
      <c r="I36" s="97">
        <v>4</v>
      </c>
      <c r="J36" s="97">
        <v>2</v>
      </c>
      <c r="K36" s="97">
        <v>4</v>
      </c>
      <c r="L36" s="99">
        <v>21</v>
      </c>
      <c r="M36" s="100">
        <v>24</v>
      </c>
      <c r="N36" s="101">
        <v>0</v>
      </c>
      <c r="O36" s="102">
        <v>0</v>
      </c>
      <c r="P36" s="103">
        <v>0</v>
      </c>
      <c r="Q36" s="412">
        <v>0</v>
      </c>
      <c r="R36" s="102">
        <v>2</v>
      </c>
      <c r="S36" s="102">
        <v>0</v>
      </c>
      <c r="T36" s="102">
        <v>0</v>
      </c>
      <c r="U36" s="102">
        <v>1</v>
      </c>
      <c r="V36" s="102">
        <v>0</v>
      </c>
      <c r="W36" s="103">
        <v>3</v>
      </c>
      <c r="X36" s="104">
        <v>3</v>
      </c>
      <c r="Y36" s="101">
        <v>0</v>
      </c>
      <c r="Z36" s="102">
        <v>0</v>
      </c>
      <c r="AA36" s="103">
        <v>0</v>
      </c>
      <c r="AB36" s="412">
        <v>0</v>
      </c>
      <c r="AC36" s="102">
        <v>1</v>
      </c>
      <c r="AD36" s="102">
        <v>0</v>
      </c>
      <c r="AE36" s="102">
        <v>1</v>
      </c>
      <c r="AF36" s="102">
        <v>0</v>
      </c>
      <c r="AG36" s="102">
        <v>1</v>
      </c>
      <c r="AH36" s="103">
        <v>3</v>
      </c>
      <c r="AI36" s="104">
        <v>3</v>
      </c>
      <c r="AJ36" s="101">
        <v>0</v>
      </c>
      <c r="AK36" s="102">
        <v>0</v>
      </c>
      <c r="AL36" s="103">
        <v>0</v>
      </c>
      <c r="AM36" s="412">
        <v>0</v>
      </c>
      <c r="AN36" s="102">
        <v>2</v>
      </c>
      <c r="AO36" s="102">
        <v>1</v>
      </c>
      <c r="AP36" s="102">
        <v>1</v>
      </c>
      <c r="AQ36" s="102">
        <v>0</v>
      </c>
      <c r="AR36" s="102">
        <v>1</v>
      </c>
      <c r="AS36" s="103">
        <v>5</v>
      </c>
      <c r="AT36" s="104">
        <v>5</v>
      </c>
      <c r="AU36" s="101">
        <v>1</v>
      </c>
      <c r="AV36" s="102">
        <v>1</v>
      </c>
      <c r="AW36" s="103">
        <v>2</v>
      </c>
      <c r="AX36" s="412">
        <v>0</v>
      </c>
      <c r="AY36" s="102">
        <v>1</v>
      </c>
      <c r="AZ36" s="102">
        <v>0</v>
      </c>
      <c r="BA36" s="102">
        <v>1</v>
      </c>
      <c r="BB36" s="102">
        <v>0</v>
      </c>
      <c r="BC36" s="102">
        <v>1</v>
      </c>
      <c r="BD36" s="103">
        <v>3</v>
      </c>
      <c r="BE36" s="104">
        <v>5</v>
      </c>
      <c r="BF36" s="101">
        <v>0</v>
      </c>
      <c r="BG36" s="102">
        <v>1</v>
      </c>
      <c r="BH36" s="103">
        <v>1</v>
      </c>
      <c r="BI36" s="412">
        <v>0</v>
      </c>
      <c r="BJ36" s="102">
        <v>1</v>
      </c>
      <c r="BK36" s="102">
        <v>1</v>
      </c>
      <c r="BL36" s="102">
        <v>0</v>
      </c>
      <c r="BM36" s="102">
        <v>0</v>
      </c>
      <c r="BN36" s="102">
        <v>1</v>
      </c>
      <c r="BO36" s="103">
        <v>3</v>
      </c>
      <c r="BP36" s="104">
        <v>4</v>
      </c>
      <c r="BQ36" s="101">
        <v>0</v>
      </c>
      <c r="BR36" s="102">
        <v>0</v>
      </c>
      <c r="BS36" s="103">
        <v>0</v>
      </c>
      <c r="BT36" s="412">
        <v>0</v>
      </c>
      <c r="BU36" s="102">
        <v>2</v>
      </c>
      <c r="BV36" s="102">
        <v>0</v>
      </c>
      <c r="BW36" s="102">
        <v>1</v>
      </c>
      <c r="BX36" s="102">
        <v>1</v>
      </c>
      <c r="BY36" s="102">
        <v>0</v>
      </c>
      <c r="BZ36" s="103">
        <v>4</v>
      </c>
      <c r="CA36" s="104">
        <v>4</v>
      </c>
      <c r="CB36" s="101">
        <v>0</v>
      </c>
      <c r="CC36" s="102">
        <v>0</v>
      </c>
      <c r="CD36" s="103">
        <v>0</v>
      </c>
      <c r="CE36" s="412">
        <v>0</v>
      </c>
      <c r="CF36" s="102">
        <v>0</v>
      </c>
      <c r="CG36" s="102">
        <v>0</v>
      </c>
      <c r="CH36" s="102">
        <v>0</v>
      </c>
      <c r="CI36" s="102">
        <v>0</v>
      </c>
      <c r="CJ36" s="102">
        <v>0</v>
      </c>
      <c r="CK36" s="103">
        <v>0</v>
      </c>
      <c r="CL36" s="104">
        <v>0</v>
      </c>
      <c r="CM36" s="101">
        <v>1</v>
      </c>
      <c r="CN36" s="102">
        <v>2</v>
      </c>
      <c r="CO36" s="103">
        <v>3</v>
      </c>
      <c r="CP36" s="412">
        <v>0</v>
      </c>
      <c r="CQ36" s="102">
        <v>9</v>
      </c>
      <c r="CR36" s="102">
        <v>2</v>
      </c>
      <c r="CS36" s="102">
        <v>4</v>
      </c>
      <c r="CT36" s="102">
        <v>2</v>
      </c>
      <c r="CU36" s="102">
        <v>4</v>
      </c>
      <c r="CV36" s="103">
        <v>21</v>
      </c>
      <c r="CW36" s="104">
        <v>24</v>
      </c>
      <c r="CX36" s="105">
        <v>0</v>
      </c>
      <c r="CY36" s="97">
        <v>3</v>
      </c>
      <c r="CZ36" s="98">
        <v>3</v>
      </c>
      <c r="DA36" s="412">
        <v>0</v>
      </c>
      <c r="DB36" s="97">
        <v>4</v>
      </c>
      <c r="DC36" s="97">
        <v>1</v>
      </c>
      <c r="DD36" s="97">
        <v>4</v>
      </c>
      <c r="DE36" s="97">
        <v>2</v>
      </c>
      <c r="DF36" s="97">
        <v>3</v>
      </c>
      <c r="DG36" s="99">
        <v>14</v>
      </c>
      <c r="DH36" s="100">
        <v>17</v>
      </c>
      <c r="DI36" s="101">
        <v>0</v>
      </c>
      <c r="DJ36" s="102">
        <v>0</v>
      </c>
      <c r="DK36" s="103">
        <v>0</v>
      </c>
      <c r="DL36" s="412">
        <v>0</v>
      </c>
      <c r="DM36" s="102">
        <v>0</v>
      </c>
      <c r="DN36" s="102">
        <v>0</v>
      </c>
      <c r="DO36" s="102">
        <v>0</v>
      </c>
      <c r="DP36" s="102">
        <v>0</v>
      </c>
      <c r="DQ36" s="102">
        <v>0</v>
      </c>
      <c r="DR36" s="103">
        <v>0</v>
      </c>
      <c r="DS36" s="104">
        <v>0</v>
      </c>
      <c r="DT36" s="101">
        <v>0</v>
      </c>
      <c r="DU36" s="102">
        <v>0</v>
      </c>
      <c r="DV36" s="103">
        <v>0</v>
      </c>
      <c r="DW36" s="412">
        <v>0</v>
      </c>
      <c r="DX36" s="102">
        <v>0</v>
      </c>
      <c r="DY36" s="102">
        <v>0</v>
      </c>
      <c r="DZ36" s="102">
        <v>0</v>
      </c>
      <c r="EA36" s="102">
        <v>0</v>
      </c>
      <c r="EB36" s="102">
        <v>0</v>
      </c>
      <c r="EC36" s="103">
        <v>0</v>
      </c>
      <c r="ED36" s="104">
        <v>0</v>
      </c>
      <c r="EE36" s="101">
        <v>0</v>
      </c>
      <c r="EF36" s="102">
        <v>0</v>
      </c>
      <c r="EG36" s="103">
        <v>0</v>
      </c>
      <c r="EH36" s="412">
        <v>0</v>
      </c>
      <c r="EI36" s="102">
        <v>0</v>
      </c>
      <c r="EJ36" s="102">
        <v>0</v>
      </c>
      <c r="EK36" s="102">
        <v>0</v>
      </c>
      <c r="EL36" s="102">
        <v>0</v>
      </c>
      <c r="EM36" s="102">
        <v>0</v>
      </c>
      <c r="EN36" s="103">
        <v>0</v>
      </c>
      <c r="EO36" s="104">
        <v>0</v>
      </c>
      <c r="EP36" s="101">
        <v>0</v>
      </c>
      <c r="EQ36" s="102">
        <v>2</v>
      </c>
      <c r="ER36" s="103">
        <v>2</v>
      </c>
      <c r="ES36" s="412">
        <v>0</v>
      </c>
      <c r="ET36" s="102">
        <v>0</v>
      </c>
      <c r="EU36" s="102">
        <v>0</v>
      </c>
      <c r="EV36" s="102">
        <v>0</v>
      </c>
      <c r="EW36" s="102">
        <v>0</v>
      </c>
      <c r="EX36" s="102">
        <v>0</v>
      </c>
      <c r="EY36" s="103">
        <v>0</v>
      </c>
      <c r="EZ36" s="104">
        <v>2</v>
      </c>
      <c r="FA36" s="101">
        <v>0</v>
      </c>
      <c r="FB36" s="102">
        <v>0</v>
      </c>
      <c r="FC36" s="103">
        <v>0</v>
      </c>
      <c r="FD36" s="412">
        <v>0</v>
      </c>
      <c r="FE36" s="102">
        <v>1</v>
      </c>
      <c r="FF36" s="102">
        <v>1</v>
      </c>
      <c r="FG36" s="102">
        <v>0</v>
      </c>
      <c r="FH36" s="102">
        <v>0</v>
      </c>
      <c r="FI36" s="102">
        <v>0</v>
      </c>
      <c r="FJ36" s="103">
        <v>2</v>
      </c>
      <c r="FK36" s="104">
        <v>2</v>
      </c>
      <c r="FL36" s="101">
        <v>0</v>
      </c>
      <c r="FM36" s="102">
        <v>1</v>
      </c>
      <c r="FN36" s="103">
        <v>1</v>
      </c>
      <c r="FO36" s="412">
        <v>0</v>
      </c>
      <c r="FP36" s="102">
        <v>3</v>
      </c>
      <c r="FQ36" s="102">
        <v>0</v>
      </c>
      <c r="FR36" s="102">
        <v>4</v>
      </c>
      <c r="FS36" s="102">
        <v>2</v>
      </c>
      <c r="FT36" s="102">
        <v>3</v>
      </c>
      <c r="FU36" s="103">
        <v>12</v>
      </c>
      <c r="FV36" s="104">
        <v>13</v>
      </c>
      <c r="FW36" s="101">
        <v>0</v>
      </c>
      <c r="FX36" s="102">
        <v>0</v>
      </c>
      <c r="FY36" s="103">
        <v>0</v>
      </c>
      <c r="FZ36" s="412">
        <v>0</v>
      </c>
      <c r="GA36" s="102">
        <v>0</v>
      </c>
      <c r="GB36" s="102">
        <v>0</v>
      </c>
      <c r="GC36" s="102">
        <v>0</v>
      </c>
      <c r="GD36" s="102">
        <v>0</v>
      </c>
      <c r="GE36" s="102">
        <v>0</v>
      </c>
      <c r="GF36" s="103">
        <v>0</v>
      </c>
      <c r="GG36" s="104">
        <v>0</v>
      </c>
      <c r="GH36" s="101">
        <v>0</v>
      </c>
      <c r="GI36" s="102">
        <v>3</v>
      </c>
      <c r="GJ36" s="103">
        <v>3</v>
      </c>
      <c r="GK36" s="412">
        <v>0</v>
      </c>
      <c r="GL36" s="102">
        <v>4</v>
      </c>
      <c r="GM36" s="102">
        <v>1</v>
      </c>
      <c r="GN36" s="102">
        <v>4</v>
      </c>
      <c r="GO36" s="102">
        <v>2</v>
      </c>
      <c r="GP36" s="102">
        <v>3</v>
      </c>
      <c r="GQ36" s="103">
        <v>14</v>
      </c>
      <c r="GR36" s="104">
        <v>17</v>
      </c>
      <c r="GS36" s="105">
        <v>1</v>
      </c>
      <c r="GT36" s="97">
        <v>5</v>
      </c>
      <c r="GU36" s="98">
        <v>6</v>
      </c>
      <c r="GV36" s="412">
        <v>0</v>
      </c>
      <c r="GW36" s="97">
        <v>13</v>
      </c>
      <c r="GX36" s="97">
        <v>3</v>
      </c>
      <c r="GY36" s="97">
        <v>8</v>
      </c>
      <c r="GZ36" s="97">
        <v>4</v>
      </c>
      <c r="HA36" s="97">
        <v>7</v>
      </c>
      <c r="HB36" s="99">
        <v>35</v>
      </c>
      <c r="HC36" s="100">
        <v>41</v>
      </c>
      <c r="HD36" s="101">
        <v>0</v>
      </c>
      <c r="HE36" s="102">
        <v>0</v>
      </c>
      <c r="HF36" s="103">
        <v>0</v>
      </c>
      <c r="HG36" s="412">
        <v>0</v>
      </c>
      <c r="HH36" s="102">
        <v>2</v>
      </c>
      <c r="HI36" s="102">
        <v>0</v>
      </c>
      <c r="HJ36" s="102">
        <v>0</v>
      </c>
      <c r="HK36" s="102">
        <v>1</v>
      </c>
      <c r="HL36" s="102">
        <v>0</v>
      </c>
      <c r="HM36" s="103">
        <v>3</v>
      </c>
      <c r="HN36" s="104">
        <v>3</v>
      </c>
      <c r="HO36" s="101">
        <v>0</v>
      </c>
      <c r="HP36" s="102">
        <v>0</v>
      </c>
      <c r="HQ36" s="103">
        <v>0</v>
      </c>
      <c r="HR36" s="412">
        <v>0</v>
      </c>
      <c r="HS36" s="102">
        <v>1</v>
      </c>
      <c r="HT36" s="102">
        <v>0</v>
      </c>
      <c r="HU36" s="102">
        <v>1</v>
      </c>
      <c r="HV36" s="102">
        <v>0</v>
      </c>
      <c r="HW36" s="102">
        <v>1</v>
      </c>
      <c r="HX36" s="103">
        <v>3</v>
      </c>
      <c r="HY36" s="104">
        <v>3</v>
      </c>
      <c r="HZ36" s="101">
        <v>0</v>
      </c>
      <c r="IA36" s="102">
        <v>0</v>
      </c>
      <c r="IB36" s="103">
        <v>0</v>
      </c>
      <c r="IC36" s="412">
        <v>0</v>
      </c>
      <c r="ID36" s="102">
        <v>2</v>
      </c>
      <c r="IE36" s="102">
        <v>1</v>
      </c>
      <c r="IF36" s="102">
        <v>1</v>
      </c>
      <c r="IG36" s="102">
        <v>0</v>
      </c>
      <c r="IH36" s="102">
        <v>1</v>
      </c>
      <c r="II36" s="103">
        <v>5</v>
      </c>
      <c r="IJ36" s="104">
        <v>5</v>
      </c>
      <c r="IK36" s="101">
        <v>1</v>
      </c>
      <c r="IL36" s="102">
        <v>3</v>
      </c>
      <c r="IM36" s="103">
        <v>4</v>
      </c>
      <c r="IN36" s="412">
        <v>0</v>
      </c>
      <c r="IO36" s="102">
        <v>1</v>
      </c>
      <c r="IP36" s="102">
        <v>0</v>
      </c>
      <c r="IQ36" s="102">
        <v>1</v>
      </c>
      <c r="IR36" s="102">
        <v>0</v>
      </c>
      <c r="IS36" s="102">
        <v>1</v>
      </c>
      <c r="IT36" s="103">
        <v>3</v>
      </c>
      <c r="IU36" s="104">
        <v>7</v>
      </c>
      <c r="IV36" s="101">
        <v>0</v>
      </c>
      <c r="IW36" s="102">
        <v>1</v>
      </c>
      <c r="IX36" s="103">
        <v>1</v>
      </c>
      <c r="IY36" s="412">
        <v>0</v>
      </c>
      <c r="IZ36" s="102">
        <v>2</v>
      </c>
      <c r="JA36" s="102">
        <v>2</v>
      </c>
      <c r="JB36" s="102">
        <v>0</v>
      </c>
      <c r="JC36" s="102">
        <v>0</v>
      </c>
      <c r="JD36" s="102">
        <v>1</v>
      </c>
      <c r="JE36" s="103">
        <v>5</v>
      </c>
      <c r="JF36" s="104">
        <v>6</v>
      </c>
      <c r="JG36" s="101">
        <v>0</v>
      </c>
      <c r="JH36" s="102">
        <v>1</v>
      </c>
      <c r="JI36" s="103">
        <v>1</v>
      </c>
      <c r="JJ36" s="412">
        <v>0</v>
      </c>
      <c r="JK36" s="102">
        <v>5</v>
      </c>
      <c r="JL36" s="102">
        <v>0</v>
      </c>
      <c r="JM36" s="102">
        <v>5</v>
      </c>
      <c r="JN36" s="102">
        <v>3</v>
      </c>
      <c r="JO36" s="102">
        <v>3</v>
      </c>
      <c r="JP36" s="103">
        <v>16</v>
      </c>
      <c r="JQ36" s="104">
        <v>17</v>
      </c>
      <c r="JR36" s="101">
        <v>0</v>
      </c>
      <c r="JS36" s="102">
        <v>0</v>
      </c>
      <c r="JT36" s="103">
        <v>0</v>
      </c>
      <c r="JU36" s="412">
        <v>0</v>
      </c>
      <c r="JV36" s="102">
        <v>0</v>
      </c>
      <c r="JW36" s="102">
        <v>0</v>
      </c>
      <c r="JX36" s="102">
        <v>0</v>
      </c>
      <c r="JY36" s="102">
        <v>0</v>
      </c>
      <c r="JZ36" s="102">
        <v>0</v>
      </c>
      <c r="KA36" s="103">
        <v>0</v>
      </c>
      <c r="KB36" s="104">
        <v>0</v>
      </c>
      <c r="KC36" s="101">
        <v>1</v>
      </c>
      <c r="KD36" s="102">
        <v>5</v>
      </c>
      <c r="KE36" s="103">
        <v>6</v>
      </c>
      <c r="KF36" s="412">
        <v>0</v>
      </c>
      <c r="KG36" s="102">
        <v>13</v>
      </c>
      <c r="KH36" s="102">
        <v>3</v>
      </c>
      <c r="KI36" s="102">
        <v>8</v>
      </c>
      <c r="KJ36" s="102">
        <v>4</v>
      </c>
      <c r="KK36" s="102">
        <v>7</v>
      </c>
      <c r="KL36" s="103">
        <v>35</v>
      </c>
      <c r="KM36" s="104">
        <v>41</v>
      </c>
    </row>
    <row r="37" spans="2:299" s="70" customFormat="1" ht="21" customHeight="1" x14ac:dyDescent="0.2">
      <c r="B37" s="106" t="s">
        <v>34</v>
      </c>
      <c r="C37" s="96">
        <v>3</v>
      </c>
      <c r="D37" s="97">
        <v>2</v>
      </c>
      <c r="E37" s="98">
        <v>5</v>
      </c>
      <c r="F37" s="412">
        <v>0</v>
      </c>
      <c r="G37" s="97">
        <v>3</v>
      </c>
      <c r="H37" s="97">
        <v>1</v>
      </c>
      <c r="I37" s="97">
        <v>3</v>
      </c>
      <c r="J37" s="97">
        <v>1</v>
      </c>
      <c r="K37" s="97">
        <v>0</v>
      </c>
      <c r="L37" s="99">
        <v>8</v>
      </c>
      <c r="M37" s="100">
        <v>13</v>
      </c>
      <c r="N37" s="101">
        <v>0</v>
      </c>
      <c r="O37" s="102">
        <v>0</v>
      </c>
      <c r="P37" s="103">
        <v>0</v>
      </c>
      <c r="Q37" s="412">
        <v>0</v>
      </c>
      <c r="R37" s="102">
        <v>0</v>
      </c>
      <c r="S37" s="102">
        <v>0</v>
      </c>
      <c r="T37" s="102">
        <v>0</v>
      </c>
      <c r="U37" s="102">
        <v>0</v>
      </c>
      <c r="V37" s="102">
        <v>0</v>
      </c>
      <c r="W37" s="103">
        <v>0</v>
      </c>
      <c r="X37" s="104">
        <v>0</v>
      </c>
      <c r="Y37" s="101">
        <v>0</v>
      </c>
      <c r="Z37" s="102">
        <v>0</v>
      </c>
      <c r="AA37" s="103">
        <v>0</v>
      </c>
      <c r="AB37" s="412">
        <v>0</v>
      </c>
      <c r="AC37" s="102">
        <v>0</v>
      </c>
      <c r="AD37" s="102">
        <v>1</v>
      </c>
      <c r="AE37" s="102">
        <v>0</v>
      </c>
      <c r="AF37" s="102">
        <v>0</v>
      </c>
      <c r="AG37" s="102">
        <v>0</v>
      </c>
      <c r="AH37" s="103">
        <v>1</v>
      </c>
      <c r="AI37" s="104">
        <v>1</v>
      </c>
      <c r="AJ37" s="101">
        <v>2</v>
      </c>
      <c r="AK37" s="102">
        <v>0</v>
      </c>
      <c r="AL37" s="103">
        <v>2</v>
      </c>
      <c r="AM37" s="412">
        <v>0</v>
      </c>
      <c r="AN37" s="102">
        <v>0</v>
      </c>
      <c r="AO37" s="102">
        <v>0</v>
      </c>
      <c r="AP37" s="102">
        <v>0</v>
      </c>
      <c r="AQ37" s="102">
        <v>0</v>
      </c>
      <c r="AR37" s="102">
        <v>0</v>
      </c>
      <c r="AS37" s="103">
        <v>0</v>
      </c>
      <c r="AT37" s="104">
        <v>2</v>
      </c>
      <c r="AU37" s="101">
        <v>1</v>
      </c>
      <c r="AV37" s="102">
        <v>2</v>
      </c>
      <c r="AW37" s="103">
        <v>3</v>
      </c>
      <c r="AX37" s="412">
        <v>0</v>
      </c>
      <c r="AY37" s="102">
        <v>1</v>
      </c>
      <c r="AZ37" s="102">
        <v>0</v>
      </c>
      <c r="BA37" s="102">
        <v>0</v>
      </c>
      <c r="BB37" s="102">
        <v>1</v>
      </c>
      <c r="BC37" s="102">
        <v>0</v>
      </c>
      <c r="BD37" s="103">
        <v>2</v>
      </c>
      <c r="BE37" s="104">
        <v>5</v>
      </c>
      <c r="BF37" s="101">
        <v>0</v>
      </c>
      <c r="BG37" s="102">
        <v>0</v>
      </c>
      <c r="BH37" s="103">
        <v>0</v>
      </c>
      <c r="BI37" s="412">
        <v>0</v>
      </c>
      <c r="BJ37" s="102">
        <v>1</v>
      </c>
      <c r="BK37" s="102">
        <v>0</v>
      </c>
      <c r="BL37" s="102">
        <v>0</v>
      </c>
      <c r="BM37" s="102">
        <v>0</v>
      </c>
      <c r="BN37" s="102">
        <v>0</v>
      </c>
      <c r="BO37" s="103">
        <v>1</v>
      </c>
      <c r="BP37" s="104">
        <v>1</v>
      </c>
      <c r="BQ37" s="101">
        <v>0</v>
      </c>
      <c r="BR37" s="102">
        <v>0</v>
      </c>
      <c r="BS37" s="103">
        <v>0</v>
      </c>
      <c r="BT37" s="412">
        <v>0</v>
      </c>
      <c r="BU37" s="102">
        <v>1</v>
      </c>
      <c r="BV37" s="102">
        <v>0</v>
      </c>
      <c r="BW37" s="102">
        <v>3</v>
      </c>
      <c r="BX37" s="102">
        <v>0</v>
      </c>
      <c r="BY37" s="102">
        <v>0</v>
      </c>
      <c r="BZ37" s="103">
        <v>4</v>
      </c>
      <c r="CA37" s="104">
        <v>4</v>
      </c>
      <c r="CB37" s="101">
        <v>0</v>
      </c>
      <c r="CC37" s="102">
        <v>0</v>
      </c>
      <c r="CD37" s="103">
        <v>0</v>
      </c>
      <c r="CE37" s="412">
        <v>0</v>
      </c>
      <c r="CF37" s="102">
        <v>0</v>
      </c>
      <c r="CG37" s="102">
        <v>0</v>
      </c>
      <c r="CH37" s="102">
        <v>0</v>
      </c>
      <c r="CI37" s="102">
        <v>0</v>
      </c>
      <c r="CJ37" s="102">
        <v>0</v>
      </c>
      <c r="CK37" s="103">
        <v>0</v>
      </c>
      <c r="CL37" s="104">
        <v>0</v>
      </c>
      <c r="CM37" s="101">
        <v>3</v>
      </c>
      <c r="CN37" s="102">
        <v>2</v>
      </c>
      <c r="CO37" s="103">
        <v>5</v>
      </c>
      <c r="CP37" s="412">
        <v>0</v>
      </c>
      <c r="CQ37" s="102">
        <v>3</v>
      </c>
      <c r="CR37" s="102">
        <v>1</v>
      </c>
      <c r="CS37" s="102">
        <v>3</v>
      </c>
      <c r="CT37" s="102">
        <v>1</v>
      </c>
      <c r="CU37" s="102">
        <v>0</v>
      </c>
      <c r="CV37" s="103">
        <v>8</v>
      </c>
      <c r="CW37" s="104">
        <v>13</v>
      </c>
      <c r="CX37" s="105">
        <v>1</v>
      </c>
      <c r="CY37" s="97">
        <v>3</v>
      </c>
      <c r="CZ37" s="98">
        <v>4</v>
      </c>
      <c r="DA37" s="412">
        <v>0</v>
      </c>
      <c r="DB37" s="97">
        <v>2</v>
      </c>
      <c r="DC37" s="97">
        <v>0</v>
      </c>
      <c r="DD37" s="97">
        <v>1</v>
      </c>
      <c r="DE37" s="97">
        <v>1</v>
      </c>
      <c r="DF37" s="97">
        <v>0</v>
      </c>
      <c r="DG37" s="99">
        <v>4</v>
      </c>
      <c r="DH37" s="100">
        <v>8</v>
      </c>
      <c r="DI37" s="101">
        <v>0</v>
      </c>
      <c r="DJ37" s="102">
        <v>0</v>
      </c>
      <c r="DK37" s="103">
        <v>0</v>
      </c>
      <c r="DL37" s="412">
        <v>0</v>
      </c>
      <c r="DM37" s="102">
        <v>0</v>
      </c>
      <c r="DN37" s="102">
        <v>0</v>
      </c>
      <c r="DO37" s="102">
        <v>0</v>
      </c>
      <c r="DP37" s="102">
        <v>0</v>
      </c>
      <c r="DQ37" s="102">
        <v>0</v>
      </c>
      <c r="DR37" s="103">
        <v>0</v>
      </c>
      <c r="DS37" s="104">
        <v>0</v>
      </c>
      <c r="DT37" s="101">
        <v>0</v>
      </c>
      <c r="DU37" s="102">
        <v>0</v>
      </c>
      <c r="DV37" s="103">
        <v>0</v>
      </c>
      <c r="DW37" s="412">
        <v>0</v>
      </c>
      <c r="DX37" s="102">
        <v>0</v>
      </c>
      <c r="DY37" s="102">
        <v>0</v>
      </c>
      <c r="DZ37" s="102">
        <v>0</v>
      </c>
      <c r="EA37" s="102">
        <v>0</v>
      </c>
      <c r="EB37" s="102">
        <v>0</v>
      </c>
      <c r="EC37" s="103">
        <v>0</v>
      </c>
      <c r="ED37" s="104">
        <v>0</v>
      </c>
      <c r="EE37" s="101">
        <v>1</v>
      </c>
      <c r="EF37" s="102">
        <v>1</v>
      </c>
      <c r="EG37" s="103">
        <v>2</v>
      </c>
      <c r="EH37" s="412">
        <v>0</v>
      </c>
      <c r="EI37" s="102">
        <v>1</v>
      </c>
      <c r="EJ37" s="102">
        <v>0</v>
      </c>
      <c r="EK37" s="102">
        <v>1</v>
      </c>
      <c r="EL37" s="102">
        <v>0</v>
      </c>
      <c r="EM37" s="102">
        <v>0</v>
      </c>
      <c r="EN37" s="103">
        <v>2</v>
      </c>
      <c r="EO37" s="104">
        <v>4</v>
      </c>
      <c r="EP37" s="101">
        <v>0</v>
      </c>
      <c r="EQ37" s="102">
        <v>1</v>
      </c>
      <c r="ER37" s="103">
        <v>1</v>
      </c>
      <c r="ES37" s="412">
        <v>0</v>
      </c>
      <c r="ET37" s="102">
        <v>0</v>
      </c>
      <c r="EU37" s="102">
        <v>0</v>
      </c>
      <c r="EV37" s="102">
        <v>0</v>
      </c>
      <c r="EW37" s="102">
        <v>0</v>
      </c>
      <c r="EX37" s="102">
        <v>0</v>
      </c>
      <c r="EY37" s="103">
        <v>0</v>
      </c>
      <c r="EZ37" s="104">
        <v>1</v>
      </c>
      <c r="FA37" s="101">
        <v>0</v>
      </c>
      <c r="FB37" s="102">
        <v>1</v>
      </c>
      <c r="FC37" s="103">
        <v>1</v>
      </c>
      <c r="FD37" s="412">
        <v>0</v>
      </c>
      <c r="FE37" s="102">
        <v>1</v>
      </c>
      <c r="FF37" s="102">
        <v>0</v>
      </c>
      <c r="FG37" s="102">
        <v>0</v>
      </c>
      <c r="FH37" s="102">
        <v>1</v>
      </c>
      <c r="FI37" s="102">
        <v>0</v>
      </c>
      <c r="FJ37" s="103">
        <v>2</v>
      </c>
      <c r="FK37" s="104">
        <v>3</v>
      </c>
      <c r="FL37" s="101">
        <v>0</v>
      </c>
      <c r="FM37" s="102">
        <v>0</v>
      </c>
      <c r="FN37" s="103">
        <v>0</v>
      </c>
      <c r="FO37" s="412">
        <v>0</v>
      </c>
      <c r="FP37" s="102">
        <v>0</v>
      </c>
      <c r="FQ37" s="102">
        <v>0</v>
      </c>
      <c r="FR37" s="102">
        <v>0</v>
      </c>
      <c r="FS37" s="102">
        <v>0</v>
      </c>
      <c r="FT37" s="102">
        <v>0</v>
      </c>
      <c r="FU37" s="103">
        <v>0</v>
      </c>
      <c r="FV37" s="104">
        <v>0</v>
      </c>
      <c r="FW37" s="101">
        <v>0</v>
      </c>
      <c r="FX37" s="102">
        <v>0</v>
      </c>
      <c r="FY37" s="103">
        <v>0</v>
      </c>
      <c r="FZ37" s="412">
        <v>0</v>
      </c>
      <c r="GA37" s="102">
        <v>0</v>
      </c>
      <c r="GB37" s="102">
        <v>0</v>
      </c>
      <c r="GC37" s="102">
        <v>0</v>
      </c>
      <c r="GD37" s="102">
        <v>0</v>
      </c>
      <c r="GE37" s="102">
        <v>0</v>
      </c>
      <c r="GF37" s="103">
        <v>0</v>
      </c>
      <c r="GG37" s="104">
        <v>0</v>
      </c>
      <c r="GH37" s="101">
        <v>1</v>
      </c>
      <c r="GI37" s="102">
        <v>3</v>
      </c>
      <c r="GJ37" s="103">
        <v>4</v>
      </c>
      <c r="GK37" s="412">
        <v>0</v>
      </c>
      <c r="GL37" s="102">
        <v>2</v>
      </c>
      <c r="GM37" s="102">
        <v>0</v>
      </c>
      <c r="GN37" s="102">
        <v>1</v>
      </c>
      <c r="GO37" s="102">
        <v>1</v>
      </c>
      <c r="GP37" s="102">
        <v>0</v>
      </c>
      <c r="GQ37" s="103">
        <v>4</v>
      </c>
      <c r="GR37" s="104">
        <v>8</v>
      </c>
      <c r="GS37" s="105">
        <v>4</v>
      </c>
      <c r="GT37" s="97">
        <v>5</v>
      </c>
      <c r="GU37" s="98">
        <v>9</v>
      </c>
      <c r="GV37" s="412">
        <v>0</v>
      </c>
      <c r="GW37" s="97">
        <v>5</v>
      </c>
      <c r="GX37" s="97">
        <v>1</v>
      </c>
      <c r="GY37" s="97">
        <v>4</v>
      </c>
      <c r="GZ37" s="97">
        <v>2</v>
      </c>
      <c r="HA37" s="97">
        <v>0</v>
      </c>
      <c r="HB37" s="99">
        <v>12</v>
      </c>
      <c r="HC37" s="100">
        <v>21</v>
      </c>
      <c r="HD37" s="101">
        <v>0</v>
      </c>
      <c r="HE37" s="102">
        <v>0</v>
      </c>
      <c r="HF37" s="103">
        <v>0</v>
      </c>
      <c r="HG37" s="412">
        <v>0</v>
      </c>
      <c r="HH37" s="102">
        <v>0</v>
      </c>
      <c r="HI37" s="102">
        <v>0</v>
      </c>
      <c r="HJ37" s="102">
        <v>0</v>
      </c>
      <c r="HK37" s="102">
        <v>0</v>
      </c>
      <c r="HL37" s="102">
        <v>0</v>
      </c>
      <c r="HM37" s="103">
        <v>0</v>
      </c>
      <c r="HN37" s="104">
        <v>0</v>
      </c>
      <c r="HO37" s="101">
        <v>0</v>
      </c>
      <c r="HP37" s="102">
        <v>0</v>
      </c>
      <c r="HQ37" s="103">
        <v>0</v>
      </c>
      <c r="HR37" s="412">
        <v>0</v>
      </c>
      <c r="HS37" s="102">
        <v>0</v>
      </c>
      <c r="HT37" s="102">
        <v>1</v>
      </c>
      <c r="HU37" s="102">
        <v>0</v>
      </c>
      <c r="HV37" s="102">
        <v>0</v>
      </c>
      <c r="HW37" s="102">
        <v>0</v>
      </c>
      <c r="HX37" s="103">
        <v>1</v>
      </c>
      <c r="HY37" s="104">
        <v>1</v>
      </c>
      <c r="HZ37" s="101">
        <v>3</v>
      </c>
      <c r="IA37" s="102">
        <v>1</v>
      </c>
      <c r="IB37" s="103">
        <v>4</v>
      </c>
      <c r="IC37" s="412">
        <v>0</v>
      </c>
      <c r="ID37" s="102">
        <v>1</v>
      </c>
      <c r="IE37" s="102">
        <v>0</v>
      </c>
      <c r="IF37" s="102">
        <v>1</v>
      </c>
      <c r="IG37" s="102">
        <v>0</v>
      </c>
      <c r="IH37" s="102">
        <v>0</v>
      </c>
      <c r="II37" s="103">
        <v>2</v>
      </c>
      <c r="IJ37" s="104">
        <v>6</v>
      </c>
      <c r="IK37" s="101">
        <v>1</v>
      </c>
      <c r="IL37" s="102">
        <v>3</v>
      </c>
      <c r="IM37" s="103">
        <v>4</v>
      </c>
      <c r="IN37" s="412">
        <v>0</v>
      </c>
      <c r="IO37" s="102">
        <v>1</v>
      </c>
      <c r="IP37" s="102">
        <v>0</v>
      </c>
      <c r="IQ37" s="102">
        <v>0</v>
      </c>
      <c r="IR37" s="102">
        <v>1</v>
      </c>
      <c r="IS37" s="102">
        <v>0</v>
      </c>
      <c r="IT37" s="103">
        <v>2</v>
      </c>
      <c r="IU37" s="104">
        <v>6</v>
      </c>
      <c r="IV37" s="101">
        <v>0</v>
      </c>
      <c r="IW37" s="102">
        <v>1</v>
      </c>
      <c r="IX37" s="103">
        <v>1</v>
      </c>
      <c r="IY37" s="412">
        <v>0</v>
      </c>
      <c r="IZ37" s="102">
        <v>2</v>
      </c>
      <c r="JA37" s="102">
        <v>0</v>
      </c>
      <c r="JB37" s="102">
        <v>0</v>
      </c>
      <c r="JC37" s="102">
        <v>1</v>
      </c>
      <c r="JD37" s="102">
        <v>0</v>
      </c>
      <c r="JE37" s="103">
        <v>3</v>
      </c>
      <c r="JF37" s="104">
        <v>4</v>
      </c>
      <c r="JG37" s="101">
        <v>0</v>
      </c>
      <c r="JH37" s="102">
        <v>0</v>
      </c>
      <c r="JI37" s="103">
        <v>0</v>
      </c>
      <c r="JJ37" s="412">
        <v>0</v>
      </c>
      <c r="JK37" s="102">
        <v>1</v>
      </c>
      <c r="JL37" s="102">
        <v>0</v>
      </c>
      <c r="JM37" s="102">
        <v>3</v>
      </c>
      <c r="JN37" s="102">
        <v>0</v>
      </c>
      <c r="JO37" s="102">
        <v>0</v>
      </c>
      <c r="JP37" s="103">
        <v>4</v>
      </c>
      <c r="JQ37" s="104">
        <v>4</v>
      </c>
      <c r="JR37" s="101">
        <v>0</v>
      </c>
      <c r="JS37" s="102">
        <v>0</v>
      </c>
      <c r="JT37" s="103">
        <v>0</v>
      </c>
      <c r="JU37" s="412">
        <v>0</v>
      </c>
      <c r="JV37" s="102">
        <v>0</v>
      </c>
      <c r="JW37" s="102">
        <v>0</v>
      </c>
      <c r="JX37" s="102">
        <v>0</v>
      </c>
      <c r="JY37" s="102">
        <v>0</v>
      </c>
      <c r="JZ37" s="102">
        <v>0</v>
      </c>
      <c r="KA37" s="103">
        <v>0</v>
      </c>
      <c r="KB37" s="104">
        <v>0</v>
      </c>
      <c r="KC37" s="101">
        <v>4</v>
      </c>
      <c r="KD37" s="102">
        <v>5</v>
      </c>
      <c r="KE37" s="103">
        <v>9</v>
      </c>
      <c r="KF37" s="412">
        <v>0</v>
      </c>
      <c r="KG37" s="102">
        <v>5</v>
      </c>
      <c r="KH37" s="102">
        <v>1</v>
      </c>
      <c r="KI37" s="102">
        <v>4</v>
      </c>
      <c r="KJ37" s="102">
        <v>2</v>
      </c>
      <c r="KK37" s="102">
        <v>0</v>
      </c>
      <c r="KL37" s="103">
        <v>12</v>
      </c>
      <c r="KM37" s="104">
        <v>21</v>
      </c>
    </row>
    <row r="38" spans="2:299" s="70" customFormat="1" ht="21" customHeight="1" x14ac:dyDescent="0.2">
      <c r="B38" s="106" t="s">
        <v>35</v>
      </c>
      <c r="C38" s="96">
        <v>11</v>
      </c>
      <c r="D38" s="97">
        <v>11</v>
      </c>
      <c r="E38" s="98">
        <v>22</v>
      </c>
      <c r="F38" s="412">
        <v>0</v>
      </c>
      <c r="G38" s="97">
        <v>13</v>
      </c>
      <c r="H38" s="97">
        <v>10</v>
      </c>
      <c r="I38" s="97">
        <v>5</v>
      </c>
      <c r="J38" s="97">
        <v>1</v>
      </c>
      <c r="K38" s="97">
        <v>0</v>
      </c>
      <c r="L38" s="99">
        <v>29</v>
      </c>
      <c r="M38" s="100">
        <v>51</v>
      </c>
      <c r="N38" s="101">
        <v>1</v>
      </c>
      <c r="O38" s="102">
        <v>0</v>
      </c>
      <c r="P38" s="103">
        <v>1</v>
      </c>
      <c r="Q38" s="412">
        <v>0</v>
      </c>
      <c r="R38" s="102">
        <v>0</v>
      </c>
      <c r="S38" s="102">
        <v>1</v>
      </c>
      <c r="T38" s="102">
        <v>0</v>
      </c>
      <c r="U38" s="102">
        <v>0</v>
      </c>
      <c r="V38" s="102">
        <v>0</v>
      </c>
      <c r="W38" s="103">
        <v>1</v>
      </c>
      <c r="X38" s="104">
        <v>2</v>
      </c>
      <c r="Y38" s="101">
        <v>1</v>
      </c>
      <c r="Z38" s="102">
        <v>0</v>
      </c>
      <c r="AA38" s="103">
        <v>1</v>
      </c>
      <c r="AB38" s="412">
        <v>0</v>
      </c>
      <c r="AC38" s="102">
        <v>0</v>
      </c>
      <c r="AD38" s="102">
        <v>0</v>
      </c>
      <c r="AE38" s="102">
        <v>1</v>
      </c>
      <c r="AF38" s="102">
        <v>0</v>
      </c>
      <c r="AG38" s="102">
        <v>0</v>
      </c>
      <c r="AH38" s="103">
        <v>1</v>
      </c>
      <c r="AI38" s="104">
        <v>2</v>
      </c>
      <c r="AJ38" s="101">
        <v>0</v>
      </c>
      <c r="AK38" s="102">
        <v>2</v>
      </c>
      <c r="AL38" s="103">
        <v>2</v>
      </c>
      <c r="AM38" s="412">
        <v>0</v>
      </c>
      <c r="AN38" s="102">
        <v>4</v>
      </c>
      <c r="AO38" s="102">
        <v>1</v>
      </c>
      <c r="AP38" s="102">
        <v>3</v>
      </c>
      <c r="AQ38" s="102">
        <v>0</v>
      </c>
      <c r="AR38" s="102">
        <v>0</v>
      </c>
      <c r="AS38" s="103">
        <v>8</v>
      </c>
      <c r="AT38" s="104">
        <v>10</v>
      </c>
      <c r="AU38" s="101">
        <v>3</v>
      </c>
      <c r="AV38" s="102">
        <v>3</v>
      </c>
      <c r="AW38" s="103">
        <v>6</v>
      </c>
      <c r="AX38" s="412">
        <v>0</v>
      </c>
      <c r="AY38" s="102">
        <v>3</v>
      </c>
      <c r="AZ38" s="102">
        <v>4</v>
      </c>
      <c r="BA38" s="102">
        <v>0</v>
      </c>
      <c r="BB38" s="102">
        <v>0</v>
      </c>
      <c r="BC38" s="102">
        <v>0</v>
      </c>
      <c r="BD38" s="103">
        <v>7</v>
      </c>
      <c r="BE38" s="104">
        <v>13</v>
      </c>
      <c r="BF38" s="101">
        <v>2</v>
      </c>
      <c r="BG38" s="102">
        <v>5</v>
      </c>
      <c r="BH38" s="103">
        <v>7</v>
      </c>
      <c r="BI38" s="412">
        <v>0</v>
      </c>
      <c r="BJ38" s="102">
        <v>5</v>
      </c>
      <c r="BK38" s="102">
        <v>1</v>
      </c>
      <c r="BL38" s="102">
        <v>1</v>
      </c>
      <c r="BM38" s="102">
        <v>0</v>
      </c>
      <c r="BN38" s="102">
        <v>0</v>
      </c>
      <c r="BO38" s="103">
        <v>7</v>
      </c>
      <c r="BP38" s="104">
        <v>14</v>
      </c>
      <c r="BQ38" s="101">
        <v>4</v>
      </c>
      <c r="BR38" s="102">
        <v>1</v>
      </c>
      <c r="BS38" s="103">
        <v>5</v>
      </c>
      <c r="BT38" s="412">
        <v>0</v>
      </c>
      <c r="BU38" s="102">
        <v>1</v>
      </c>
      <c r="BV38" s="102">
        <v>3</v>
      </c>
      <c r="BW38" s="102">
        <v>0</v>
      </c>
      <c r="BX38" s="102">
        <v>1</v>
      </c>
      <c r="BY38" s="102">
        <v>0</v>
      </c>
      <c r="BZ38" s="103">
        <v>5</v>
      </c>
      <c r="CA38" s="104">
        <v>10</v>
      </c>
      <c r="CB38" s="101">
        <v>0</v>
      </c>
      <c r="CC38" s="102">
        <v>0</v>
      </c>
      <c r="CD38" s="103">
        <v>0</v>
      </c>
      <c r="CE38" s="412">
        <v>0</v>
      </c>
      <c r="CF38" s="102">
        <v>0</v>
      </c>
      <c r="CG38" s="102">
        <v>0</v>
      </c>
      <c r="CH38" s="102">
        <v>0</v>
      </c>
      <c r="CI38" s="102">
        <v>0</v>
      </c>
      <c r="CJ38" s="102">
        <v>0</v>
      </c>
      <c r="CK38" s="103">
        <v>0</v>
      </c>
      <c r="CL38" s="104">
        <v>0</v>
      </c>
      <c r="CM38" s="101">
        <v>11</v>
      </c>
      <c r="CN38" s="102">
        <v>11</v>
      </c>
      <c r="CO38" s="103">
        <v>22</v>
      </c>
      <c r="CP38" s="412">
        <v>0</v>
      </c>
      <c r="CQ38" s="102">
        <v>13</v>
      </c>
      <c r="CR38" s="102">
        <v>10</v>
      </c>
      <c r="CS38" s="102">
        <v>5</v>
      </c>
      <c r="CT38" s="102">
        <v>1</v>
      </c>
      <c r="CU38" s="102">
        <v>0</v>
      </c>
      <c r="CV38" s="103">
        <v>29</v>
      </c>
      <c r="CW38" s="104">
        <v>51</v>
      </c>
      <c r="CX38" s="105">
        <v>3</v>
      </c>
      <c r="CY38" s="97">
        <v>3</v>
      </c>
      <c r="CZ38" s="98">
        <v>6</v>
      </c>
      <c r="DA38" s="412">
        <v>0</v>
      </c>
      <c r="DB38" s="97">
        <v>5</v>
      </c>
      <c r="DC38" s="97">
        <v>3</v>
      </c>
      <c r="DD38" s="97">
        <v>1</v>
      </c>
      <c r="DE38" s="97">
        <v>2</v>
      </c>
      <c r="DF38" s="97">
        <v>3</v>
      </c>
      <c r="DG38" s="99">
        <v>14</v>
      </c>
      <c r="DH38" s="100">
        <v>20</v>
      </c>
      <c r="DI38" s="101">
        <v>0</v>
      </c>
      <c r="DJ38" s="102">
        <v>0</v>
      </c>
      <c r="DK38" s="103">
        <v>0</v>
      </c>
      <c r="DL38" s="412">
        <v>0</v>
      </c>
      <c r="DM38" s="102">
        <v>0</v>
      </c>
      <c r="DN38" s="102">
        <v>0</v>
      </c>
      <c r="DO38" s="102">
        <v>0</v>
      </c>
      <c r="DP38" s="102">
        <v>0</v>
      </c>
      <c r="DQ38" s="102">
        <v>0</v>
      </c>
      <c r="DR38" s="103">
        <v>0</v>
      </c>
      <c r="DS38" s="104">
        <v>0</v>
      </c>
      <c r="DT38" s="101">
        <v>1</v>
      </c>
      <c r="DU38" s="102">
        <v>0</v>
      </c>
      <c r="DV38" s="103">
        <v>1</v>
      </c>
      <c r="DW38" s="412">
        <v>0</v>
      </c>
      <c r="DX38" s="102">
        <v>1</v>
      </c>
      <c r="DY38" s="102">
        <v>0</v>
      </c>
      <c r="DZ38" s="102">
        <v>0</v>
      </c>
      <c r="EA38" s="102">
        <v>0</v>
      </c>
      <c r="EB38" s="102">
        <v>0</v>
      </c>
      <c r="EC38" s="103">
        <v>1</v>
      </c>
      <c r="ED38" s="104">
        <v>2</v>
      </c>
      <c r="EE38" s="101">
        <v>1</v>
      </c>
      <c r="EF38" s="102">
        <v>0</v>
      </c>
      <c r="EG38" s="103">
        <v>1</v>
      </c>
      <c r="EH38" s="412">
        <v>0</v>
      </c>
      <c r="EI38" s="102">
        <v>0</v>
      </c>
      <c r="EJ38" s="102">
        <v>1</v>
      </c>
      <c r="EK38" s="102">
        <v>0</v>
      </c>
      <c r="EL38" s="102">
        <v>0</v>
      </c>
      <c r="EM38" s="102">
        <v>0</v>
      </c>
      <c r="EN38" s="103">
        <v>1</v>
      </c>
      <c r="EO38" s="104">
        <v>2</v>
      </c>
      <c r="EP38" s="101">
        <v>0</v>
      </c>
      <c r="EQ38" s="102">
        <v>1</v>
      </c>
      <c r="ER38" s="103">
        <v>1</v>
      </c>
      <c r="ES38" s="412">
        <v>0</v>
      </c>
      <c r="ET38" s="102">
        <v>1</v>
      </c>
      <c r="EU38" s="102">
        <v>0</v>
      </c>
      <c r="EV38" s="102">
        <v>0</v>
      </c>
      <c r="EW38" s="102">
        <v>1</v>
      </c>
      <c r="EX38" s="102">
        <v>0</v>
      </c>
      <c r="EY38" s="103">
        <v>2</v>
      </c>
      <c r="EZ38" s="104">
        <v>3</v>
      </c>
      <c r="FA38" s="101">
        <v>0</v>
      </c>
      <c r="FB38" s="102">
        <v>1</v>
      </c>
      <c r="FC38" s="103">
        <v>1</v>
      </c>
      <c r="FD38" s="412">
        <v>0</v>
      </c>
      <c r="FE38" s="102">
        <v>1</v>
      </c>
      <c r="FF38" s="102">
        <v>0</v>
      </c>
      <c r="FG38" s="102">
        <v>0</v>
      </c>
      <c r="FH38" s="102">
        <v>0</v>
      </c>
      <c r="FI38" s="102">
        <v>1</v>
      </c>
      <c r="FJ38" s="103">
        <v>2</v>
      </c>
      <c r="FK38" s="104">
        <v>3</v>
      </c>
      <c r="FL38" s="101">
        <v>1</v>
      </c>
      <c r="FM38" s="102">
        <v>1</v>
      </c>
      <c r="FN38" s="103">
        <v>2</v>
      </c>
      <c r="FO38" s="412">
        <v>0</v>
      </c>
      <c r="FP38" s="102">
        <v>2</v>
      </c>
      <c r="FQ38" s="102">
        <v>2</v>
      </c>
      <c r="FR38" s="102">
        <v>1</v>
      </c>
      <c r="FS38" s="102">
        <v>1</v>
      </c>
      <c r="FT38" s="102">
        <v>2</v>
      </c>
      <c r="FU38" s="103">
        <v>8</v>
      </c>
      <c r="FV38" s="104">
        <v>10</v>
      </c>
      <c r="FW38" s="101">
        <v>0</v>
      </c>
      <c r="FX38" s="102">
        <v>0</v>
      </c>
      <c r="FY38" s="103">
        <v>0</v>
      </c>
      <c r="FZ38" s="412">
        <v>0</v>
      </c>
      <c r="GA38" s="102">
        <v>0</v>
      </c>
      <c r="GB38" s="102">
        <v>0</v>
      </c>
      <c r="GC38" s="102">
        <v>0</v>
      </c>
      <c r="GD38" s="102">
        <v>0</v>
      </c>
      <c r="GE38" s="102">
        <v>0</v>
      </c>
      <c r="GF38" s="103">
        <v>0</v>
      </c>
      <c r="GG38" s="104">
        <v>0</v>
      </c>
      <c r="GH38" s="101">
        <v>3</v>
      </c>
      <c r="GI38" s="102">
        <v>3</v>
      </c>
      <c r="GJ38" s="103">
        <v>6</v>
      </c>
      <c r="GK38" s="412">
        <v>0</v>
      </c>
      <c r="GL38" s="102">
        <v>5</v>
      </c>
      <c r="GM38" s="102">
        <v>3</v>
      </c>
      <c r="GN38" s="102">
        <v>1</v>
      </c>
      <c r="GO38" s="102">
        <v>2</v>
      </c>
      <c r="GP38" s="102">
        <v>3</v>
      </c>
      <c r="GQ38" s="103">
        <v>14</v>
      </c>
      <c r="GR38" s="104">
        <v>20</v>
      </c>
      <c r="GS38" s="105">
        <v>14</v>
      </c>
      <c r="GT38" s="97">
        <v>14</v>
      </c>
      <c r="GU38" s="98">
        <v>28</v>
      </c>
      <c r="GV38" s="412">
        <v>0</v>
      </c>
      <c r="GW38" s="97">
        <v>18</v>
      </c>
      <c r="GX38" s="97">
        <v>13</v>
      </c>
      <c r="GY38" s="97">
        <v>6</v>
      </c>
      <c r="GZ38" s="97">
        <v>3</v>
      </c>
      <c r="HA38" s="97">
        <v>3</v>
      </c>
      <c r="HB38" s="99">
        <v>43</v>
      </c>
      <c r="HC38" s="100">
        <v>71</v>
      </c>
      <c r="HD38" s="101">
        <v>1</v>
      </c>
      <c r="HE38" s="102">
        <v>0</v>
      </c>
      <c r="HF38" s="103">
        <v>1</v>
      </c>
      <c r="HG38" s="412">
        <v>0</v>
      </c>
      <c r="HH38" s="102">
        <v>0</v>
      </c>
      <c r="HI38" s="102">
        <v>1</v>
      </c>
      <c r="HJ38" s="102">
        <v>0</v>
      </c>
      <c r="HK38" s="102">
        <v>0</v>
      </c>
      <c r="HL38" s="102">
        <v>0</v>
      </c>
      <c r="HM38" s="103">
        <v>1</v>
      </c>
      <c r="HN38" s="104">
        <v>2</v>
      </c>
      <c r="HO38" s="101">
        <v>2</v>
      </c>
      <c r="HP38" s="102">
        <v>0</v>
      </c>
      <c r="HQ38" s="103">
        <v>2</v>
      </c>
      <c r="HR38" s="412">
        <v>0</v>
      </c>
      <c r="HS38" s="102">
        <v>1</v>
      </c>
      <c r="HT38" s="102">
        <v>0</v>
      </c>
      <c r="HU38" s="102">
        <v>1</v>
      </c>
      <c r="HV38" s="102">
        <v>0</v>
      </c>
      <c r="HW38" s="102">
        <v>0</v>
      </c>
      <c r="HX38" s="103">
        <v>2</v>
      </c>
      <c r="HY38" s="104">
        <v>4</v>
      </c>
      <c r="HZ38" s="101">
        <v>1</v>
      </c>
      <c r="IA38" s="102">
        <v>2</v>
      </c>
      <c r="IB38" s="103">
        <v>3</v>
      </c>
      <c r="IC38" s="412">
        <v>0</v>
      </c>
      <c r="ID38" s="102">
        <v>4</v>
      </c>
      <c r="IE38" s="102">
        <v>2</v>
      </c>
      <c r="IF38" s="102">
        <v>3</v>
      </c>
      <c r="IG38" s="102">
        <v>0</v>
      </c>
      <c r="IH38" s="102">
        <v>0</v>
      </c>
      <c r="II38" s="103">
        <v>9</v>
      </c>
      <c r="IJ38" s="104">
        <v>12</v>
      </c>
      <c r="IK38" s="101">
        <v>3</v>
      </c>
      <c r="IL38" s="102">
        <v>4</v>
      </c>
      <c r="IM38" s="103">
        <v>7</v>
      </c>
      <c r="IN38" s="412">
        <v>0</v>
      </c>
      <c r="IO38" s="102">
        <v>4</v>
      </c>
      <c r="IP38" s="102">
        <v>4</v>
      </c>
      <c r="IQ38" s="102">
        <v>0</v>
      </c>
      <c r="IR38" s="102">
        <v>1</v>
      </c>
      <c r="IS38" s="102">
        <v>0</v>
      </c>
      <c r="IT38" s="103">
        <v>9</v>
      </c>
      <c r="IU38" s="104">
        <v>16</v>
      </c>
      <c r="IV38" s="101">
        <v>2</v>
      </c>
      <c r="IW38" s="102">
        <v>6</v>
      </c>
      <c r="IX38" s="103">
        <v>8</v>
      </c>
      <c r="IY38" s="412">
        <v>0</v>
      </c>
      <c r="IZ38" s="102">
        <v>6</v>
      </c>
      <c r="JA38" s="102">
        <v>1</v>
      </c>
      <c r="JB38" s="102">
        <v>1</v>
      </c>
      <c r="JC38" s="102">
        <v>0</v>
      </c>
      <c r="JD38" s="102">
        <v>1</v>
      </c>
      <c r="JE38" s="103">
        <v>9</v>
      </c>
      <c r="JF38" s="104">
        <v>17</v>
      </c>
      <c r="JG38" s="101">
        <v>5</v>
      </c>
      <c r="JH38" s="102">
        <v>2</v>
      </c>
      <c r="JI38" s="103">
        <v>7</v>
      </c>
      <c r="JJ38" s="412">
        <v>0</v>
      </c>
      <c r="JK38" s="102">
        <v>3</v>
      </c>
      <c r="JL38" s="102">
        <v>5</v>
      </c>
      <c r="JM38" s="102">
        <v>1</v>
      </c>
      <c r="JN38" s="102">
        <v>2</v>
      </c>
      <c r="JO38" s="102">
        <v>2</v>
      </c>
      <c r="JP38" s="103">
        <v>13</v>
      </c>
      <c r="JQ38" s="104">
        <v>20</v>
      </c>
      <c r="JR38" s="101">
        <v>0</v>
      </c>
      <c r="JS38" s="102">
        <v>0</v>
      </c>
      <c r="JT38" s="103">
        <v>0</v>
      </c>
      <c r="JU38" s="412">
        <v>0</v>
      </c>
      <c r="JV38" s="102">
        <v>0</v>
      </c>
      <c r="JW38" s="102">
        <v>0</v>
      </c>
      <c r="JX38" s="102">
        <v>0</v>
      </c>
      <c r="JY38" s="102">
        <v>0</v>
      </c>
      <c r="JZ38" s="102">
        <v>0</v>
      </c>
      <c r="KA38" s="103">
        <v>0</v>
      </c>
      <c r="KB38" s="104">
        <v>0</v>
      </c>
      <c r="KC38" s="101">
        <v>14</v>
      </c>
      <c r="KD38" s="102">
        <v>14</v>
      </c>
      <c r="KE38" s="103">
        <v>28</v>
      </c>
      <c r="KF38" s="412">
        <v>0</v>
      </c>
      <c r="KG38" s="102">
        <v>18</v>
      </c>
      <c r="KH38" s="102">
        <v>13</v>
      </c>
      <c r="KI38" s="102">
        <v>6</v>
      </c>
      <c r="KJ38" s="102">
        <v>3</v>
      </c>
      <c r="KK38" s="102">
        <v>3</v>
      </c>
      <c r="KL38" s="103">
        <v>43</v>
      </c>
      <c r="KM38" s="104">
        <v>71</v>
      </c>
    </row>
    <row r="39" spans="2:299" s="70" customFormat="1" ht="21" customHeight="1" x14ac:dyDescent="0.2">
      <c r="B39" s="106" t="s">
        <v>36</v>
      </c>
      <c r="C39" s="96">
        <v>5</v>
      </c>
      <c r="D39" s="97">
        <v>6</v>
      </c>
      <c r="E39" s="98">
        <v>11</v>
      </c>
      <c r="F39" s="412">
        <v>0</v>
      </c>
      <c r="G39" s="97">
        <v>10</v>
      </c>
      <c r="H39" s="97">
        <v>11</v>
      </c>
      <c r="I39" s="97">
        <v>8</v>
      </c>
      <c r="J39" s="97">
        <v>3</v>
      </c>
      <c r="K39" s="97">
        <v>0</v>
      </c>
      <c r="L39" s="99">
        <v>32</v>
      </c>
      <c r="M39" s="100">
        <v>43</v>
      </c>
      <c r="N39" s="101">
        <v>0</v>
      </c>
      <c r="O39" s="102">
        <v>1</v>
      </c>
      <c r="P39" s="103">
        <v>1</v>
      </c>
      <c r="Q39" s="412">
        <v>0</v>
      </c>
      <c r="R39" s="102">
        <v>0</v>
      </c>
      <c r="S39" s="102">
        <v>1</v>
      </c>
      <c r="T39" s="102">
        <v>0</v>
      </c>
      <c r="U39" s="102">
        <v>1</v>
      </c>
      <c r="V39" s="102">
        <v>0</v>
      </c>
      <c r="W39" s="103">
        <v>2</v>
      </c>
      <c r="X39" s="104">
        <v>3</v>
      </c>
      <c r="Y39" s="101">
        <v>1</v>
      </c>
      <c r="Z39" s="102">
        <v>1</v>
      </c>
      <c r="AA39" s="103">
        <v>2</v>
      </c>
      <c r="AB39" s="412">
        <v>0</v>
      </c>
      <c r="AC39" s="102">
        <v>0</v>
      </c>
      <c r="AD39" s="102">
        <v>3</v>
      </c>
      <c r="AE39" s="102">
        <v>0</v>
      </c>
      <c r="AF39" s="102">
        <v>0</v>
      </c>
      <c r="AG39" s="102">
        <v>0</v>
      </c>
      <c r="AH39" s="103">
        <v>3</v>
      </c>
      <c r="AI39" s="104">
        <v>5</v>
      </c>
      <c r="AJ39" s="101">
        <v>0</v>
      </c>
      <c r="AK39" s="102">
        <v>0</v>
      </c>
      <c r="AL39" s="103">
        <v>0</v>
      </c>
      <c r="AM39" s="412">
        <v>0</v>
      </c>
      <c r="AN39" s="102">
        <v>1</v>
      </c>
      <c r="AO39" s="102">
        <v>1</v>
      </c>
      <c r="AP39" s="102">
        <v>0</v>
      </c>
      <c r="AQ39" s="102">
        <v>0</v>
      </c>
      <c r="AR39" s="102">
        <v>0</v>
      </c>
      <c r="AS39" s="103">
        <v>2</v>
      </c>
      <c r="AT39" s="104">
        <v>2</v>
      </c>
      <c r="AU39" s="101">
        <v>3</v>
      </c>
      <c r="AV39" s="102">
        <v>0</v>
      </c>
      <c r="AW39" s="103">
        <v>3</v>
      </c>
      <c r="AX39" s="412">
        <v>0</v>
      </c>
      <c r="AY39" s="102">
        <v>5</v>
      </c>
      <c r="AZ39" s="102">
        <v>2</v>
      </c>
      <c r="BA39" s="102">
        <v>3</v>
      </c>
      <c r="BB39" s="102">
        <v>1</v>
      </c>
      <c r="BC39" s="102">
        <v>0</v>
      </c>
      <c r="BD39" s="103">
        <v>11</v>
      </c>
      <c r="BE39" s="104">
        <v>14</v>
      </c>
      <c r="BF39" s="101">
        <v>1</v>
      </c>
      <c r="BG39" s="102">
        <v>2</v>
      </c>
      <c r="BH39" s="103">
        <v>3</v>
      </c>
      <c r="BI39" s="412">
        <v>0</v>
      </c>
      <c r="BJ39" s="102">
        <v>3</v>
      </c>
      <c r="BK39" s="102">
        <v>1</v>
      </c>
      <c r="BL39" s="102">
        <v>2</v>
      </c>
      <c r="BM39" s="102">
        <v>0</v>
      </c>
      <c r="BN39" s="102">
        <v>0</v>
      </c>
      <c r="BO39" s="103">
        <v>6</v>
      </c>
      <c r="BP39" s="104">
        <v>9</v>
      </c>
      <c r="BQ39" s="101">
        <v>0</v>
      </c>
      <c r="BR39" s="102">
        <v>2</v>
      </c>
      <c r="BS39" s="103">
        <v>2</v>
      </c>
      <c r="BT39" s="412">
        <v>0</v>
      </c>
      <c r="BU39" s="102">
        <v>1</v>
      </c>
      <c r="BV39" s="102">
        <v>3</v>
      </c>
      <c r="BW39" s="102">
        <v>3</v>
      </c>
      <c r="BX39" s="102">
        <v>1</v>
      </c>
      <c r="BY39" s="102">
        <v>0</v>
      </c>
      <c r="BZ39" s="103">
        <v>8</v>
      </c>
      <c r="CA39" s="104">
        <v>10</v>
      </c>
      <c r="CB39" s="101">
        <v>0</v>
      </c>
      <c r="CC39" s="102">
        <v>0</v>
      </c>
      <c r="CD39" s="103">
        <v>0</v>
      </c>
      <c r="CE39" s="412">
        <v>0</v>
      </c>
      <c r="CF39" s="102">
        <v>0</v>
      </c>
      <c r="CG39" s="102">
        <v>0</v>
      </c>
      <c r="CH39" s="102">
        <v>0</v>
      </c>
      <c r="CI39" s="102">
        <v>0</v>
      </c>
      <c r="CJ39" s="102">
        <v>0</v>
      </c>
      <c r="CK39" s="103">
        <v>0</v>
      </c>
      <c r="CL39" s="104">
        <v>0</v>
      </c>
      <c r="CM39" s="101">
        <v>5</v>
      </c>
      <c r="CN39" s="102">
        <v>6</v>
      </c>
      <c r="CO39" s="103">
        <v>11</v>
      </c>
      <c r="CP39" s="412">
        <v>0</v>
      </c>
      <c r="CQ39" s="102">
        <v>10</v>
      </c>
      <c r="CR39" s="102">
        <v>11</v>
      </c>
      <c r="CS39" s="102">
        <v>8</v>
      </c>
      <c r="CT39" s="102">
        <v>3</v>
      </c>
      <c r="CU39" s="102">
        <v>0</v>
      </c>
      <c r="CV39" s="103">
        <v>32</v>
      </c>
      <c r="CW39" s="104">
        <v>43</v>
      </c>
      <c r="CX39" s="105">
        <v>1</v>
      </c>
      <c r="CY39" s="97">
        <v>5</v>
      </c>
      <c r="CZ39" s="98">
        <v>6</v>
      </c>
      <c r="DA39" s="412">
        <v>0</v>
      </c>
      <c r="DB39" s="97">
        <v>3</v>
      </c>
      <c r="DC39" s="97">
        <v>7</v>
      </c>
      <c r="DD39" s="97">
        <v>2</v>
      </c>
      <c r="DE39" s="97">
        <v>3</v>
      </c>
      <c r="DF39" s="97">
        <v>2</v>
      </c>
      <c r="DG39" s="99">
        <v>17</v>
      </c>
      <c r="DH39" s="100">
        <v>23</v>
      </c>
      <c r="DI39" s="101">
        <v>0</v>
      </c>
      <c r="DJ39" s="102">
        <v>0</v>
      </c>
      <c r="DK39" s="103">
        <v>0</v>
      </c>
      <c r="DL39" s="412">
        <v>0</v>
      </c>
      <c r="DM39" s="102">
        <v>0</v>
      </c>
      <c r="DN39" s="102">
        <v>0</v>
      </c>
      <c r="DO39" s="102">
        <v>0</v>
      </c>
      <c r="DP39" s="102">
        <v>0</v>
      </c>
      <c r="DQ39" s="102">
        <v>0</v>
      </c>
      <c r="DR39" s="103">
        <v>0</v>
      </c>
      <c r="DS39" s="104">
        <v>0</v>
      </c>
      <c r="DT39" s="101">
        <v>0</v>
      </c>
      <c r="DU39" s="102">
        <v>0</v>
      </c>
      <c r="DV39" s="103">
        <v>0</v>
      </c>
      <c r="DW39" s="412">
        <v>0</v>
      </c>
      <c r="DX39" s="102">
        <v>0</v>
      </c>
      <c r="DY39" s="102">
        <v>0</v>
      </c>
      <c r="DZ39" s="102">
        <v>0</v>
      </c>
      <c r="EA39" s="102">
        <v>0</v>
      </c>
      <c r="EB39" s="102">
        <v>0</v>
      </c>
      <c r="EC39" s="103">
        <v>0</v>
      </c>
      <c r="ED39" s="104">
        <v>0</v>
      </c>
      <c r="EE39" s="101">
        <v>0</v>
      </c>
      <c r="EF39" s="102">
        <v>0</v>
      </c>
      <c r="EG39" s="103">
        <v>0</v>
      </c>
      <c r="EH39" s="412">
        <v>0</v>
      </c>
      <c r="EI39" s="102">
        <v>0</v>
      </c>
      <c r="EJ39" s="102">
        <v>0</v>
      </c>
      <c r="EK39" s="102">
        <v>0</v>
      </c>
      <c r="EL39" s="102">
        <v>0</v>
      </c>
      <c r="EM39" s="102">
        <v>0</v>
      </c>
      <c r="EN39" s="103">
        <v>0</v>
      </c>
      <c r="EO39" s="104">
        <v>0</v>
      </c>
      <c r="EP39" s="101">
        <v>0</v>
      </c>
      <c r="EQ39" s="102">
        <v>0</v>
      </c>
      <c r="ER39" s="103">
        <v>0</v>
      </c>
      <c r="ES39" s="412">
        <v>0</v>
      </c>
      <c r="ET39" s="102">
        <v>0</v>
      </c>
      <c r="EU39" s="102">
        <v>0</v>
      </c>
      <c r="EV39" s="102">
        <v>0</v>
      </c>
      <c r="EW39" s="102">
        <v>0</v>
      </c>
      <c r="EX39" s="102">
        <v>0</v>
      </c>
      <c r="EY39" s="103">
        <v>0</v>
      </c>
      <c r="EZ39" s="104">
        <v>0</v>
      </c>
      <c r="FA39" s="101">
        <v>0</v>
      </c>
      <c r="FB39" s="102">
        <v>4</v>
      </c>
      <c r="FC39" s="103">
        <v>4</v>
      </c>
      <c r="FD39" s="412">
        <v>0</v>
      </c>
      <c r="FE39" s="102">
        <v>2</v>
      </c>
      <c r="FF39" s="102">
        <v>4</v>
      </c>
      <c r="FG39" s="102">
        <v>1</v>
      </c>
      <c r="FH39" s="102">
        <v>2</v>
      </c>
      <c r="FI39" s="102">
        <v>0</v>
      </c>
      <c r="FJ39" s="103">
        <v>9</v>
      </c>
      <c r="FK39" s="104">
        <v>13</v>
      </c>
      <c r="FL39" s="101">
        <v>1</v>
      </c>
      <c r="FM39" s="102">
        <v>1</v>
      </c>
      <c r="FN39" s="103">
        <v>2</v>
      </c>
      <c r="FO39" s="412">
        <v>0</v>
      </c>
      <c r="FP39" s="102">
        <v>1</v>
      </c>
      <c r="FQ39" s="102">
        <v>3</v>
      </c>
      <c r="FR39" s="102">
        <v>1</v>
      </c>
      <c r="FS39" s="102">
        <v>1</v>
      </c>
      <c r="FT39" s="102">
        <v>2</v>
      </c>
      <c r="FU39" s="103">
        <v>8</v>
      </c>
      <c r="FV39" s="104">
        <v>10</v>
      </c>
      <c r="FW39" s="101">
        <v>0</v>
      </c>
      <c r="FX39" s="102">
        <v>0</v>
      </c>
      <c r="FY39" s="103">
        <v>0</v>
      </c>
      <c r="FZ39" s="412">
        <v>0</v>
      </c>
      <c r="GA39" s="102">
        <v>0</v>
      </c>
      <c r="GB39" s="102">
        <v>0</v>
      </c>
      <c r="GC39" s="102">
        <v>0</v>
      </c>
      <c r="GD39" s="102">
        <v>0</v>
      </c>
      <c r="GE39" s="102">
        <v>0</v>
      </c>
      <c r="GF39" s="103">
        <v>0</v>
      </c>
      <c r="GG39" s="104">
        <v>0</v>
      </c>
      <c r="GH39" s="101">
        <v>1</v>
      </c>
      <c r="GI39" s="102">
        <v>5</v>
      </c>
      <c r="GJ39" s="103">
        <v>6</v>
      </c>
      <c r="GK39" s="412">
        <v>0</v>
      </c>
      <c r="GL39" s="102">
        <v>3</v>
      </c>
      <c r="GM39" s="102">
        <v>7</v>
      </c>
      <c r="GN39" s="102">
        <v>2</v>
      </c>
      <c r="GO39" s="102">
        <v>3</v>
      </c>
      <c r="GP39" s="102">
        <v>2</v>
      </c>
      <c r="GQ39" s="103">
        <v>17</v>
      </c>
      <c r="GR39" s="104">
        <v>23</v>
      </c>
      <c r="GS39" s="105">
        <v>6</v>
      </c>
      <c r="GT39" s="97">
        <v>11</v>
      </c>
      <c r="GU39" s="98">
        <v>17</v>
      </c>
      <c r="GV39" s="412">
        <v>0</v>
      </c>
      <c r="GW39" s="97">
        <v>13</v>
      </c>
      <c r="GX39" s="97">
        <v>18</v>
      </c>
      <c r="GY39" s="97">
        <v>10</v>
      </c>
      <c r="GZ39" s="97">
        <v>6</v>
      </c>
      <c r="HA39" s="97">
        <v>2</v>
      </c>
      <c r="HB39" s="99">
        <v>49</v>
      </c>
      <c r="HC39" s="100">
        <v>66</v>
      </c>
      <c r="HD39" s="101">
        <v>0</v>
      </c>
      <c r="HE39" s="102">
        <v>1</v>
      </c>
      <c r="HF39" s="103">
        <v>1</v>
      </c>
      <c r="HG39" s="412">
        <v>0</v>
      </c>
      <c r="HH39" s="102">
        <v>0</v>
      </c>
      <c r="HI39" s="102">
        <v>1</v>
      </c>
      <c r="HJ39" s="102">
        <v>0</v>
      </c>
      <c r="HK39" s="102">
        <v>1</v>
      </c>
      <c r="HL39" s="102">
        <v>0</v>
      </c>
      <c r="HM39" s="103">
        <v>2</v>
      </c>
      <c r="HN39" s="104">
        <v>3</v>
      </c>
      <c r="HO39" s="101">
        <v>1</v>
      </c>
      <c r="HP39" s="102">
        <v>1</v>
      </c>
      <c r="HQ39" s="103">
        <v>2</v>
      </c>
      <c r="HR39" s="412">
        <v>0</v>
      </c>
      <c r="HS39" s="102">
        <v>0</v>
      </c>
      <c r="HT39" s="102">
        <v>3</v>
      </c>
      <c r="HU39" s="102">
        <v>0</v>
      </c>
      <c r="HV39" s="102">
        <v>0</v>
      </c>
      <c r="HW39" s="102">
        <v>0</v>
      </c>
      <c r="HX39" s="103">
        <v>3</v>
      </c>
      <c r="HY39" s="104">
        <v>5</v>
      </c>
      <c r="HZ39" s="101">
        <v>0</v>
      </c>
      <c r="IA39" s="102">
        <v>0</v>
      </c>
      <c r="IB39" s="103">
        <v>0</v>
      </c>
      <c r="IC39" s="412">
        <v>0</v>
      </c>
      <c r="ID39" s="102">
        <v>1</v>
      </c>
      <c r="IE39" s="102">
        <v>1</v>
      </c>
      <c r="IF39" s="102">
        <v>0</v>
      </c>
      <c r="IG39" s="102">
        <v>0</v>
      </c>
      <c r="IH39" s="102">
        <v>0</v>
      </c>
      <c r="II39" s="103">
        <v>2</v>
      </c>
      <c r="IJ39" s="104">
        <v>2</v>
      </c>
      <c r="IK39" s="101">
        <v>3</v>
      </c>
      <c r="IL39" s="102">
        <v>0</v>
      </c>
      <c r="IM39" s="103">
        <v>3</v>
      </c>
      <c r="IN39" s="412">
        <v>0</v>
      </c>
      <c r="IO39" s="102">
        <v>5</v>
      </c>
      <c r="IP39" s="102">
        <v>2</v>
      </c>
      <c r="IQ39" s="102">
        <v>3</v>
      </c>
      <c r="IR39" s="102">
        <v>1</v>
      </c>
      <c r="IS39" s="102">
        <v>0</v>
      </c>
      <c r="IT39" s="103">
        <v>11</v>
      </c>
      <c r="IU39" s="104">
        <v>14</v>
      </c>
      <c r="IV39" s="101">
        <v>1</v>
      </c>
      <c r="IW39" s="102">
        <v>6</v>
      </c>
      <c r="IX39" s="103">
        <v>7</v>
      </c>
      <c r="IY39" s="412">
        <v>0</v>
      </c>
      <c r="IZ39" s="102">
        <v>5</v>
      </c>
      <c r="JA39" s="102">
        <v>5</v>
      </c>
      <c r="JB39" s="102">
        <v>3</v>
      </c>
      <c r="JC39" s="102">
        <v>2</v>
      </c>
      <c r="JD39" s="102">
        <v>0</v>
      </c>
      <c r="JE39" s="103">
        <v>15</v>
      </c>
      <c r="JF39" s="104">
        <v>22</v>
      </c>
      <c r="JG39" s="101">
        <v>1</v>
      </c>
      <c r="JH39" s="102">
        <v>3</v>
      </c>
      <c r="JI39" s="103">
        <v>4</v>
      </c>
      <c r="JJ39" s="412">
        <v>0</v>
      </c>
      <c r="JK39" s="102">
        <v>2</v>
      </c>
      <c r="JL39" s="102">
        <v>6</v>
      </c>
      <c r="JM39" s="102">
        <v>4</v>
      </c>
      <c r="JN39" s="102">
        <v>2</v>
      </c>
      <c r="JO39" s="102">
        <v>2</v>
      </c>
      <c r="JP39" s="103">
        <v>16</v>
      </c>
      <c r="JQ39" s="104">
        <v>20</v>
      </c>
      <c r="JR39" s="101">
        <v>0</v>
      </c>
      <c r="JS39" s="102">
        <v>0</v>
      </c>
      <c r="JT39" s="103">
        <v>0</v>
      </c>
      <c r="JU39" s="412">
        <v>0</v>
      </c>
      <c r="JV39" s="102">
        <v>0</v>
      </c>
      <c r="JW39" s="102">
        <v>0</v>
      </c>
      <c r="JX39" s="102">
        <v>0</v>
      </c>
      <c r="JY39" s="102">
        <v>0</v>
      </c>
      <c r="JZ39" s="102">
        <v>0</v>
      </c>
      <c r="KA39" s="103">
        <v>0</v>
      </c>
      <c r="KB39" s="104">
        <v>0</v>
      </c>
      <c r="KC39" s="101">
        <v>6</v>
      </c>
      <c r="KD39" s="102">
        <v>11</v>
      </c>
      <c r="KE39" s="103">
        <v>17</v>
      </c>
      <c r="KF39" s="412">
        <v>0</v>
      </c>
      <c r="KG39" s="102">
        <v>13</v>
      </c>
      <c r="KH39" s="102">
        <v>18</v>
      </c>
      <c r="KI39" s="102">
        <v>10</v>
      </c>
      <c r="KJ39" s="102">
        <v>6</v>
      </c>
      <c r="KK39" s="102">
        <v>2</v>
      </c>
      <c r="KL39" s="103">
        <v>49</v>
      </c>
      <c r="KM39" s="104">
        <v>66</v>
      </c>
    </row>
    <row r="40" spans="2:299" s="70" customFormat="1" ht="21" customHeight="1" thickBot="1" x14ac:dyDescent="0.25">
      <c r="B40" s="108" t="s">
        <v>37</v>
      </c>
      <c r="C40" s="109">
        <v>1</v>
      </c>
      <c r="D40" s="110">
        <v>0</v>
      </c>
      <c r="E40" s="111">
        <v>1</v>
      </c>
      <c r="F40" s="413">
        <v>0</v>
      </c>
      <c r="G40" s="110">
        <v>0</v>
      </c>
      <c r="H40" s="110">
        <v>0</v>
      </c>
      <c r="I40" s="110">
        <v>0</v>
      </c>
      <c r="J40" s="110">
        <v>1</v>
      </c>
      <c r="K40" s="110">
        <v>0</v>
      </c>
      <c r="L40" s="112">
        <v>1</v>
      </c>
      <c r="M40" s="113">
        <v>2</v>
      </c>
      <c r="N40" s="114">
        <v>0</v>
      </c>
      <c r="O40" s="115">
        <v>0</v>
      </c>
      <c r="P40" s="116">
        <v>0</v>
      </c>
      <c r="Q40" s="413">
        <v>0</v>
      </c>
      <c r="R40" s="115">
        <v>0</v>
      </c>
      <c r="S40" s="115">
        <v>0</v>
      </c>
      <c r="T40" s="115">
        <v>0</v>
      </c>
      <c r="U40" s="115">
        <v>0</v>
      </c>
      <c r="V40" s="115">
        <v>0</v>
      </c>
      <c r="W40" s="116">
        <v>0</v>
      </c>
      <c r="X40" s="117">
        <v>0</v>
      </c>
      <c r="Y40" s="114">
        <v>0</v>
      </c>
      <c r="Z40" s="115">
        <v>0</v>
      </c>
      <c r="AA40" s="116">
        <v>0</v>
      </c>
      <c r="AB40" s="413">
        <v>0</v>
      </c>
      <c r="AC40" s="115">
        <v>0</v>
      </c>
      <c r="AD40" s="115">
        <v>0</v>
      </c>
      <c r="AE40" s="115">
        <v>0</v>
      </c>
      <c r="AF40" s="115">
        <v>1</v>
      </c>
      <c r="AG40" s="115">
        <v>0</v>
      </c>
      <c r="AH40" s="116">
        <v>1</v>
      </c>
      <c r="AI40" s="117">
        <v>1</v>
      </c>
      <c r="AJ40" s="114">
        <v>1</v>
      </c>
      <c r="AK40" s="115">
        <v>0</v>
      </c>
      <c r="AL40" s="116">
        <v>1</v>
      </c>
      <c r="AM40" s="413">
        <v>0</v>
      </c>
      <c r="AN40" s="115">
        <v>0</v>
      </c>
      <c r="AO40" s="115">
        <v>0</v>
      </c>
      <c r="AP40" s="115">
        <v>0</v>
      </c>
      <c r="AQ40" s="115">
        <v>0</v>
      </c>
      <c r="AR40" s="115">
        <v>0</v>
      </c>
      <c r="AS40" s="116">
        <v>0</v>
      </c>
      <c r="AT40" s="117">
        <v>1</v>
      </c>
      <c r="AU40" s="114">
        <v>0</v>
      </c>
      <c r="AV40" s="115">
        <v>0</v>
      </c>
      <c r="AW40" s="116">
        <v>0</v>
      </c>
      <c r="AX40" s="413">
        <v>0</v>
      </c>
      <c r="AY40" s="115">
        <v>0</v>
      </c>
      <c r="AZ40" s="115">
        <v>0</v>
      </c>
      <c r="BA40" s="115">
        <v>0</v>
      </c>
      <c r="BB40" s="115">
        <v>0</v>
      </c>
      <c r="BC40" s="115">
        <v>0</v>
      </c>
      <c r="BD40" s="116">
        <v>0</v>
      </c>
      <c r="BE40" s="117">
        <v>0</v>
      </c>
      <c r="BF40" s="114">
        <v>0</v>
      </c>
      <c r="BG40" s="115">
        <v>0</v>
      </c>
      <c r="BH40" s="116">
        <v>0</v>
      </c>
      <c r="BI40" s="413">
        <v>0</v>
      </c>
      <c r="BJ40" s="115">
        <v>0</v>
      </c>
      <c r="BK40" s="115">
        <v>0</v>
      </c>
      <c r="BL40" s="115">
        <v>0</v>
      </c>
      <c r="BM40" s="115">
        <v>0</v>
      </c>
      <c r="BN40" s="115">
        <v>0</v>
      </c>
      <c r="BO40" s="116">
        <v>0</v>
      </c>
      <c r="BP40" s="117">
        <v>0</v>
      </c>
      <c r="BQ40" s="114">
        <v>0</v>
      </c>
      <c r="BR40" s="115">
        <v>0</v>
      </c>
      <c r="BS40" s="116">
        <v>0</v>
      </c>
      <c r="BT40" s="413">
        <v>0</v>
      </c>
      <c r="BU40" s="115">
        <v>0</v>
      </c>
      <c r="BV40" s="115">
        <v>0</v>
      </c>
      <c r="BW40" s="115">
        <v>0</v>
      </c>
      <c r="BX40" s="115">
        <v>0</v>
      </c>
      <c r="BY40" s="115">
        <v>0</v>
      </c>
      <c r="BZ40" s="116">
        <v>0</v>
      </c>
      <c r="CA40" s="117">
        <v>0</v>
      </c>
      <c r="CB40" s="114">
        <v>0</v>
      </c>
      <c r="CC40" s="115">
        <v>0</v>
      </c>
      <c r="CD40" s="116">
        <v>0</v>
      </c>
      <c r="CE40" s="413">
        <v>0</v>
      </c>
      <c r="CF40" s="115">
        <v>0</v>
      </c>
      <c r="CG40" s="115">
        <v>0</v>
      </c>
      <c r="CH40" s="115">
        <v>0</v>
      </c>
      <c r="CI40" s="115">
        <v>0</v>
      </c>
      <c r="CJ40" s="115">
        <v>0</v>
      </c>
      <c r="CK40" s="116">
        <v>0</v>
      </c>
      <c r="CL40" s="117">
        <v>0</v>
      </c>
      <c r="CM40" s="114">
        <v>1</v>
      </c>
      <c r="CN40" s="115">
        <v>0</v>
      </c>
      <c r="CO40" s="116">
        <v>1</v>
      </c>
      <c r="CP40" s="413">
        <v>0</v>
      </c>
      <c r="CQ40" s="115">
        <v>0</v>
      </c>
      <c r="CR40" s="115">
        <v>0</v>
      </c>
      <c r="CS40" s="115">
        <v>0</v>
      </c>
      <c r="CT40" s="115">
        <v>1</v>
      </c>
      <c r="CU40" s="115">
        <v>0</v>
      </c>
      <c r="CV40" s="116">
        <v>1</v>
      </c>
      <c r="CW40" s="117">
        <v>2</v>
      </c>
      <c r="CX40" s="118">
        <v>1</v>
      </c>
      <c r="CY40" s="110">
        <v>0</v>
      </c>
      <c r="CZ40" s="111">
        <v>1</v>
      </c>
      <c r="DA40" s="413">
        <v>0</v>
      </c>
      <c r="DB40" s="110">
        <v>0</v>
      </c>
      <c r="DC40" s="110">
        <v>0</v>
      </c>
      <c r="DD40" s="110">
        <v>0</v>
      </c>
      <c r="DE40" s="110">
        <v>0</v>
      </c>
      <c r="DF40" s="110">
        <v>1</v>
      </c>
      <c r="DG40" s="112">
        <v>1</v>
      </c>
      <c r="DH40" s="113">
        <v>2</v>
      </c>
      <c r="DI40" s="114">
        <v>0</v>
      </c>
      <c r="DJ40" s="115">
        <v>0</v>
      </c>
      <c r="DK40" s="116">
        <v>0</v>
      </c>
      <c r="DL40" s="413">
        <v>0</v>
      </c>
      <c r="DM40" s="115">
        <v>0</v>
      </c>
      <c r="DN40" s="115">
        <v>0</v>
      </c>
      <c r="DO40" s="115">
        <v>0</v>
      </c>
      <c r="DP40" s="115">
        <v>0</v>
      </c>
      <c r="DQ40" s="115">
        <v>0</v>
      </c>
      <c r="DR40" s="116">
        <v>0</v>
      </c>
      <c r="DS40" s="117">
        <v>0</v>
      </c>
      <c r="DT40" s="114">
        <v>1</v>
      </c>
      <c r="DU40" s="115">
        <v>0</v>
      </c>
      <c r="DV40" s="116">
        <v>1</v>
      </c>
      <c r="DW40" s="413">
        <v>0</v>
      </c>
      <c r="DX40" s="115">
        <v>0</v>
      </c>
      <c r="DY40" s="115">
        <v>0</v>
      </c>
      <c r="DZ40" s="115">
        <v>0</v>
      </c>
      <c r="EA40" s="115">
        <v>0</v>
      </c>
      <c r="EB40" s="115">
        <v>0</v>
      </c>
      <c r="EC40" s="116">
        <v>0</v>
      </c>
      <c r="ED40" s="117">
        <v>1</v>
      </c>
      <c r="EE40" s="114">
        <v>0</v>
      </c>
      <c r="EF40" s="115">
        <v>0</v>
      </c>
      <c r="EG40" s="116">
        <v>0</v>
      </c>
      <c r="EH40" s="413">
        <v>0</v>
      </c>
      <c r="EI40" s="115">
        <v>0</v>
      </c>
      <c r="EJ40" s="115">
        <v>0</v>
      </c>
      <c r="EK40" s="115">
        <v>0</v>
      </c>
      <c r="EL40" s="115">
        <v>0</v>
      </c>
      <c r="EM40" s="115">
        <v>0</v>
      </c>
      <c r="EN40" s="116">
        <v>0</v>
      </c>
      <c r="EO40" s="117">
        <v>0</v>
      </c>
      <c r="EP40" s="114">
        <v>0</v>
      </c>
      <c r="EQ40" s="115">
        <v>0</v>
      </c>
      <c r="ER40" s="116">
        <v>0</v>
      </c>
      <c r="ES40" s="413">
        <v>0</v>
      </c>
      <c r="ET40" s="115">
        <v>0</v>
      </c>
      <c r="EU40" s="115">
        <v>0</v>
      </c>
      <c r="EV40" s="115">
        <v>0</v>
      </c>
      <c r="EW40" s="115">
        <v>0</v>
      </c>
      <c r="EX40" s="115">
        <v>0</v>
      </c>
      <c r="EY40" s="116">
        <v>0</v>
      </c>
      <c r="EZ40" s="117">
        <v>0</v>
      </c>
      <c r="FA40" s="114">
        <v>0</v>
      </c>
      <c r="FB40" s="115">
        <v>0</v>
      </c>
      <c r="FC40" s="116">
        <v>0</v>
      </c>
      <c r="FD40" s="413">
        <v>0</v>
      </c>
      <c r="FE40" s="115">
        <v>0</v>
      </c>
      <c r="FF40" s="115">
        <v>0</v>
      </c>
      <c r="FG40" s="115">
        <v>0</v>
      </c>
      <c r="FH40" s="115">
        <v>0</v>
      </c>
      <c r="FI40" s="115">
        <v>0</v>
      </c>
      <c r="FJ40" s="116">
        <v>0</v>
      </c>
      <c r="FK40" s="117">
        <v>0</v>
      </c>
      <c r="FL40" s="114">
        <v>0</v>
      </c>
      <c r="FM40" s="115">
        <v>0</v>
      </c>
      <c r="FN40" s="116">
        <v>0</v>
      </c>
      <c r="FO40" s="413">
        <v>0</v>
      </c>
      <c r="FP40" s="115">
        <v>0</v>
      </c>
      <c r="FQ40" s="115">
        <v>0</v>
      </c>
      <c r="FR40" s="115">
        <v>0</v>
      </c>
      <c r="FS40" s="115">
        <v>0</v>
      </c>
      <c r="FT40" s="115">
        <v>1</v>
      </c>
      <c r="FU40" s="116">
        <v>1</v>
      </c>
      <c r="FV40" s="117">
        <v>1</v>
      </c>
      <c r="FW40" s="114">
        <v>0</v>
      </c>
      <c r="FX40" s="115">
        <v>0</v>
      </c>
      <c r="FY40" s="116">
        <v>0</v>
      </c>
      <c r="FZ40" s="413">
        <v>0</v>
      </c>
      <c r="GA40" s="115">
        <v>0</v>
      </c>
      <c r="GB40" s="115">
        <v>0</v>
      </c>
      <c r="GC40" s="115">
        <v>0</v>
      </c>
      <c r="GD40" s="115">
        <v>0</v>
      </c>
      <c r="GE40" s="115">
        <v>0</v>
      </c>
      <c r="GF40" s="116">
        <v>0</v>
      </c>
      <c r="GG40" s="117">
        <v>0</v>
      </c>
      <c r="GH40" s="114">
        <v>1</v>
      </c>
      <c r="GI40" s="115">
        <v>0</v>
      </c>
      <c r="GJ40" s="116">
        <v>1</v>
      </c>
      <c r="GK40" s="413">
        <v>0</v>
      </c>
      <c r="GL40" s="115">
        <v>0</v>
      </c>
      <c r="GM40" s="115">
        <v>0</v>
      </c>
      <c r="GN40" s="115">
        <v>0</v>
      </c>
      <c r="GO40" s="115">
        <v>0</v>
      </c>
      <c r="GP40" s="115">
        <v>1</v>
      </c>
      <c r="GQ40" s="116">
        <v>1</v>
      </c>
      <c r="GR40" s="117">
        <v>2</v>
      </c>
      <c r="GS40" s="118">
        <v>2</v>
      </c>
      <c r="GT40" s="110">
        <v>0</v>
      </c>
      <c r="GU40" s="111">
        <v>2</v>
      </c>
      <c r="GV40" s="413">
        <v>0</v>
      </c>
      <c r="GW40" s="110">
        <v>0</v>
      </c>
      <c r="GX40" s="110">
        <v>0</v>
      </c>
      <c r="GY40" s="110">
        <v>0</v>
      </c>
      <c r="GZ40" s="110">
        <v>1</v>
      </c>
      <c r="HA40" s="110">
        <v>1</v>
      </c>
      <c r="HB40" s="112">
        <v>2</v>
      </c>
      <c r="HC40" s="113">
        <v>4</v>
      </c>
      <c r="HD40" s="114">
        <v>0</v>
      </c>
      <c r="HE40" s="115">
        <v>0</v>
      </c>
      <c r="HF40" s="116">
        <v>0</v>
      </c>
      <c r="HG40" s="413">
        <v>0</v>
      </c>
      <c r="HH40" s="115">
        <v>0</v>
      </c>
      <c r="HI40" s="115">
        <v>0</v>
      </c>
      <c r="HJ40" s="115">
        <v>0</v>
      </c>
      <c r="HK40" s="115">
        <v>0</v>
      </c>
      <c r="HL40" s="115">
        <v>0</v>
      </c>
      <c r="HM40" s="116">
        <v>0</v>
      </c>
      <c r="HN40" s="117">
        <v>0</v>
      </c>
      <c r="HO40" s="114">
        <v>1</v>
      </c>
      <c r="HP40" s="115">
        <v>0</v>
      </c>
      <c r="HQ40" s="116">
        <v>1</v>
      </c>
      <c r="HR40" s="413">
        <v>0</v>
      </c>
      <c r="HS40" s="115">
        <v>0</v>
      </c>
      <c r="HT40" s="115">
        <v>0</v>
      </c>
      <c r="HU40" s="115">
        <v>0</v>
      </c>
      <c r="HV40" s="115">
        <v>1</v>
      </c>
      <c r="HW40" s="115">
        <v>0</v>
      </c>
      <c r="HX40" s="116">
        <v>1</v>
      </c>
      <c r="HY40" s="117">
        <v>2</v>
      </c>
      <c r="HZ40" s="114">
        <v>1</v>
      </c>
      <c r="IA40" s="115">
        <v>0</v>
      </c>
      <c r="IB40" s="116">
        <v>1</v>
      </c>
      <c r="IC40" s="413">
        <v>0</v>
      </c>
      <c r="ID40" s="115">
        <v>0</v>
      </c>
      <c r="IE40" s="115">
        <v>0</v>
      </c>
      <c r="IF40" s="115">
        <v>0</v>
      </c>
      <c r="IG40" s="115">
        <v>0</v>
      </c>
      <c r="IH40" s="115">
        <v>0</v>
      </c>
      <c r="II40" s="116">
        <v>0</v>
      </c>
      <c r="IJ40" s="117">
        <v>1</v>
      </c>
      <c r="IK40" s="114">
        <v>0</v>
      </c>
      <c r="IL40" s="115">
        <v>0</v>
      </c>
      <c r="IM40" s="116">
        <v>0</v>
      </c>
      <c r="IN40" s="413">
        <v>0</v>
      </c>
      <c r="IO40" s="115">
        <v>0</v>
      </c>
      <c r="IP40" s="115">
        <v>0</v>
      </c>
      <c r="IQ40" s="115">
        <v>0</v>
      </c>
      <c r="IR40" s="115">
        <v>0</v>
      </c>
      <c r="IS40" s="115">
        <v>0</v>
      </c>
      <c r="IT40" s="116">
        <v>0</v>
      </c>
      <c r="IU40" s="117">
        <v>0</v>
      </c>
      <c r="IV40" s="114">
        <v>0</v>
      </c>
      <c r="IW40" s="115">
        <v>0</v>
      </c>
      <c r="IX40" s="116">
        <v>0</v>
      </c>
      <c r="IY40" s="413">
        <v>0</v>
      </c>
      <c r="IZ40" s="115">
        <v>0</v>
      </c>
      <c r="JA40" s="115">
        <v>0</v>
      </c>
      <c r="JB40" s="115">
        <v>0</v>
      </c>
      <c r="JC40" s="115">
        <v>0</v>
      </c>
      <c r="JD40" s="115">
        <v>0</v>
      </c>
      <c r="JE40" s="116">
        <v>0</v>
      </c>
      <c r="JF40" s="117">
        <v>0</v>
      </c>
      <c r="JG40" s="114">
        <v>0</v>
      </c>
      <c r="JH40" s="115">
        <v>0</v>
      </c>
      <c r="JI40" s="116">
        <v>0</v>
      </c>
      <c r="JJ40" s="413">
        <v>0</v>
      </c>
      <c r="JK40" s="115">
        <v>0</v>
      </c>
      <c r="JL40" s="115">
        <v>0</v>
      </c>
      <c r="JM40" s="115">
        <v>0</v>
      </c>
      <c r="JN40" s="115">
        <v>0</v>
      </c>
      <c r="JO40" s="115">
        <v>1</v>
      </c>
      <c r="JP40" s="116">
        <v>1</v>
      </c>
      <c r="JQ40" s="117">
        <v>1</v>
      </c>
      <c r="JR40" s="114">
        <v>0</v>
      </c>
      <c r="JS40" s="115">
        <v>0</v>
      </c>
      <c r="JT40" s="116">
        <v>0</v>
      </c>
      <c r="JU40" s="413">
        <v>0</v>
      </c>
      <c r="JV40" s="115">
        <v>0</v>
      </c>
      <c r="JW40" s="115">
        <v>0</v>
      </c>
      <c r="JX40" s="115">
        <v>0</v>
      </c>
      <c r="JY40" s="115">
        <v>0</v>
      </c>
      <c r="JZ40" s="115">
        <v>0</v>
      </c>
      <c r="KA40" s="116">
        <v>0</v>
      </c>
      <c r="KB40" s="117">
        <v>0</v>
      </c>
      <c r="KC40" s="114">
        <v>2</v>
      </c>
      <c r="KD40" s="115">
        <v>0</v>
      </c>
      <c r="KE40" s="116">
        <v>2</v>
      </c>
      <c r="KF40" s="413">
        <v>0</v>
      </c>
      <c r="KG40" s="115">
        <v>0</v>
      </c>
      <c r="KH40" s="115">
        <v>0</v>
      </c>
      <c r="KI40" s="115">
        <v>0</v>
      </c>
      <c r="KJ40" s="115">
        <v>1</v>
      </c>
      <c r="KK40" s="115">
        <v>1</v>
      </c>
      <c r="KL40" s="116">
        <v>2</v>
      </c>
      <c r="KM40" s="117">
        <v>4</v>
      </c>
    </row>
    <row r="41" spans="2:299" ht="32.25" customHeight="1" x14ac:dyDescent="0.2">
      <c r="C41" s="70" t="s">
        <v>124</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6">
        <f>第１表!F2</f>
        <v>6</v>
      </c>
      <c r="H1" s="446"/>
      <c r="I1" s="18">
        <f>第１表!G2</f>
        <v>5</v>
      </c>
      <c r="J1" s="451">
        <f>IF(I1&lt;3,I1+12-2,I1-2)</f>
        <v>3</v>
      </c>
      <c r="K1" s="451"/>
    </row>
    <row r="2" spans="2:35" ht="24" customHeight="1" thickBot="1" x14ac:dyDescent="0.25">
      <c r="B2" s="71"/>
      <c r="J2" s="14"/>
      <c r="K2" s="14"/>
      <c r="L2" s="14"/>
      <c r="M2" s="14"/>
      <c r="N2" s="14"/>
      <c r="O2" s="14"/>
      <c r="P2" s="15"/>
      <c r="Q2" s="15"/>
      <c r="R2" s="15"/>
    </row>
    <row r="3" spans="2:35" s="71" customFormat="1" ht="21" customHeight="1" thickBot="1" x14ac:dyDescent="0.25">
      <c r="B3" s="119"/>
      <c r="C3" s="448" t="s">
        <v>53</v>
      </c>
      <c r="D3" s="449"/>
      <c r="E3" s="449"/>
      <c r="F3" s="449"/>
      <c r="G3" s="449"/>
      <c r="H3" s="449"/>
      <c r="I3" s="449"/>
      <c r="J3" s="449"/>
      <c r="K3" s="449"/>
      <c r="L3" s="449"/>
      <c r="M3" s="450"/>
      <c r="N3" s="448" t="s">
        <v>54</v>
      </c>
      <c r="O3" s="449"/>
      <c r="P3" s="449"/>
      <c r="Q3" s="449"/>
      <c r="R3" s="449"/>
      <c r="S3" s="449"/>
      <c r="T3" s="449"/>
      <c r="U3" s="449"/>
      <c r="V3" s="449"/>
      <c r="W3" s="449"/>
      <c r="X3" s="450"/>
      <c r="Y3" s="448" t="s">
        <v>55</v>
      </c>
      <c r="Z3" s="449"/>
      <c r="AA3" s="449"/>
      <c r="AB3" s="449"/>
      <c r="AC3" s="449"/>
      <c r="AD3" s="449"/>
      <c r="AE3" s="449"/>
      <c r="AF3" s="449"/>
      <c r="AG3" s="449"/>
      <c r="AH3" s="449"/>
      <c r="AI3" s="450"/>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7690</v>
      </c>
      <c r="D5" s="125">
        <v>31999</v>
      </c>
      <c r="E5" s="126">
        <v>49689</v>
      </c>
      <c r="F5" s="127">
        <v>0</v>
      </c>
      <c r="G5" s="125">
        <v>61271</v>
      </c>
      <c r="H5" s="125">
        <v>63631</v>
      </c>
      <c r="I5" s="125">
        <v>36134</v>
      </c>
      <c r="J5" s="125">
        <v>27567</v>
      </c>
      <c r="K5" s="125">
        <v>16398</v>
      </c>
      <c r="L5" s="126">
        <v>205001</v>
      </c>
      <c r="M5" s="128">
        <v>254690</v>
      </c>
      <c r="N5" s="129">
        <v>349</v>
      </c>
      <c r="O5" s="125">
        <v>911</v>
      </c>
      <c r="P5" s="126">
        <v>1260</v>
      </c>
      <c r="Q5" s="127">
        <v>0</v>
      </c>
      <c r="R5" s="125">
        <v>1058</v>
      </c>
      <c r="S5" s="125">
        <v>1984</v>
      </c>
      <c r="T5" s="125">
        <v>1018</v>
      </c>
      <c r="U5" s="125">
        <v>809</v>
      </c>
      <c r="V5" s="125">
        <v>768</v>
      </c>
      <c r="W5" s="126">
        <v>5637</v>
      </c>
      <c r="X5" s="128">
        <v>6897</v>
      </c>
      <c r="Y5" s="124">
        <v>18039</v>
      </c>
      <c r="Z5" s="125">
        <v>32910</v>
      </c>
      <c r="AA5" s="126">
        <v>50949</v>
      </c>
      <c r="AB5" s="127">
        <v>0</v>
      </c>
      <c r="AC5" s="125">
        <v>62329</v>
      </c>
      <c r="AD5" s="125">
        <v>65615</v>
      </c>
      <c r="AE5" s="125">
        <v>37152</v>
      </c>
      <c r="AF5" s="125">
        <v>28376</v>
      </c>
      <c r="AG5" s="125">
        <v>17166</v>
      </c>
      <c r="AH5" s="126">
        <v>210638</v>
      </c>
      <c r="AI5" s="128">
        <v>261587</v>
      </c>
    </row>
    <row r="6" spans="2:35" ht="21" customHeight="1" x14ac:dyDescent="0.2">
      <c r="B6" s="95" t="s">
        <v>5</v>
      </c>
      <c r="C6" s="130">
        <v>6648</v>
      </c>
      <c r="D6" s="131">
        <v>14415</v>
      </c>
      <c r="E6" s="132">
        <v>21063</v>
      </c>
      <c r="F6" s="133">
        <v>0</v>
      </c>
      <c r="G6" s="131">
        <v>16249</v>
      </c>
      <c r="H6" s="131">
        <v>24074</v>
      </c>
      <c r="I6" s="131">
        <v>12131</v>
      </c>
      <c r="J6" s="131">
        <v>9465</v>
      </c>
      <c r="K6" s="131">
        <v>5520</v>
      </c>
      <c r="L6" s="132">
        <v>67439</v>
      </c>
      <c r="M6" s="134">
        <v>88502</v>
      </c>
      <c r="N6" s="135">
        <v>116</v>
      </c>
      <c r="O6" s="131">
        <v>400</v>
      </c>
      <c r="P6" s="132">
        <v>516</v>
      </c>
      <c r="Q6" s="133">
        <v>0</v>
      </c>
      <c r="R6" s="131">
        <v>244</v>
      </c>
      <c r="S6" s="131">
        <v>816</v>
      </c>
      <c r="T6" s="131">
        <v>385</v>
      </c>
      <c r="U6" s="131">
        <v>283</v>
      </c>
      <c r="V6" s="131">
        <v>316</v>
      </c>
      <c r="W6" s="132">
        <v>2044</v>
      </c>
      <c r="X6" s="134">
        <v>2560</v>
      </c>
      <c r="Y6" s="130">
        <v>6764</v>
      </c>
      <c r="Z6" s="131">
        <v>14815</v>
      </c>
      <c r="AA6" s="132">
        <v>21579</v>
      </c>
      <c r="AB6" s="133">
        <v>0</v>
      </c>
      <c r="AC6" s="131">
        <v>16493</v>
      </c>
      <c r="AD6" s="131">
        <v>24890</v>
      </c>
      <c r="AE6" s="131">
        <v>12516</v>
      </c>
      <c r="AF6" s="131">
        <v>9748</v>
      </c>
      <c r="AG6" s="131">
        <v>5836</v>
      </c>
      <c r="AH6" s="132">
        <v>69483</v>
      </c>
      <c r="AI6" s="134">
        <v>91062</v>
      </c>
    </row>
    <row r="7" spans="2:35" ht="21" customHeight="1" x14ac:dyDescent="0.2">
      <c r="B7" s="106" t="s">
        <v>6</v>
      </c>
      <c r="C7" s="130">
        <v>2407</v>
      </c>
      <c r="D7" s="131">
        <v>3785</v>
      </c>
      <c r="E7" s="132">
        <v>6192</v>
      </c>
      <c r="F7" s="133">
        <v>0</v>
      </c>
      <c r="G7" s="131">
        <v>11090</v>
      </c>
      <c r="H7" s="131">
        <v>9478</v>
      </c>
      <c r="I7" s="131">
        <v>5710</v>
      </c>
      <c r="J7" s="131">
        <v>4363</v>
      </c>
      <c r="K7" s="131">
        <v>2826</v>
      </c>
      <c r="L7" s="132">
        <v>33467</v>
      </c>
      <c r="M7" s="134">
        <v>39659</v>
      </c>
      <c r="N7" s="135">
        <v>73</v>
      </c>
      <c r="O7" s="131">
        <v>114</v>
      </c>
      <c r="P7" s="132">
        <v>187</v>
      </c>
      <c r="Q7" s="133">
        <v>0</v>
      </c>
      <c r="R7" s="131">
        <v>221</v>
      </c>
      <c r="S7" s="131">
        <v>282</v>
      </c>
      <c r="T7" s="131">
        <v>158</v>
      </c>
      <c r="U7" s="131">
        <v>141</v>
      </c>
      <c r="V7" s="131">
        <v>130</v>
      </c>
      <c r="W7" s="132">
        <v>932</v>
      </c>
      <c r="X7" s="134">
        <v>1119</v>
      </c>
      <c r="Y7" s="130">
        <v>2480</v>
      </c>
      <c r="Z7" s="131">
        <v>3899</v>
      </c>
      <c r="AA7" s="132">
        <v>6379</v>
      </c>
      <c r="AB7" s="133">
        <v>0</v>
      </c>
      <c r="AC7" s="131">
        <v>11311</v>
      </c>
      <c r="AD7" s="131">
        <v>9760</v>
      </c>
      <c r="AE7" s="131">
        <v>5868</v>
      </c>
      <c r="AF7" s="131">
        <v>4504</v>
      </c>
      <c r="AG7" s="131">
        <v>2956</v>
      </c>
      <c r="AH7" s="132">
        <v>34399</v>
      </c>
      <c r="AI7" s="134">
        <v>40778</v>
      </c>
    </row>
    <row r="8" spans="2:35" ht="21" customHeight="1" x14ac:dyDescent="0.2">
      <c r="B8" s="106" t="s">
        <v>14</v>
      </c>
      <c r="C8" s="130">
        <v>1200</v>
      </c>
      <c r="D8" s="131">
        <v>2848</v>
      </c>
      <c r="E8" s="132">
        <v>4048</v>
      </c>
      <c r="F8" s="133">
        <v>0</v>
      </c>
      <c r="G8" s="131">
        <v>4619</v>
      </c>
      <c r="H8" s="131">
        <v>5770</v>
      </c>
      <c r="I8" s="131">
        <v>3594</v>
      </c>
      <c r="J8" s="131">
        <v>2453</v>
      </c>
      <c r="K8" s="131">
        <v>1299</v>
      </c>
      <c r="L8" s="132">
        <v>17735</v>
      </c>
      <c r="M8" s="134">
        <v>21783</v>
      </c>
      <c r="N8" s="135">
        <v>20</v>
      </c>
      <c r="O8" s="131">
        <v>105</v>
      </c>
      <c r="P8" s="132">
        <v>125</v>
      </c>
      <c r="Q8" s="133">
        <v>0</v>
      </c>
      <c r="R8" s="131">
        <v>61</v>
      </c>
      <c r="S8" s="131">
        <v>185</v>
      </c>
      <c r="T8" s="131">
        <v>86</v>
      </c>
      <c r="U8" s="131">
        <v>72</v>
      </c>
      <c r="V8" s="131">
        <v>66</v>
      </c>
      <c r="W8" s="132">
        <v>470</v>
      </c>
      <c r="X8" s="134">
        <v>595</v>
      </c>
      <c r="Y8" s="130">
        <v>1220</v>
      </c>
      <c r="Z8" s="131">
        <v>2953</v>
      </c>
      <c r="AA8" s="132">
        <v>4173</v>
      </c>
      <c r="AB8" s="133">
        <v>0</v>
      </c>
      <c r="AC8" s="131">
        <v>4680</v>
      </c>
      <c r="AD8" s="131">
        <v>5955</v>
      </c>
      <c r="AE8" s="131">
        <v>3680</v>
      </c>
      <c r="AF8" s="131">
        <v>2525</v>
      </c>
      <c r="AG8" s="131">
        <v>1365</v>
      </c>
      <c r="AH8" s="132">
        <v>18205</v>
      </c>
      <c r="AI8" s="134">
        <v>22378</v>
      </c>
    </row>
    <row r="9" spans="2:35" ht="21" customHeight="1" x14ac:dyDescent="0.2">
      <c r="B9" s="106" t="s">
        <v>7</v>
      </c>
      <c r="C9" s="130">
        <v>639</v>
      </c>
      <c r="D9" s="131">
        <v>957</v>
      </c>
      <c r="E9" s="132">
        <v>1596</v>
      </c>
      <c r="F9" s="133">
        <v>0</v>
      </c>
      <c r="G9" s="131">
        <v>5115</v>
      </c>
      <c r="H9" s="131">
        <v>3475</v>
      </c>
      <c r="I9" s="131">
        <v>1871</v>
      </c>
      <c r="J9" s="131">
        <v>1470</v>
      </c>
      <c r="K9" s="131">
        <v>872</v>
      </c>
      <c r="L9" s="132">
        <v>12803</v>
      </c>
      <c r="M9" s="134">
        <v>14399</v>
      </c>
      <c r="N9" s="135">
        <v>6</v>
      </c>
      <c r="O9" s="131">
        <v>20</v>
      </c>
      <c r="P9" s="132">
        <v>26</v>
      </c>
      <c r="Q9" s="133">
        <v>0</v>
      </c>
      <c r="R9" s="131">
        <v>94</v>
      </c>
      <c r="S9" s="131">
        <v>98</v>
      </c>
      <c r="T9" s="131">
        <v>50</v>
      </c>
      <c r="U9" s="131">
        <v>39</v>
      </c>
      <c r="V9" s="131">
        <v>22</v>
      </c>
      <c r="W9" s="132">
        <v>303</v>
      </c>
      <c r="X9" s="134">
        <v>329</v>
      </c>
      <c r="Y9" s="130">
        <v>645</v>
      </c>
      <c r="Z9" s="131">
        <v>977</v>
      </c>
      <c r="AA9" s="132">
        <v>1622</v>
      </c>
      <c r="AB9" s="133">
        <v>0</v>
      </c>
      <c r="AC9" s="131">
        <v>5209</v>
      </c>
      <c r="AD9" s="131">
        <v>3573</v>
      </c>
      <c r="AE9" s="131">
        <v>1921</v>
      </c>
      <c r="AF9" s="131">
        <v>1509</v>
      </c>
      <c r="AG9" s="131">
        <v>894</v>
      </c>
      <c r="AH9" s="132">
        <v>13106</v>
      </c>
      <c r="AI9" s="134">
        <v>14728</v>
      </c>
    </row>
    <row r="10" spans="2:35" ht="21" customHeight="1" x14ac:dyDescent="0.2">
      <c r="B10" s="106" t="s">
        <v>8</v>
      </c>
      <c r="C10" s="130">
        <v>615</v>
      </c>
      <c r="D10" s="131">
        <v>716</v>
      </c>
      <c r="E10" s="132">
        <v>1331</v>
      </c>
      <c r="F10" s="133">
        <v>0</v>
      </c>
      <c r="G10" s="131">
        <v>2115</v>
      </c>
      <c r="H10" s="131">
        <v>2145</v>
      </c>
      <c r="I10" s="131">
        <v>1270</v>
      </c>
      <c r="J10" s="131">
        <v>911</v>
      </c>
      <c r="K10" s="131">
        <v>559</v>
      </c>
      <c r="L10" s="132">
        <v>7000</v>
      </c>
      <c r="M10" s="134">
        <v>8331</v>
      </c>
      <c r="N10" s="135">
        <v>10</v>
      </c>
      <c r="O10" s="131">
        <v>25</v>
      </c>
      <c r="P10" s="132">
        <v>35</v>
      </c>
      <c r="Q10" s="133">
        <v>0</v>
      </c>
      <c r="R10" s="131">
        <v>41</v>
      </c>
      <c r="S10" s="131">
        <v>73</v>
      </c>
      <c r="T10" s="131">
        <v>33</v>
      </c>
      <c r="U10" s="131">
        <v>30</v>
      </c>
      <c r="V10" s="131">
        <v>16</v>
      </c>
      <c r="W10" s="132">
        <v>193</v>
      </c>
      <c r="X10" s="134">
        <v>228</v>
      </c>
      <c r="Y10" s="130">
        <v>625</v>
      </c>
      <c r="Z10" s="131">
        <v>741</v>
      </c>
      <c r="AA10" s="132">
        <v>1366</v>
      </c>
      <c r="AB10" s="133">
        <v>0</v>
      </c>
      <c r="AC10" s="131">
        <v>2156</v>
      </c>
      <c r="AD10" s="131">
        <v>2218</v>
      </c>
      <c r="AE10" s="131">
        <v>1303</v>
      </c>
      <c r="AF10" s="131">
        <v>941</v>
      </c>
      <c r="AG10" s="131">
        <v>575</v>
      </c>
      <c r="AH10" s="132">
        <v>7193</v>
      </c>
      <c r="AI10" s="134">
        <v>8559</v>
      </c>
    </row>
    <row r="11" spans="2:35" ht="21" customHeight="1" x14ac:dyDescent="0.2">
      <c r="B11" s="106" t="s">
        <v>9</v>
      </c>
      <c r="C11" s="130">
        <v>524</v>
      </c>
      <c r="D11" s="131">
        <v>587</v>
      </c>
      <c r="E11" s="132">
        <v>1111</v>
      </c>
      <c r="F11" s="133">
        <v>0</v>
      </c>
      <c r="G11" s="131">
        <v>1991</v>
      </c>
      <c r="H11" s="131">
        <v>1493</v>
      </c>
      <c r="I11" s="131">
        <v>1037</v>
      </c>
      <c r="J11" s="131">
        <v>881</v>
      </c>
      <c r="K11" s="131">
        <v>558</v>
      </c>
      <c r="L11" s="132">
        <v>5960</v>
      </c>
      <c r="M11" s="134">
        <v>7071</v>
      </c>
      <c r="N11" s="135">
        <v>5</v>
      </c>
      <c r="O11" s="131">
        <v>11</v>
      </c>
      <c r="P11" s="132">
        <v>16</v>
      </c>
      <c r="Q11" s="133">
        <v>0</v>
      </c>
      <c r="R11" s="131">
        <v>36</v>
      </c>
      <c r="S11" s="131">
        <v>31</v>
      </c>
      <c r="T11" s="131">
        <v>18</v>
      </c>
      <c r="U11" s="131">
        <v>20</v>
      </c>
      <c r="V11" s="131">
        <v>14</v>
      </c>
      <c r="W11" s="132">
        <v>119</v>
      </c>
      <c r="X11" s="134">
        <v>135</v>
      </c>
      <c r="Y11" s="130">
        <v>529</v>
      </c>
      <c r="Z11" s="131">
        <v>598</v>
      </c>
      <c r="AA11" s="132">
        <v>1127</v>
      </c>
      <c r="AB11" s="133">
        <v>0</v>
      </c>
      <c r="AC11" s="131">
        <v>2027</v>
      </c>
      <c r="AD11" s="131">
        <v>1524</v>
      </c>
      <c r="AE11" s="131">
        <v>1055</v>
      </c>
      <c r="AF11" s="131">
        <v>901</v>
      </c>
      <c r="AG11" s="131">
        <v>572</v>
      </c>
      <c r="AH11" s="132">
        <v>6079</v>
      </c>
      <c r="AI11" s="134">
        <v>7206</v>
      </c>
    </row>
    <row r="12" spans="2:35" ht="21" customHeight="1" x14ac:dyDescent="0.2">
      <c r="B12" s="106" t="s">
        <v>10</v>
      </c>
      <c r="C12" s="130">
        <v>1345</v>
      </c>
      <c r="D12" s="131">
        <v>1647</v>
      </c>
      <c r="E12" s="132">
        <v>2992</v>
      </c>
      <c r="F12" s="133">
        <v>0</v>
      </c>
      <c r="G12" s="131">
        <v>4232</v>
      </c>
      <c r="H12" s="131">
        <v>2463</v>
      </c>
      <c r="I12" s="131">
        <v>1585</v>
      </c>
      <c r="J12" s="131">
        <v>1324</v>
      </c>
      <c r="K12" s="131">
        <v>875</v>
      </c>
      <c r="L12" s="132">
        <v>10479</v>
      </c>
      <c r="M12" s="134">
        <v>13471</v>
      </c>
      <c r="N12" s="135">
        <v>33</v>
      </c>
      <c r="O12" s="131">
        <v>38</v>
      </c>
      <c r="P12" s="132">
        <v>71</v>
      </c>
      <c r="Q12" s="133">
        <v>0</v>
      </c>
      <c r="R12" s="131">
        <v>85</v>
      </c>
      <c r="S12" s="131">
        <v>80</v>
      </c>
      <c r="T12" s="131">
        <v>49</v>
      </c>
      <c r="U12" s="131">
        <v>44</v>
      </c>
      <c r="V12" s="131">
        <v>33</v>
      </c>
      <c r="W12" s="132">
        <v>291</v>
      </c>
      <c r="X12" s="134">
        <v>362</v>
      </c>
      <c r="Y12" s="130">
        <v>1378</v>
      </c>
      <c r="Z12" s="131">
        <v>1685</v>
      </c>
      <c r="AA12" s="132">
        <v>3063</v>
      </c>
      <c r="AB12" s="133">
        <v>0</v>
      </c>
      <c r="AC12" s="131">
        <v>4317</v>
      </c>
      <c r="AD12" s="131">
        <v>2543</v>
      </c>
      <c r="AE12" s="131">
        <v>1634</v>
      </c>
      <c r="AF12" s="131">
        <v>1368</v>
      </c>
      <c r="AG12" s="131">
        <v>908</v>
      </c>
      <c r="AH12" s="132">
        <v>10770</v>
      </c>
      <c r="AI12" s="134">
        <v>13833</v>
      </c>
    </row>
    <row r="13" spans="2:35" ht="21" customHeight="1" x14ac:dyDescent="0.2">
      <c r="B13" s="106" t="s">
        <v>11</v>
      </c>
      <c r="C13" s="130">
        <v>553</v>
      </c>
      <c r="D13" s="131">
        <v>604</v>
      </c>
      <c r="E13" s="132">
        <v>1157</v>
      </c>
      <c r="F13" s="133">
        <v>0</v>
      </c>
      <c r="G13" s="131">
        <v>2119</v>
      </c>
      <c r="H13" s="131">
        <v>1390</v>
      </c>
      <c r="I13" s="131">
        <v>966</v>
      </c>
      <c r="J13" s="131">
        <v>810</v>
      </c>
      <c r="K13" s="131">
        <v>394</v>
      </c>
      <c r="L13" s="132">
        <v>5679</v>
      </c>
      <c r="M13" s="134">
        <v>6836</v>
      </c>
      <c r="N13" s="135">
        <v>11</v>
      </c>
      <c r="O13" s="131">
        <v>12</v>
      </c>
      <c r="P13" s="132">
        <v>23</v>
      </c>
      <c r="Q13" s="133">
        <v>0</v>
      </c>
      <c r="R13" s="131">
        <v>46</v>
      </c>
      <c r="S13" s="131">
        <v>23</v>
      </c>
      <c r="T13" s="131">
        <v>31</v>
      </c>
      <c r="U13" s="131">
        <v>19</v>
      </c>
      <c r="V13" s="131">
        <v>18</v>
      </c>
      <c r="W13" s="132">
        <v>137</v>
      </c>
      <c r="X13" s="134">
        <v>160</v>
      </c>
      <c r="Y13" s="130">
        <v>564</v>
      </c>
      <c r="Z13" s="131">
        <v>616</v>
      </c>
      <c r="AA13" s="132">
        <v>1180</v>
      </c>
      <c r="AB13" s="133">
        <v>0</v>
      </c>
      <c r="AC13" s="131">
        <v>2165</v>
      </c>
      <c r="AD13" s="131">
        <v>1413</v>
      </c>
      <c r="AE13" s="131">
        <v>997</v>
      </c>
      <c r="AF13" s="131">
        <v>829</v>
      </c>
      <c r="AG13" s="131">
        <v>412</v>
      </c>
      <c r="AH13" s="132">
        <v>5816</v>
      </c>
      <c r="AI13" s="134">
        <v>6996</v>
      </c>
    </row>
    <row r="14" spans="2:35" ht="21" customHeight="1" x14ac:dyDescent="0.2">
      <c r="B14" s="106" t="s">
        <v>12</v>
      </c>
      <c r="C14" s="130">
        <v>735</v>
      </c>
      <c r="D14" s="131">
        <v>1200</v>
      </c>
      <c r="E14" s="132">
        <v>1935</v>
      </c>
      <c r="F14" s="133">
        <v>0</v>
      </c>
      <c r="G14" s="131">
        <v>1738</v>
      </c>
      <c r="H14" s="131">
        <v>1536</v>
      </c>
      <c r="I14" s="131">
        <v>975</v>
      </c>
      <c r="J14" s="131">
        <v>850</v>
      </c>
      <c r="K14" s="131">
        <v>505</v>
      </c>
      <c r="L14" s="132">
        <v>5604</v>
      </c>
      <c r="M14" s="134">
        <v>7539</v>
      </c>
      <c r="N14" s="135">
        <v>12</v>
      </c>
      <c r="O14" s="131">
        <v>32</v>
      </c>
      <c r="P14" s="132">
        <v>44</v>
      </c>
      <c r="Q14" s="133">
        <v>0</v>
      </c>
      <c r="R14" s="131">
        <v>23</v>
      </c>
      <c r="S14" s="131">
        <v>42</v>
      </c>
      <c r="T14" s="131">
        <v>26</v>
      </c>
      <c r="U14" s="131">
        <v>19</v>
      </c>
      <c r="V14" s="131">
        <v>20</v>
      </c>
      <c r="W14" s="132">
        <v>130</v>
      </c>
      <c r="X14" s="134">
        <v>174</v>
      </c>
      <c r="Y14" s="130">
        <v>747</v>
      </c>
      <c r="Z14" s="131">
        <v>1232</v>
      </c>
      <c r="AA14" s="132">
        <v>1979</v>
      </c>
      <c r="AB14" s="133">
        <v>0</v>
      </c>
      <c r="AC14" s="131">
        <v>1761</v>
      </c>
      <c r="AD14" s="131">
        <v>1578</v>
      </c>
      <c r="AE14" s="131">
        <v>1001</v>
      </c>
      <c r="AF14" s="131">
        <v>869</v>
      </c>
      <c r="AG14" s="131">
        <v>525</v>
      </c>
      <c r="AH14" s="132">
        <v>5734</v>
      </c>
      <c r="AI14" s="134">
        <v>7713</v>
      </c>
    </row>
    <row r="15" spans="2:35" ht="21" customHeight="1" x14ac:dyDescent="0.2">
      <c r="B15" s="106" t="s">
        <v>13</v>
      </c>
      <c r="C15" s="130">
        <v>125</v>
      </c>
      <c r="D15" s="131">
        <v>225</v>
      </c>
      <c r="E15" s="132">
        <v>350</v>
      </c>
      <c r="F15" s="133">
        <v>0</v>
      </c>
      <c r="G15" s="131">
        <v>693</v>
      </c>
      <c r="H15" s="131">
        <v>682</v>
      </c>
      <c r="I15" s="131">
        <v>405</v>
      </c>
      <c r="J15" s="131">
        <v>296</v>
      </c>
      <c r="K15" s="131">
        <v>222</v>
      </c>
      <c r="L15" s="132">
        <v>2298</v>
      </c>
      <c r="M15" s="134">
        <v>2648</v>
      </c>
      <c r="N15" s="135">
        <v>0</v>
      </c>
      <c r="O15" s="131">
        <v>1</v>
      </c>
      <c r="P15" s="132">
        <v>1</v>
      </c>
      <c r="Q15" s="133">
        <v>0</v>
      </c>
      <c r="R15" s="131">
        <v>13</v>
      </c>
      <c r="S15" s="131">
        <v>17</v>
      </c>
      <c r="T15" s="131">
        <v>7</v>
      </c>
      <c r="U15" s="131">
        <v>3</v>
      </c>
      <c r="V15" s="131">
        <v>8</v>
      </c>
      <c r="W15" s="132">
        <v>48</v>
      </c>
      <c r="X15" s="134">
        <v>49</v>
      </c>
      <c r="Y15" s="130">
        <v>125</v>
      </c>
      <c r="Z15" s="131">
        <v>226</v>
      </c>
      <c r="AA15" s="132">
        <v>351</v>
      </c>
      <c r="AB15" s="133">
        <v>0</v>
      </c>
      <c r="AC15" s="131">
        <v>706</v>
      </c>
      <c r="AD15" s="131">
        <v>699</v>
      </c>
      <c r="AE15" s="131">
        <v>412</v>
      </c>
      <c r="AF15" s="131">
        <v>299</v>
      </c>
      <c r="AG15" s="131">
        <v>230</v>
      </c>
      <c r="AH15" s="132">
        <v>2346</v>
      </c>
      <c r="AI15" s="134">
        <v>2697</v>
      </c>
    </row>
    <row r="16" spans="2:35" ht="21" customHeight="1" x14ac:dyDescent="0.2">
      <c r="B16" s="106" t="s">
        <v>15</v>
      </c>
      <c r="C16" s="130">
        <v>101</v>
      </c>
      <c r="D16" s="131">
        <v>199</v>
      </c>
      <c r="E16" s="132">
        <v>300</v>
      </c>
      <c r="F16" s="133">
        <v>0</v>
      </c>
      <c r="G16" s="131">
        <v>543</v>
      </c>
      <c r="H16" s="131">
        <v>541</v>
      </c>
      <c r="I16" s="131">
        <v>308</v>
      </c>
      <c r="J16" s="131">
        <v>222</v>
      </c>
      <c r="K16" s="131">
        <v>117</v>
      </c>
      <c r="L16" s="132">
        <v>1731</v>
      </c>
      <c r="M16" s="134">
        <v>2031</v>
      </c>
      <c r="N16" s="135">
        <v>2</v>
      </c>
      <c r="O16" s="131">
        <v>5</v>
      </c>
      <c r="P16" s="132">
        <v>7</v>
      </c>
      <c r="Q16" s="133">
        <v>0</v>
      </c>
      <c r="R16" s="131">
        <v>8</v>
      </c>
      <c r="S16" s="131">
        <v>12</v>
      </c>
      <c r="T16" s="131">
        <v>4</v>
      </c>
      <c r="U16" s="131">
        <v>1</v>
      </c>
      <c r="V16" s="131">
        <v>4</v>
      </c>
      <c r="W16" s="132">
        <v>29</v>
      </c>
      <c r="X16" s="134">
        <v>36</v>
      </c>
      <c r="Y16" s="130">
        <v>103</v>
      </c>
      <c r="Z16" s="131">
        <v>204</v>
      </c>
      <c r="AA16" s="132">
        <v>307</v>
      </c>
      <c r="AB16" s="133">
        <v>0</v>
      </c>
      <c r="AC16" s="131">
        <v>551</v>
      </c>
      <c r="AD16" s="131">
        <v>553</v>
      </c>
      <c r="AE16" s="131">
        <v>312</v>
      </c>
      <c r="AF16" s="131">
        <v>223</v>
      </c>
      <c r="AG16" s="131">
        <v>121</v>
      </c>
      <c r="AH16" s="132">
        <v>1760</v>
      </c>
      <c r="AI16" s="134">
        <v>2067</v>
      </c>
    </row>
    <row r="17" spans="2:35" ht="21" customHeight="1" x14ac:dyDescent="0.2">
      <c r="B17" s="106" t="s">
        <v>16</v>
      </c>
      <c r="C17" s="130">
        <v>264</v>
      </c>
      <c r="D17" s="131">
        <v>518</v>
      </c>
      <c r="E17" s="132">
        <v>782</v>
      </c>
      <c r="F17" s="133">
        <v>0</v>
      </c>
      <c r="G17" s="131">
        <v>953</v>
      </c>
      <c r="H17" s="131">
        <v>1344</v>
      </c>
      <c r="I17" s="131">
        <v>691</v>
      </c>
      <c r="J17" s="131">
        <v>538</v>
      </c>
      <c r="K17" s="131">
        <v>325</v>
      </c>
      <c r="L17" s="132">
        <v>3851</v>
      </c>
      <c r="M17" s="134">
        <v>4633</v>
      </c>
      <c r="N17" s="135">
        <v>4</v>
      </c>
      <c r="O17" s="131">
        <v>17</v>
      </c>
      <c r="P17" s="132">
        <v>21</v>
      </c>
      <c r="Q17" s="133">
        <v>0</v>
      </c>
      <c r="R17" s="131">
        <v>12</v>
      </c>
      <c r="S17" s="131">
        <v>42</v>
      </c>
      <c r="T17" s="131">
        <v>19</v>
      </c>
      <c r="U17" s="131">
        <v>17</v>
      </c>
      <c r="V17" s="131">
        <v>16</v>
      </c>
      <c r="W17" s="132">
        <v>106</v>
      </c>
      <c r="X17" s="134">
        <v>127</v>
      </c>
      <c r="Y17" s="130">
        <v>268</v>
      </c>
      <c r="Z17" s="131">
        <v>535</v>
      </c>
      <c r="AA17" s="132">
        <v>803</v>
      </c>
      <c r="AB17" s="133">
        <v>0</v>
      </c>
      <c r="AC17" s="131">
        <v>965</v>
      </c>
      <c r="AD17" s="131">
        <v>1386</v>
      </c>
      <c r="AE17" s="131">
        <v>710</v>
      </c>
      <c r="AF17" s="131">
        <v>555</v>
      </c>
      <c r="AG17" s="131">
        <v>341</v>
      </c>
      <c r="AH17" s="132">
        <v>3957</v>
      </c>
      <c r="AI17" s="134">
        <v>4760</v>
      </c>
    </row>
    <row r="18" spans="2:35" ht="21" customHeight="1" x14ac:dyDescent="0.2">
      <c r="B18" s="106" t="s">
        <v>17</v>
      </c>
      <c r="C18" s="130">
        <v>322</v>
      </c>
      <c r="D18" s="131">
        <v>661</v>
      </c>
      <c r="E18" s="132">
        <v>983</v>
      </c>
      <c r="F18" s="133">
        <v>0</v>
      </c>
      <c r="G18" s="131">
        <v>1059</v>
      </c>
      <c r="H18" s="131">
        <v>1739</v>
      </c>
      <c r="I18" s="131">
        <v>1031</v>
      </c>
      <c r="J18" s="131">
        <v>765</v>
      </c>
      <c r="K18" s="131">
        <v>411</v>
      </c>
      <c r="L18" s="132">
        <v>5005</v>
      </c>
      <c r="M18" s="134">
        <v>5988</v>
      </c>
      <c r="N18" s="135">
        <v>4</v>
      </c>
      <c r="O18" s="131">
        <v>24</v>
      </c>
      <c r="P18" s="132">
        <v>28</v>
      </c>
      <c r="Q18" s="133">
        <v>0</v>
      </c>
      <c r="R18" s="131">
        <v>21</v>
      </c>
      <c r="S18" s="131">
        <v>57</v>
      </c>
      <c r="T18" s="131">
        <v>31</v>
      </c>
      <c r="U18" s="131">
        <v>25</v>
      </c>
      <c r="V18" s="131">
        <v>22</v>
      </c>
      <c r="W18" s="132">
        <v>156</v>
      </c>
      <c r="X18" s="134">
        <v>184</v>
      </c>
      <c r="Y18" s="130">
        <v>326</v>
      </c>
      <c r="Z18" s="131">
        <v>685</v>
      </c>
      <c r="AA18" s="132">
        <v>1011</v>
      </c>
      <c r="AB18" s="133">
        <v>0</v>
      </c>
      <c r="AC18" s="131">
        <v>1080</v>
      </c>
      <c r="AD18" s="131">
        <v>1796</v>
      </c>
      <c r="AE18" s="131">
        <v>1062</v>
      </c>
      <c r="AF18" s="131">
        <v>790</v>
      </c>
      <c r="AG18" s="131">
        <v>433</v>
      </c>
      <c r="AH18" s="132">
        <v>5161</v>
      </c>
      <c r="AI18" s="134">
        <v>6172</v>
      </c>
    </row>
    <row r="19" spans="2:35" ht="21" customHeight="1" x14ac:dyDescent="0.2">
      <c r="B19" s="106" t="s">
        <v>18</v>
      </c>
      <c r="C19" s="130">
        <v>389</v>
      </c>
      <c r="D19" s="131">
        <v>727</v>
      </c>
      <c r="E19" s="132">
        <v>1116</v>
      </c>
      <c r="F19" s="133">
        <v>0</v>
      </c>
      <c r="G19" s="131">
        <v>1872</v>
      </c>
      <c r="H19" s="131">
        <v>1779</v>
      </c>
      <c r="I19" s="131">
        <v>1085</v>
      </c>
      <c r="J19" s="131">
        <v>778</v>
      </c>
      <c r="K19" s="131">
        <v>455</v>
      </c>
      <c r="L19" s="132">
        <v>5969</v>
      </c>
      <c r="M19" s="134">
        <v>7085</v>
      </c>
      <c r="N19" s="135">
        <v>14</v>
      </c>
      <c r="O19" s="131">
        <v>25</v>
      </c>
      <c r="P19" s="132">
        <v>39</v>
      </c>
      <c r="Q19" s="133">
        <v>0</v>
      </c>
      <c r="R19" s="131">
        <v>43</v>
      </c>
      <c r="S19" s="131">
        <v>60</v>
      </c>
      <c r="T19" s="131">
        <v>28</v>
      </c>
      <c r="U19" s="131">
        <v>30</v>
      </c>
      <c r="V19" s="131">
        <v>27</v>
      </c>
      <c r="W19" s="132">
        <v>188</v>
      </c>
      <c r="X19" s="134">
        <v>227</v>
      </c>
      <c r="Y19" s="130">
        <v>403</v>
      </c>
      <c r="Z19" s="131">
        <v>752</v>
      </c>
      <c r="AA19" s="132">
        <v>1155</v>
      </c>
      <c r="AB19" s="133">
        <v>0</v>
      </c>
      <c r="AC19" s="131">
        <v>1915</v>
      </c>
      <c r="AD19" s="131">
        <v>1839</v>
      </c>
      <c r="AE19" s="131">
        <v>1113</v>
      </c>
      <c r="AF19" s="131">
        <v>808</v>
      </c>
      <c r="AG19" s="131">
        <v>482</v>
      </c>
      <c r="AH19" s="132">
        <v>6157</v>
      </c>
      <c r="AI19" s="134">
        <v>7312</v>
      </c>
    </row>
    <row r="20" spans="2:35" ht="21" customHeight="1" x14ac:dyDescent="0.2">
      <c r="B20" s="106" t="s">
        <v>19</v>
      </c>
      <c r="C20" s="130">
        <v>245</v>
      </c>
      <c r="D20" s="131">
        <v>335</v>
      </c>
      <c r="E20" s="132">
        <v>580</v>
      </c>
      <c r="F20" s="133">
        <v>0</v>
      </c>
      <c r="G20" s="131">
        <v>879</v>
      </c>
      <c r="H20" s="131">
        <v>716</v>
      </c>
      <c r="I20" s="131">
        <v>390</v>
      </c>
      <c r="J20" s="131">
        <v>279</v>
      </c>
      <c r="K20" s="131">
        <v>192</v>
      </c>
      <c r="L20" s="132">
        <v>2456</v>
      </c>
      <c r="M20" s="134">
        <v>3036</v>
      </c>
      <c r="N20" s="135">
        <v>5</v>
      </c>
      <c r="O20" s="131">
        <v>11</v>
      </c>
      <c r="P20" s="132">
        <v>16</v>
      </c>
      <c r="Q20" s="133">
        <v>0</v>
      </c>
      <c r="R20" s="131">
        <v>22</v>
      </c>
      <c r="S20" s="131">
        <v>16</v>
      </c>
      <c r="T20" s="131">
        <v>13</v>
      </c>
      <c r="U20" s="131">
        <v>7</v>
      </c>
      <c r="V20" s="131">
        <v>6</v>
      </c>
      <c r="W20" s="132">
        <v>64</v>
      </c>
      <c r="X20" s="134">
        <v>80</v>
      </c>
      <c r="Y20" s="130">
        <v>250</v>
      </c>
      <c r="Z20" s="131">
        <v>346</v>
      </c>
      <c r="AA20" s="132">
        <v>596</v>
      </c>
      <c r="AB20" s="133">
        <v>0</v>
      </c>
      <c r="AC20" s="131">
        <v>901</v>
      </c>
      <c r="AD20" s="131">
        <v>732</v>
      </c>
      <c r="AE20" s="131">
        <v>403</v>
      </c>
      <c r="AF20" s="131">
        <v>286</v>
      </c>
      <c r="AG20" s="131">
        <v>198</v>
      </c>
      <c r="AH20" s="132">
        <v>2520</v>
      </c>
      <c r="AI20" s="134">
        <v>3116</v>
      </c>
    </row>
    <row r="21" spans="2:35" ht="21" customHeight="1" x14ac:dyDescent="0.2">
      <c r="B21" s="106" t="s">
        <v>20</v>
      </c>
      <c r="C21" s="130">
        <v>223</v>
      </c>
      <c r="D21" s="131">
        <v>446</v>
      </c>
      <c r="E21" s="132">
        <v>669</v>
      </c>
      <c r="F21" s="133">
        <v>0</v>
      </c>
      <c r="G21" s="131">
        <v>1154</v>
      </c>
      <c r="H21" s="131">
        <v>771</v>
      </c>
      <c r="I21" s="131">
        <v>513</v>
      </c>
      <c r="J21" s="131">
        <v>343</v>
      </c>
      <c r="K21" s="131">
        <v>190</v>
      </c>
      <c r="L21" s="132">
        <v>2971</v>
      </c>
      <c r="M21" s="134">
        <v>3640</v>
      </c>
      <c r="N21" s="135">
        <v>4</v>
      </c>
      <c r="O21" s="131">
        <v>19</v>
      </c>
      <c r="P21" s="132">
        <v>23</v>
      </c>
      <c r="Q21" s="133">
        <v>0</v>
      </c>
      <c r="R21" s="131">
        <v>19</v>
      </c>
      <c r="S21" s="131">
        <v>21</v>
      </c>
      <c r="T21" s="131">
        <v>16</v>
      </c>
      <c r="U21" s="131">
        <v>11</v>
      </c>
      <c r="V21" s="131">
        <v>9</v>
      </c>
      <c r="W21" s="132">
        <v>76</v>
      </c>
      <c r="X21" s="134">
        <v>99</v>
      </c>
      <c r="Y21" s="130">
        <v>227</v>
      </c>
      <c r="Z21" s="131">
        <v>465</v>
      </c>
      <c r="AA21" s="132">
        <v>692</v>
      </c>
      <c r="AB21" s="133">
        <v>0</v>
      </c>
      <c r="AC21" s="131">
        <v>1173</v>
      </c>
      <c r="AD21" s="131">
        <v>792</v>
      </c>
      <c r="AE21" s="131">
        <v>529</v>
      </c>
      <c r="AF21" s="131">
        <v>354</v>
      </c>
      <c r="AG21" s="131">
        <v>199</v>
      </c>
      <c r="AH21" s="132">
        <v>3047</v>
      </c>
      <c r="AI21" s="134">
        <v>3739</v>
      </c>
    </row>
    <row r="22" spans="2:35" ht="21" customHeight="1" x14ac:dyDescent="0.2">
      <c r="B22" s="106" t="s">
        <v>21</v>
      </c>
      <c r="C22" s="130">
        <v>316</v>
      </c>
      <c r="D22" s="131">
        <v>452</v>
      </c>
      <c r="E22" s="132">
        <v>768</v>
      </c>
      <c r="F22" s="133">
        <v>0</v>
      </c>
      <c r="G22" s="131">
        <v>1031</v>
      </c>
      <c r="H22" s="131">
        <v>1042</v>
      </c>
      <c r="I22" s="131">
        <v>643</v>
      </c>
      <c r="J22" s="131">
        <v>425</v>
      </c>
      <c r="K22" s="131">
        <v>248</v>
      </c>
      <c r="L22" s="132">
        <v>3389</v>
      </c>
      <c r="M22" s="134">
        <v>4157</v>
      </c>
      <c r="N22" s="135">
        <v>9</v>
      </c>
      <c r="O22" s="131">
        <v>18</v>
      </c>
      <c r="P22" s="132">
        <v>27</v>
      </c>
      <c r="Q22" s="133">
        <v>0</v>
      </c>
      <c r="R22" s="131">
        <v>6</v>
      </c>
      <c r="S22" s="131">
        <v>36</v>
      </c>
      <c r="T22" s="131">
        <v>23</v>
      </c>
      <c r="U22" s="131">
        <v>10</v>
      </c>
      <c r="V22" s="131">
        <v>9</v>
      </c>
      <c r="W22" s="132">
        <v>84</v>
      </c>
      <c r="X22" s="134">
        <v>111</v>
      </c>
      <c r="Y22" s="130">
        <v>325</v>
      </c>
      <c r="Z22" s="131">
        <v>470</v>
      </c>
      <c r="AA22" s="132">
        <v>795</v>
      </c>
      <c r="AB22" s="133">
        <v>0</v>
      </c>
      <c r="AC22" s="131">
        <v>1037</v>
      </c>
      <c r="AD22" s="131">
        <v>1078</v>
      </c>
      <c r="AE22" s="131">
        <v>666</v>
      </c>
      <c r="AF22" s="131">
        <v>435</v>
      </c>
      <c r="AG22" s="131">
        <v>257</v>
      </c>
      <c r="AH22" s="132">
        <v>3473</v>
      </c>
      <c r="AI22" s="134">
        <v>4268</v>
      </c>
    </row>
    <row r="23" spans="2:35" ht="21" customHeight="1" x14ac:dyDescent="0.2">
      <c r="B23" s="106" t="s">
        <v>22</v>
      </c>
      <c r="C23" s="130">
        <v>73</v>
      </c>
      <c r="D23" s="131">
        <v>177</v>
      </c>
      <c r="E23" s="132">
        <v>250</v>
      </c>
      <c r="F23" s="133">
        <v>0</v>
      </c>
      <c r="G23" s="131">
        <v>390</v>
      </c>
      <c r="H23" s="131">
        <v>384</v>
      </c>
      <c r="I23" s="131">
        <v>216</v>
      </c>
      <c r="J23" s="131">
        <v>154</v>
      </c>
      <c r="K23" s="131">
        <v>85</v>
      </c>
      <c r="L23" s="132">
        <v>1229</v>
      </c>
      <c r="M23" s="134">
        <v>1479</v>
      </c>
      <c r="N23" s="135">
        <v>2</v>
      </c>
      <c r="O23" s="131">
        <v>3</v>
      </c>
      <c r="P23" s="132">
        <v>5</v>
      </c>
      <c r="Q23" s="133">
        <v>0</v>
      </c>
      <c r="R23" s="131">
        <v>8</v>
      </c>
      <c r="S23" s="131">
        <v>12</v>
      </c>
      <c r="T23" s="131">
        <v>2</v>
      </c>
      <c r="U23" s="131">
        <v>3</v>
      </c>
      <c r="V23" s="131">
        <v>3</v>
      </c>
      <c r="W23" s="132">
        <v>28</v>
      </c>
      <c r="X23" s="134">
        <v>33</v>
      </c>
      <c r="Y23" s="130">
        <v>75</v>
      </c>
      <c r="Z23" s="131">
        <v>180</v>
      </c>
      <c r="AA23" s="132">
        <v>255</v>
      </c>
      <c r="AB23" s="133">
        <v>0</v>
      </c>
      <c r="AC23" s="131">
        <v>398</v>
      </c>
      <c r="AD23" s="131">
        <v>396</v>
      </c>
      <c r="AE23" s="131">
        <v>218</v>
      </c>
      <c r="AF23" s="131">
        <v>157</v>
      </c>
      <c r="AG23" s="131">
        <v>88</v>
      </c>
      <c r="AH23" s="132">
        <v>1257</v>
      </c>
      <c r="AI23" s="134">
        <v>1512</v>
      </c>
    </row>
    <row r="24" spans="2:35" ht="21" customHeight="1" x14ac:dyDescent="0.2">
      <c r="B24" s="106" t="s">
        <v>23</v>
      </c>
      <c r="C24" s="130">
        <v>153</v>
      </c>
      <c r="D24" s="131">
        <v>291</v>
      </c>
      <c r="E24" s="132">
        <v>444</v>
      </c>
      <c r="F24" s="133">
        <v>0</v>
      </c>
      <c r="G24" s="131">
        <v>628</v>
      </c>
      <c r="H24" s="131">
        <v>599</v>
      </c>
      <c r="I24" s="131">
        <v>333</v>
      </c>
      <c r="J24" s="131">
        <v>275</v>
      </c>
      <c r="K24" s="131">
        <v>137</v>
      </c>
      <c r="L24" s="132">
        <v>1972</v>
      </c>
      <c r="M24" s="134">
        <v>2416</v>
      </c>
      <c r="N24" s="135">
        <v>7</v>
      </c>
      <c r="O24" s="131">
        <v>8</v>
      </c>
      <c r="P24" s="132">
        <v>15</v>
      </c>
      <c r="Q24" s="133">
        <v>0</v>
      </c>
      <c r="R24" s="131">
        <v>9</v>
      </c>
      <c r="S24" s="131">
        <v>20</v>
      </c>
      <c r="T24" s="131">
        <v>10</v>
      </c>
      <c r="U24" s="131">
        <v>9</v>
      </c>
      <c r="V24" s="131">
        <v>3</v>
      </c>
      <c r="W24" s="132">
        <v>51</v>
      </c>
      <c r="X24" s="134">
        <v>66</v>
      </c>
      <c r="Y24" s="130">
        <v>160</v>
      </c>
      <c r="Z24" s="131">
        <v>299</v>
      </c>
      <c r="AA24" s="132">
        <v>459</v>
      </c>
      <c r="AB24" s="133">
        <v>0</v>
      </c>
      <c r="AC24" s="131">
        <v>637</v>
      </c>
      <c r="AD24" s="131">
        <v>619</v>
      </c>
      <c r="AE24" s="131">
        <v>343</v>
      </c>
      <c r="AF24" s="131">
        <v>284</v>
      </c>
      <c r="AG24" s="131">
        <v>140</v>
      </c>
      <c r="AH24" s="132">
        <v>2023</v>
      </c>
      <c r="AI24" s="134">
        <v>2482</v>
      </c>
    </row>
    <row r="25" spans="2:35" ht="21" customHeight="1" x14ac:dyDescent="0.2">
      <c r="B25" s="106" t="s">
        <v>24</v>
      </c>
      <c r="C25" s="130">
        <v>121</v>
      </c>
      <c r="D25" s="131">
        <v>139</v>
      </c>
      <c r="E25" s="132">
        <v>260</v>
      </c>
      <c r="F25" s="133">
        <v>0</v>
      </c>
      <c r="G25" s="131">
        <v>336</v>
      </c>
      <c r="H25" s="131">
        <v>270</v>
      </c>
      <c r="I25" s="131">
        <v>159</v>
      </c>
      <c r="J25" s="131">
        <v>140</v>
      </c>
      <c r="K25" s="131">
        <v>79</v>
      </c>
      <c r="L25" s="132">
        <v>984</v>
      </c>
      <c r="M25" s="134">
        <v>1244</v>
      </c>
      <c r="N25" s="135">
        <v>1</v>
      </c>
      <c r="O25" s="131">
        <v>0</v>
      </c>
      <c r="P25" s="132">
        <v>1</v>
      </c>
      <c r="Q25" s="133">
        <v>0</v>
      </c>
      <c r="R25" s="131">
        <v>4</v>
      </c>
      <c r="S25" s="131">
        <v>5</v>
      </c>
      <c r="T25" s="131">
        <v>3</v>
      </c>
      <c r="U25" s="131">
        <v>4</v>
      </c>
      <c r="V25" s="131">
        <v>3</v>
      </c>
      <c r="W25" s="132">
        <v>19</v>
      </c>
      <c r="X25" s="134">
        <v>20</v>
      </c>
      <c r="Y25" s="130">
        <v>122</v>
      </c>
      <c r="Z25" s="131">
        <v>139</v>
      </c>
      <c r="AA25" s="132">
        <v>261</v>
      </c>
      <c r="AB25" s="133">
        <v>0</v>
      </c>
      <c r="AC25" s="131">
        <v>340</v>
      </c>
      <c r="AD25" s="131">
        <v>275</v>
      </c>
      <c r="AE25" s="131">
        <v>162</v>
      </c>
      <c r="AF25" s="131">
        <v>144</v>
      </c>
      <c r="AG25" s="131">
        <v>82</v>
      </c>
      <c r="AH25" s="132">
        <v>1003</v>
      </c>
      <c r="AI25" s="134">
        <v>1264</v>
      </c>
    </row>
    <row r="26" spans="2:35" ht="21" customHeight="1" x14ac:dyDescent="0.2">
      <c r="B26" s="106" t="s">
        <v>25</v>
      </c>
      <c r="C26" s="130">
        <v>114</v>
      </c>
      <c r="D26" s="131">
        <v>184</v>
      </c>
      <c r="E26" s="132">
        <v>298</v>
      </c>
      <c r="F26" s="133">
        <v>0</v>
      </c>
      <c r="G26" s="131">
        <v>395</v>
      </c>
      <c r="H26" s="131">
        <v>316</v>
      </c>
      <c r="I26" s="131">
        <v>172</v>
      </c>
      <c r="J26" s="131">
        <v>133</v>
      </c>
      <c r="K26" s="131">
        <v>71</v>
      </c>
      <c r="L26" s="132">
        <v>1087</v>
      </c>
      <c r="M26" s="134">
        <v>1385</v>
      </c>
      <c r="N26" s="135">
        <v>1</v>
      </c>
      <c r="O26" s="131">
        <v>4</v>
      </c>
      <c r="P26" s="132">
        <v>5</v>
      </c>
      <c r="Q26" s="133">
        <v>0</v>
      </c>
      <c r="R26" s="131">
        <v>6</v>
      </c>
      <c r="S26" s="131">
        <v>11</v>
      </c>
      <c r="T26" s="131">
        <v>3</v>
      </c>
      <c r="U26" s="131">
        <v>3</v>
      </c>
      <c r="V26" s="131">
        <v>3</v>
      </c>
      <c r="W26" s="132">
        <v>26</v>
      </c>
      <c r="X26" s="134">
        <v>31</v>
      </c>
      <c r="Y26" s="130">
        <v>115</v>
      </c>
      <c r="Z26" s="131">
        <v>188</v>
      </c>
      <c r="AA26" s="132">
        <v>303</v>
      </c>
      <c r="AB26" s="133">
        <v>0</v>
      </c>
      <c r="AC26" s="131">
        <v>401</v>
      </c>
      <c r="AD26" s="131">
        <v>327</v>
      </c>
      <c r="AE26" s="131">
        <v>175</v>
      </c>
      <c r="AF26" s="131">
        <v>136</v>
      </c>
      <c r="AG26" s="131">
        <v>74</v>
      </c>
      <c r="AH26" s="132">
        <v>1113</v>
      </c>
      <c r="AI26" s="134">
        <v>1416</v>
      </c>
    </row>
    <row r="27" spans="2:35" ht="21" customHeight="1" x14ac:dyDescent="0.2">
      <c r="B27" s="106" t="s">
        <v>26</v>
      </c>
      <c r="C27" s="130">
        <v>88</v>
      </c>
      <c r="D27" s="131">
        <v>131</v>
      </c>
      <c r="E27" s="132">
        <v>219</v>
      </c>
      <c r="F27" s="133">
        <v>0</v>
      </c>
      <c r="G27" s="131">
        <v>314</v>
      </c>
      <c r="H27" s="131">
        <v>283</v>
      </c>
      <c r="I27" s="131">
        <v>186</v>
      </c>
      <c r="J27" s="131">
        <v>104</v>
      </c>
      <c r="K27" s="131">
        <v>91</v>
      </c>
      <c r="L27" s="132">
        <v>978</v>
      </c>
      <c r="M27" s="134">
        <v>1197</v>
      </c>
      <c r="N27" s="135">
        <v>2</v>
      </c>
      <c r="O27" s="131">
        <v>1</v>
      </c>
      <c r="P27" s="132">
        <v>3</v>
      </c>
      <c r="Q27" s="133">
        <v>0</v>
      </c>
      <c r="R27" s="131">
        <v>7</v>
      </c>
      <c r="S27" s="131">
        <v>5</v>
      </c>
      <c r="T27" s="131">
        <v>5</v>
      </c>
      <c r="U27" s="131">
        <v>4</v>
      </c>
      <c r="V27" s="131">
        <v>2</v>
      </c>
      <c r="W27" s="132">
        <v>23</v>
      </c>
      <c r="X27" s="134">
        <v>26</v>
      </c>
      <c r="Y27" s="130">
        <v>90</v>
      </c>
      <c r="Z27" s="131">
        <v>132</v>
      </c>
      <c r="AA27" s="132">
        <v>222</v>
      </c>
      <c r="AB27" s="133">
        <v>0</v>
      </c>
      <c r="AC27" s="131">
        <v>321</v>
      </c>
      <c r="AD27" s="131">
        <v>288</v>
      </c>
      <c r="AE27" s="131">
        <v>191</v>
      </c>
      <c r="AF27" s="131">
        <v>108</v>
      </c>
      <c r="AG27" s="131">
        <v>93</v>
      </c>
      <c r="AH27" s="132">
        <v>1001</v>
      </c>
      <c r="AI27" s="134">
        <v>1223</v>
      </c>
    </row>
    <row r="28" spans="2:35" ht="21" customHeight="1" x14ac:dyDescent="0.2">
      <c r="B28" s="106" t="s">
        <v>27</v>
      </c>
      <c r="C28" s="130">
        <v>133</v>
      </c>
      <c r="D28" s="131">
        <v>194</v>
      </c>
      <c r="E28" s="132">
        <v>327</v>
      </c>
      <c r="F28" s="133">
        <v>0</v>
      </c>
      <c r="G28" s="131">
        <v>265</v>
      </c>
      <c r="H28" s="131">
        <v>184</v>
      </c>
      <c r="I28" s="131">
        <v>138</v>
      </c>
      <c r="J28" s="131">
        <v>99</v>
      </c>
      <c r="K28" s="131">
        <v>62</v>
      </c>
      <c r="L28" s="132">
        <v>748</v>
      </c>
      <c r="M28" s="134">
        <v>1075</v>
      </c>
      <c r="N28" s="135">
        <v>5</v>
      </c>
      <c r="O28" s="131">
        <v>4</v>
      </c>
      <c r="P28" s="132">
        <v>9</v>
      </c>
      <c r="Q28" s="133">
        <v>0</v>
      </c>
      <c r="R28" s="131">
        <v>5</v>
      </c>
      <c r="S28" s="131">
        <v>6</v>
      </c>
      <c r="T28" s="131">
        <v>5</v>
      </c>
      <c r="U28" s="131">
        <v>1</v>
      </c>
      <c r="V28" s="131">
        <v>3</v>
      </c>
      <c r="W28" s="132">
        <v>20</v>
      </c>
      <c r="X28" s="134">
        <v>29</v>
      </c>
      <c r="Y28" s="130">
        <v>138</v>
      </c>
      <c r="Z28" s="131">
        <v>198</v>
      </c>
      <c r="AA28" s="132">
        <v>336</v>
      </c>
      <c r="AB28" s="133">
        <v>0</v>
      </c>
      <c r="AC28" s="131">
        <v>270</v>
      </c>
      <c r="AD28" s="131">
        <v>190</v>
      </c>
      <c r="AE28" s="131">
        <v>143</v>
      </c>
      <c r="AF28" s="131">
        <v>100</v>
      </c>
      <c r="AG28" s="131">
        <v>65</v>
      </c>
      <c r="AH28" s="132">
        <v>768</v>
      </c>
      <c r="AI28" s="134">
        <v>1104</v>
      </c>
    </row>
    <row r="29" spans="2:35" ht="21" customHeight="1" x14ac:dyDescent="0.2">
      <c r="B29" s="106" t="s">
        <v>28</v>
      </c>
      <c r="C29" s="130">
        <v>9</v>
      </c>
      <c r="D29" s="131">
        <v>22</v>
      </c>
      <c r="E29" s="132">
        <v>31</v>
      </c>
      <c r="F29" s="133">
        <v>0</v>
      </c>
      <c r="G29" s="131">
        <v>92</v>
      </c>
      <c r="H29" s="131">
        <v>101</v>
      </c>
      <c r="I29" s="131">
        <v>51</v>
      </c>
      <c r="J29" s="131">
        <v>40</v>
      </c>
      <c r="K29" s="131">
        <v>17</v>
      </c>
      <c r="L29" s="132">
        <v>301</v>
      </c>
      <c r="M29" s="134">
        <v>332</v>
      </c>
      <c r="N29" s="135">
        <v>0</v>
      </c>
      <c r="O29" s="131">
        <v>0</v>
      </c>
      <c r="P29" s="132">
        <v>0</v>
      </c>
      <c r="Q29" s="133">
        <v>0</v>
      </c>
      <c r="R29" s="131">
        <v>0</v>
      </c>
      <c r="S29" s="131">
        <v>3</v>
      </c>
      <c r="T29" s="131">
        <v>1</v>
      </c>
      <c r="U29" s="131">
        <v>0</v>
      </c>
      <c r="V29" s="131">
        <v>2</v>
      </c>
      <c r="W29" s="132">
        <v>6</v>
      </c>
      <c r="X29" s="134">
        <v>6</v>
      </c>
      <c r="Y29" s="130">
        <v>9</v>
      </c>
      <c r="Z29" s="131">
        <v>22</v>
      </c>
      <c r="AA29" s="132">
        <v>31</v>
      </c>
      <c r="AB29" s="133">
        <v>0</v>
      </c>
      <c r="AC29" s="131">
        <v>92</v>
      </c>
      <c r="AD29" s="131">
        <v>104</v>
      </c>
      <c r="AE29" s="131">
        <v>52</v>
      </c>
      <c r="AF29" s="131">
        <v>40</v>
      </c>
      <c r="AG29" s="131">
        <v>19</v>
      </c>
      <c r="AH29" s="132">
        <v>307</v>
      </c>
      <c r="AI29" s="134">
        <v>338</v>
      </c>
    </row>
    <row r="30" spans="2:35" ht="21" customHeight="1" x14ac:dyDescent="0.2">
      <c r="B30" s="106" t="s">
        <v>29</v>
      </c>
      <c r="C30" s="130">
        <v>34</v>
      </c>
      <c r="D30" s="131">
        <v>36</v>
      </c>
      <c r="E30" s="132">
        <v>70</v>
      </c>
      <c r="F30" s="133">
        <v>0</v>
      </c>
      <c r="G30" s="131">
        <v>99</v>
      </c>
      <c r="H30" s="131">
        <v>110</v>
      </c>
      <c r="I30" s="131">
        <v>75</v>
      </c>
      <c r="J30" s="131">
        <v>44</v>
      </c>
      <c r="K30" s="131">
        <v>32</v>
      </c>
      <c r="L30" s="132">
        <v>360</v>
      </c>
      <c r="M30" s="134">
        <v>430</v>
      </c>
      <c r="N30" s="135">
        <v>1</v>
      </c>
      <c r="O30" s="131">
        <v>3</v>
      </c>
      <c r="P30" s="132">
        <v>4</v>
      </c>
      <c r="Q30" s="133">
        <v>0</v>
      </c>
      <c r="R30" s="131">
        <v>3</v>
      </c>
      <c r="S30" s="131">
        <v>2</v>
      </c>
      <c r="T30" s="131">
        <v>3</v>
      </c>
      <c r="U30" s="131">
        <v>1</v>
      </c>
      <c r="V30" s="131">
        <v>2</v>
      </c>
      <c r="W30" s="132">
        <v>11</v>
      </c>
      <c r="X30" s="134">
        <v>15</v>
      </c>
      <c r="Y30" s="130">
        <v>35</v>
      </c>
      <c r="Z30" s="131">
        <v>39</v>
      </c>
      <c r="AA30" s="132">
        <v>74</v>
      </c>
      <c r="AB30" s="133">
        <v>0</v>
      </c>
      <c r="AC30" s="131">
        <v>102</v>
      </c>
      <c r="AD30" s="131">
        <v>112</v>
      </c>
      <c r="AE30" s="131">
        <v>78</v>
      </c>
      <c r="AF30" s="131">
        <v>45</v>
      </c>
      <c r="AG30" s="131">
        <v>34</v>
      </c>
      <c r="AH30" s="132">
        <v>371</v>
      </c>
      <c r="AI30" s="134">
        <v>445</v>
      </c>
    </row>
    <row r="31" spans="2:35" ht="21" customHeight="1" x14ac:dyDescent="0.2">
      <c r="B31" s="106" t="s">
        <v>30</v>
      </c>
      <c r="C31" s="130">
        <v>38</v>
      </c>
      <c r="D31" s="131">
        <v>29</v>
      </c>
      <c r="E31" s="132">
        <v>67</v>
      </c>
      <c r="F31" s="133">
        <v>0</v>
      </c>
      <c r="G31" s="131">
        <v>99</v>
      </c>
      <c r="H31" s="131">
        <v>69</v>
      </c>
      <c r="I31" s="131">
        <v>55</v>
      </c>
      <c r="J31" s="131">
        <v>40</v>
      </c>
      <c r="K31" s="131">
        <v>19</v>
      </c>
      <c r="L31" s="132">
        <v>282</v>
      </c>
      <c r="M31" s="134">
        <v>349</v>
      </c>
      <c r="N31" s="135">
        <v>1</v>
      </c>
      <c r="O31" s="131">
        <v>1</v>
      </c>
      <c r="P31" s="132">
        <v>2</v>
      </c>
      <c r="Q31" s="133">
        <v>0</v>
      </c>
      <c r="R31" s="131">
        <v>2</v>
      </c>
      <c r="S31" s="131">
        <v>3</v>
      </c>
      <c r="T31" s="131">
        <v>1</v>
      </c>
      <c r="U31" s="131">
        <v>2</v>
      </c>
      <c r="V31" s="131">
        <v>0</v>
      </c>
      <c r="W31" s="132">
        <v>8</v>
      </c>
      <c r="X31" s="134">
        <v>10</v>
      </c>
      <c r="Y31" s="130">
        <v>39</v>
      </c>
      <c r="Z31" s="131">
        <v>30</v>
      </c>
      <c r="AA31" s="132">
        <v>69</v>
      </c>
      <c r="AB31" s="133">
        <v>0</v>
      </c>
      <c r="AC31" s="131">
        <v>101</v>
      </c>
      <c r="AD31" s="131">
        <v>72</v>
      </c>
      <c r="AE31" s="131">
        <v>56</v>
      </c>
      <c r="AF31" s="131">
        <v>42</v>
      </c>
      <c r="AG31" s="131">
        <v>19</v>
      </c>
      <c r="AH31" s="132">
        <v>290</v>
      </c>
      <c r="AI31" s="134">
        <v>359</v>
      </c>
    </row>
    <row r="32" spans="2:35" ht="21" customHeight="1" x14ac:dyDescent="0.2">
      <c r="B32" s="106" t="s">
        <v>31</v>
      </c>
      <c r="C32" s="130">
        <v>25</v>
      </c>
      <c r="D32" s="131">
        <v>60</v>
      </c>
      <c r="E32" s="132">
        <v>85</v>
      </c>
      <c r="F32" s="133">
        <v>0</v>
      </c>
      <c r="G32" s="131">
        <v>104</v>
      </c>
      <c r="H32" s="131">
        <v>96</v>
      </c>
      <c r="I32" s="131">
        <v>58</v>
      </c>
      <c r="J32" s="131">
        <v>35</v>
      </c>
      <c r="K32" s="131">
        <v>14</v>
      </c>
      <c r="L32" s="132">
        <v>307</v>
      </c>
      <c r="M32" s="134">
        <v>392</v>
      </c>
      <c r="N32" s="135">
        <v>0</v>
      </c>
      <c r="O32" s="131">
        <v>3</v>
      </c>
      <c r="P32" s="132">
        <v>3</v>
      </c>
      <c r="Q32" s="133">
        <v>0</v>
      </c>
      <c r="R32" s="131">
        <v>2</v>
      </c>
      <c r="S32" s="131">
        <v>1</v>
      </c>
      <c r="T32" s="131">
        <v>0</v>
      </c>
      <c r="U32" s="131">
        <v>2</v>
      </c>
      <c r="V32" s="131">
        <v>1</v>
      </c>
      <c r="W32" s="132">
        <v>6</v>
      </c>
      <c r="X32" s="134">
        <v>9</v>
      </c>
      <c r="Y32" s="130">
        <v>25</v>
      </c>
      <c r="Z32" s="131">
        <v>63</v>
      </c>
      <c r="AA32" s="132">
        <v>88</v>
      </c>
      <c r="AB32" s="133">
        <v>0</v>
      </c>
      <c r="AC32" s="131">
        <v>106</v>
      </c>
      <c r="AD32" s="131">
        <v>97</v>
      </c>
      <c r="AE32" s="131">
        <v>58</v>
      </c>
      <c r="AF32" s="131">
        <v>37</v>
      </c>
      <c r="AG32" s="131">
        <v>15</v>
      </c>
      <c r="AH32" s="132">
        <v>313</v>
      </c>
      <c r="AI32" s="134">
        <v>401</v>
      </c>
    </row>
    <row r="33" spans="2:35" ht="21" customHeight="1" x14ac:dyDescent="0.2">
      <c r="B33" s="106" t="s">
        <v>32</v>
      </c>
      <c r="C33" s="130">
        <v>37</v>
      </c>
      <c r="D33" s="131">
        <v>65</v>
      </c>
      <c r="E33" s="132">
        <v>102</v>
      </c>
      <c r="F33" s="133">
        <v>0</v>
      </c>
      <c r="G33" s="131">
        <v>150</v>
      </c>
      <c r="H33" s="131">
        <v>117</v>
      </c>
      <c r="I33" s="131">
        <v>59</v>
      </c>
      <c r="J33" s="131">
        <v>52</v>
      </c>
      <c r="K33" s="131">
        <v>31</v>
      </c>
      <c r="L33" s="132">
        <v>409</v>
      </c>
      <c r="M33" s="134">
        <v>511</v>
      </c>
      <c r="N33" s="135">
        <v>0</v>
      </c>
      <c r="O33" s="131">
        <v>2</v>
      </c>
      <c r="P33" s="132">
        <v>2</v>
      </c>
      <c r="Q33" s="133">
        <v>0</v>
      </c>
      <c r="R33" s="131">
        <v>4</v>
      </c>
      <c r="S33" s="131">
        <v>7</v>
      </c>
      <c r="T33" s="131">
        <v>0</v>
      </c>
      <c r="U33" s="131">
        <v>2</v>
      </c>
      <c r="V33" s="131">
        <v>2</v>
      </c>
      <c r="W33" s="132">
        <v>15</v>
      </c>
      <c r="X33" s="134">
        <v>17</v>
      </c>
      <c r="Y33" s="130">
        <v>37</v>
      </c>
      <c r="Z33" s="131">
        <v>67</v>
      </c>
      <c r="AA33" s="132">
        <v>104</v>
      </c>
      <c r="AB33" s="133">
        <v>0</v>
      </c>
      <c r="AC33" s="131">
        <v>154</v>
      </c>
      <c r="AD33" s="131">
        <v>124</v>
      </c>
      <c r="AE33" s="131">
        <v>59</v>
      </c>
      <c r="AF33" s="131">
        <v>54</v>
      </c>
      <c r="AG33" s="131">
        <v>33</v>
      </c>
      <c r="AH33" s="132">
        <v>424</v>
      </c>
      <c r="AI33" s="134">
        <v>528</v>
      </c>
    </row>
    <row r="34" spans="2:35" ht="21" customHeight="1" x14ac:dyDescent="0.2">
      <c r="B34" s="106" t="s">
        <v>33</v>
      </c>
      <c r="C34" s="130">
        <v>32</v>
      </c>
      <c r="D34" s="131">
        <v>58</v>
      </c>
      <c r="E34" s="132">
        <v>90</v>
      </c>
      <c r="F34" s="133">
        <v>0</v>
      </c>
      <c r="G34" s="131">
        <v>145</v>
      </c>
      <c r="H34" s="131">
        <v>81</v>
      </c>
      <c r="I34" s="131">
        <v>65</v>
      </c>
      <c r="J34" s="131">
        <v>36</v>
      </c>
      <c r="K34" s="131">
        <v>25</v>
      </c>
      <c r="L34" s="132">
        <v>352</v>
      </c>
      <c r="M34" s="134">
        <v>442</v>
      </c>
      <c r="N34" s="135">
        <v>0</v>
      </c>
      <c r="O34" s="131">
        <v>0</v>
      </c>
      <c r="P34" s="132">
        <v>0</v>
      </c>
      <c r="Q34" s="133">
        <v>0</v>
      </c>
      <c r="R34" s="131">
        <v>2</v>
      </c>
      <c r="S34" s="131">
        <v>1</v>
      </c>
      <c r="T34" s="131">
        <v>0</v>
      </c>
      <c r="U34" s="131">
        <v>0</v>
      </c>
      <c r="V34" s="131">
        <v>1</v>
      </c>
      <c r="W34" s="132">
        <v>4</v>
      </c>
      <c r="X34" s="134">
        <v>4</v>
      </c>
      <c r="Y34" s="130">
        <v>32</v>
      </c>
      <c r="Z34" s="131">
        <v>58</v>
      </c>
      <c r="AA34" s="132">
        <v>90</v>
      </c>
      <c r="AB34" s="133">
        <v>0</v>
      </c>
      <c r="AC34" s="131">
        <v>147</v>
      </c>
      <c r="AD34" s="131">
        <v>82</v>
      </c>
      <c r="AE34" s="131">
        <v>65</v>
      </c>
      <c r="AF34" s="131">
        <v>36</v>
      </c>
      <c r="AG34" s="131">
        <v>26</v>
      </c>
      <c r="AH34" s="132">
        <v>356</v>
      </c>
      <c r="AI34" s="134">
        <v>446</v>
      </c>
    </row>
    <row r="35" spans="2:35" ht="21" customHeight="1" x14ac:dyDescent="0.2">
      <c r="B35" s="106" t="s">
        <v>34</v>
      </c>
      <c r="C35" s="130">
        <v>18</v>
      </c>
      <c r="D35" s="131">
        <v>28</v>
      </c>
      <c r="E35" s="132">
        <v>46</v>
      </c>
      <c r="F35" s="133">
        <v>0</v>
      </c>
      <c r="G35" s="131">
        <v>109</v>
      </c>
      <c r="H35" s="131">
        <v>71</v>
      </c>
      <c r="I35" s="131">
        <v>32</v>
      </c>
      <c r="J35" s="131">
        <v>24</v>
      </c>
      <c r="K35" s="131">
        <v>17</v>
      </c>
      <c r="L35" s="132">
        <v>253</v>
      </c>
      <c r="M35" s="134">
        <v>299</v>
      </c>
      <c r="N35" s="135">
        <v>0</v>
      </c>
      <c r="O35" s="131">
        <v>0</v>
      </c>
      <c r="P35" s="132">
        <v>0</v>
      </c>
      <c r="Q35" s="133">
        <v>0</v>
      </c>
      <c r="R35" s="131">
        <v>2</v>
      </c>
      <c r="S35" s="131">
        <v>2</v>
      </c>
      <c r="T35" s="131">
        <v>1</v>
      </c>
      <c r="U35" s="131">
        <v>1</v>
      </c>
      <c r="V35" s="131">
        <v>1</v>
      </c>
      <c r="W35" s="132">
        <v>7</v>
      </c>
      <c r="X35" s="134">
        <v>7</v>
      </c>
      <c r="Y35" s="130">
        <v>18</v>
      </c>
      <c r="Z35" s="131">
        <v>28</v>
      </c>
      <c r="AA35" s="132">
        <v>46</v>
      </c>
      <c r="AB35" s="133">
        <v>0</v>
      </c>
      <c r="AC35" s="131">
        <v>111</v>
      </c>
      <c r="AD35" s="131">
        <v>73</v>
      </c>
      <c r="AE35" s="131">
        <v>33</v>
      </c>
      <c r="AF35" s="131">
        <v>25</v>
      </c>
      <c r="AG35" s="131">
        <v>18</v>
      </c>
      <c r="AH35" s="132">
        <v>260</v>
      </c>
      <c r="AI35" s="134">
        <v>306</v>
      </c>
    </row>
    <row r="36" spans="2:35" ht="21" customHeight="1" x14ac:dyDescent="0.2">
      <c r="B36" s="106" t="s">
        <v>35</v>
      </c>
      <c r="C36" s="130">
        <v>89</v>
      </c>
      <c r="D36" s="131">
        <v>126</v>
      </c>
      <c r="E36" s="132">
        <v>215</v>
      </c>
      <c r="F36" s="133">
        <v>0</v>
      </c>
      <c r="G36" s="131">
        <v>380</v>
      </c>
      <c r="H36" s="131">
        <v>197</v>
      </c>
      <c r="I36" s="131">
        <v>153</v>
      </c>
      <c r="J36" s="131">
        <v>109</v>
      </c>
      <c r="K36" s="131">
        <v>57</v>
      </c>
      <c r="L36" s="132">
        <v>896</v>
      </c>
      <c r="M36" s="134">
        <v>1111</v>
      </c>
      <c r="N36" s="135">
        <v>0</v>
      </c>
      <c r="O36" s="131">
        <v>2</v>
      </c>
      <c r="P36" s="132">
        <v>2</v>
      </c>
      <c r="Q36" s="133">
        <v>0</v>
      </c>
      <c r="R36" s="131">
        <v>4</v>
      </c>
      <c r="S36" s="131">
        <v>6</v>
      </c>
      <c r="T36" s="131">
        <v>2</v>
      </c>
      <c r="U36" s="131">
        <v>2</v>
      </c>
      <c r="V36" s="131">
        <v>2</v>
      </c>
      <c r="W36" s="132">
        <v>16</v>
      </c>
      <c r="X36" s="134">
        <v>18</v>
      </c>
      <c r="Y36" s="130">
        <v>89</v>
      </c>
      <c r="Z36" s="131">
        <v>128</v>
      </c>
      <c r="AA36" s="132">
        <v>217</v>
      </c>
      <c r="AB36" s="133">
        <v>0</v>
      </c>
      <c r="AC36" s="131">
        <v>384</v>
      </c>
      <c r="AD36" s="131">
        <v>203</v>
      </c>
      <c r="AE36" s="131">
        <v>155</v>
      </c>
      <c r="AF36" s="131">
        <v>111</v>
      </c>
      <c r="AG36" s="131">
        <v>59</v>
      </c>
      <c r="AH36" s="132">
        <v>912</v>
      </c>
      <c r="AI36" s="134">
        <v>1129</v>
      </c>
    </row>
    <row r="37" spans="2:35" ht="21" customHeight="1" x14ac:dyDescent="0.2">
      <c r="B37" s="106" t="s">
        <v>36</v>
      </c>
      <c r="C37" s="130">
        <v>56</v>
      </c>
      <c r="D37" s="131">
        <v>135</v>
      </c>
      <c r="E37" s="132">
        <v>191</v>
      </c>
      <c r="F37" s="133">
        <v>0</v>
      </c>
      <c r="G37" s="131">
        <v>286</v>
      </c>
      <c r="H37" s="131">
        <v>298</v>
      </c>
      <c r="I37" s="131">
        <v>160</v>
      </c>
      <c r="J37" s="131">
        <v>95</v>
      </c>
      <c r="K37" s="131">
        <v>85</v>
      </c>
      <c r="L37" s="132">
        <v>924</v>
      </c>
      <c r="M37" s="134">
        <v>1115</v>
      </c>
      <c r="N37" s="135">
        <v>1</v>
      </c>
      <c r="O37" s="131">
        <v>3</v>
      </c>
      <c r="P37" s="132">
        <v>4</v>
      </c>
      <c r="Q37" s="133">
        <v>0</v>
      </c>
      <c r="R37" s="131">
        <v>5</v>
      </c>
      <c r="S37" s="131">
        <v>6</v>
      </c>
      <c r="T37" s="131">
        <v>5</v>
      </c>
      <c r="U37" s="131">
        <v>3</v>
      </c>
      <c r="V37" s="131">
        <v>4</v>
      </c>
      <c r="W37" s="132">
        <v>23</v>
      </c>
      <c r="X37" s="134">
        <v>27</v>
      </c>
      <c r="Y37" s="130">
        <v>57</v>
      </c>
      <c r="Z37" s="131">
        <v>138</v>
      </c>
      <c r="AA37" s="132">
        <v>195</v>
      </c>
      <c r="AB37" s="133">
        <v>0</v>
      </c>
      <c r="AC37" s="131">
        <v>291</v>
      </c>
      <c r="AD37" s="131">
        <v>304</v>
      </c>
      <c r="AE37" s="131">
        <v>165</v>
      </c>
      <c r="AF37" s="131">
        <v>98</v>
      </c>
      <c r="AG37" s="131">
        <v>89</v>
      </c>
      <c r="AH37" s="132">
        <v>947</v>
      </c>
      <c r="AI37" s="134">
        <v>1142</v>
      </c>
    </row>
    <row r="38" spans="2:35" ht="21" customHeight="1" thickBot="1" x14ac:dyDescent="0.25">
      <c r="B38" s="108" t="s">
        <v>37</v>
      </c>
      <c r="C38" s="136">
        <v>19</v>
      </c>
      <c r="D38" s="137">
        <v>2</v>
      </c>
      <c r="E38" s="138">
        <v>21</v>
      </c>
      <c r="F38" s="139">
        <v>0</v>
      </c>
      <c r="G38" s="137">
        <v>27</v>
      </c>
      <c r="H38" s="137">
        <v>17</v>
      </c>
      <c r="I38" s="137">
        <v>17</v>
      </c>
      <c r="J38" s="137">
        <v>14</v>
      </c>
      <c r="K38" s="137">
        <v>8</v>
      </c>
      <c r="L38" s="138">
        <v>83</v>
      </c>
      <c r="M38" s="140">
        <v>104</v>
      </c>
      <c r="N38" s="141">
        <v>0</v>
      </c>
      <c r="O38" s="137">
        <v>0</v>
      </c>
      <c r="P38" s="138">
        <v>0</v>
      </c>
      <c r="Q38" s="139">
        <v>0</v>
      </c>
      <c r="R38" s="137">
        <v>0</v>
      </c>
      <c r="S38" s="137">
        <v>3</v>
      </c>
      <c r="T38" s="137">
        <v>0</v>
      </c>
      <c r="U38" s="137">
        <v>1</v>
      </c>
      <c r="V38" s="137">
        <v>0</v>
      </c>
      <c r="W38" s="138">
        <v>4</v>
      </c>
      <c r="X38" s="140">
        <v>4</v>
      </c>
      <c r="Y38" s="136">
        <v>19</v>
      </c>
      <c r="Z38" s="137">
        <v>2</v>
      </c>
      <c r="AA38" s="138">
        <v>21</v>
      </c>
      <c r="AB38" s="139">
        <v>0</v>
      </c>
      <c r="AC38" s="137">
        <v>27</v>
      </c>
      <c r="AD38" s="137">
        <v>20</v>
      </c>
      <c r="AE38" s="137">
        <v>17</v>
      </c>
      <c r="AF38" s="137">
        <v>15</v>
      </c>
      <c r="AG38" s="137">
        <v>8</v>
      </c>
      <c r="AH38" s="138">
        <v>87</v>
      </c>
      <c r="AI38" s="140">
        <v>108</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6">
        <f>第１表!F2</f>
        <v>6</v>
      </c>
      <c r="J1" s="446"/>
      <c r="K1" s="18">
        <f>第１表!G2</f>
        <v>5</v>
      </c>
      <c r="L1" s="465">
        <f>IF(K1&lt;3,K1+12-2,K1-2)</f>
        <v>3</v>
      </c>
      <c r="M1" s="465"/>
    </row>
    <row r="2" spans="2:156" ht="24" customHeight="1" thickBot="1" x14ac:dyDescent="0.25">
      <c r="B2" s="142" t="s">
        <v>135</v>
      </c>
      <c r="G2" s="17"/>
      <c r="H2" s="18"/>
      <c r="J2" s="68"/>
      <c r="K2" s="68"/>
    </row>
    <row r="3" spans="2:156" ht="21" customHeight="1" thickBot="1" x14ac:dyDescent="0.25">
      <c r="B3" s="459"/>
      <c r="C3" s="462" t="s">
        <v>70</v>
      </c>
      <c r="D3" s="463"/>
      <c r="E3" s="463"/>
      <c r="F3" s="463"/>
      <c r="G3" s="463"/>
      <c r="H3" s="463"/>
      <c r="I3" s="463"/>
      <c r="J3" s="463"/>
      <c r="K3" s="463"/>
      <c r="L3" s="463"/>
      <c r="M3" s="464"/>
      <c r="N3" s="462" t="s">
        <v>71</v>
      </c>
      <c r="O3" s="463"/>
      <c r="P3" s="463"/>
      <c r="Q3" s="463"/>
      <c r="R3" s="463"/>
      <c r="S3" s="463"/>
      <c r="T3" s="463"/>
      <c r="U3" s="463"/>
      <c r="V3" s="463"/>
      <c r="W3" s="463"/>
      <c r="X3" s="464"/>
      <c r="Y3" s="462" t="s">
        <v>72</v>
      </c>
      <c r="Z3" s="463"/>
      <c r="AA3" s="463"/>
      <c r="AB3" s="463"/>
      <c r="AC3" s="463"/>
      <c r="AD3" s="463"/>
      <c r="AE3" s="463"/>
      <c r="AF3" s="463"/>
      <c r="AG3" s="463"/>
      <c r="AH3" s="463"/>
      <c r="AI3" s="464"/>
      <c r="AJ3" s="462" t="s">
        <v>73</v>
      </c>
      <c r="AK3" s="463"/>
      <c r="AL3" s="463"/>
      <c r="AM3" s="463"/>
      <c r="AN3" s="463"/>
      <c r="AO3" s="463"/>
      <c r="AP3" s="463"/>
      <c r="AQ3" s="463"/>
      <c r="AR3" s="463"/>
      <c r="AS3" s="463"/>
      <c r="AT3" s="464"/>
      <c r="AU3" s="462" t="s">
        <v>74</v>
      </c>
      <c r="AV3" s="463"/>
      <c r="AW3" s="463"/>
      <c r="AX3" s="463"/>
      <c r="AY3" s="463"/>
      <c r="AZ3" s="463"/>
      <c r="BA3" s="463"/>
      <c r="BB3" s="463"/>
      <c r="BC3" s="463"/>
      <c r="BD3" s="463"/>
      <c r="BE3" s="464"/>
      <c r="BF3" s="462" t="s">
        <v>75</v>
      </c>
      <c r="BG3" s="463"/>
      <c r="BH3" s="463"/>
      <c r="BI3" s="463"/>
      <c r="BJ3" s="463"/>
      <c r="BK3" s="463"/>
      <c r="BL3" s="463"/>
      <c r="BM3" s="463"/>
      <c r="BN3" s="463"/>
      <c r="BO3" s="463"/>
      <c r="BP3" s="464"/>
      <c r="BQ3" s="462" t="s">
        <v>76</v>
      </c>
      <c r="BR3" s="463"/>
      <c r="BS3" s="463"/>
      <c r="BT3" s="463"/>
      <c r="BU3" s="463"/>
      <c r="BV3" s="463"/>
      <c r="BW3" s="463"/>
      <c r="BX3" s="463"/>
      <c r="BY3" s="463"/>
      <c r="BZ3" s="463"/>
      <c r="CA3" s="464"/>
      <c r="CB3" s="462" t="s">
        <v>77</v>
      </c>
      <c r="CC3" s="463"/>
      <c r="CD3" s="463"/>
      <c r="CE3" s="463"/>
      <c r="CF3" s="463"/>
      <c r="CG3" s="463"/>
      <c r="CH3" s="463"/>
      <c r="CI3" s="463"/>
      <c r="CJ3" s="463"/>
      <c r="CK3" s="463"/>
      <c r="CL3" s="464"/>
      <c r="CM3" s="462" t="s">
        <v>78</v>
      </c>
      <c r="CN3" s="463"/>
      <c r="CO3" s="463"/>
      <c r="CP3" s="463"/>
      <c r="CQ3" s="463"/>
      <c r="CR3" s="463"/>
      <c r="CS3" s="463"/>
      <c r="CT3" s="463"/>
      <c r="CU3" s="463"/>
      <c r="CV3" s="463"/>
      <c r="CW3" s="464"/>
      <c r="CX3" s="462" t="s">
        <v>79</v>
      </c>
      <c r="CY3" s="463"/>
      <c r="CZ3" s="463"/>
      <c r="DA3" s="463"/>
      <c r="DB3" s="463"/>
      <c r="DC3" s="463"/>
      <c r="DD3" s="463"/>
      <c r="DE3" s="463"/>
      <c r="DF3" s="463"/>
      <c r="DG3" s="463"/>
      <c r="DH3" s="464"/>
      <c r="DI3" s="462" t="s">
        <v>149</v>
      </c>
      <c r="DJ3" s="463"/>
      <c r="DK3" s="463"/>
      <c r="DL3" s="463"/>
      <c r="DM3" s="463"/>
      <c r="DN3" s="463"/>
      <c r="DO3" s="463"/>
      <c r="DP3" s="463"/>
      <c r="DQ3" s="463"/>
      <c r="DR3" s="463"/>
      <c r="DS3" s="464"/>
      <c r="DT3" s="462" t="s">
        <v>80</v>
      </c>
      <c r="DU3" s="463"/>
      <c r="DV3" s="463"/>
      <c r="DW3" s="463"/>
      <c r="DX3" s="463"/>
      <c r="DY3" s="463"/>
      <c r="DZ3" s="463"/>
      <c r="EA3" s="463"/>
      <c r="EB3" s="463"/>
      <c r="EC3" s="463"/>
      <c r="ED3" s="464"/>
      <c r="EE3" s="462" t="s">
        <v>68</v>
      </c>
      <c r="EF3" s="463"/>
      <c r="EG3" s="463"/>
      <c r="EH3" s="463"/>
      <c r="EI3" s="463"/>
      <c r="EJ3" s="463"/>
      <c r="EK3" s="463"/>
      <c r="EL3" s="463"/>
      <c r="EM3" s="463"/>
      <c r="EN3" s="463"/>
      <c r="EO3" s="464"/>
      <c r="EP3" s="466" t="s">
        <v>69</v>
      </c>
      <c r="EQ3" s="467"/>
      <c r="ER3" s="467"/>
      <c r="ES3" s="467"/>
      <c r="ET3" s="467"/>
      <c r="EU3" s="467"/>
      <c r="EV3" s="467"/>
      <c r="EW3" s="467"/>
      <c r="EX3" s="467"/>
      <c r="EY3" s="467"/>
      <c r="EZ3" s="468"/>
    </row>
    <row r="4" spans="2:156" ht="21" customHeight="1" x14ac:dyDescent="0.2">
      <c r="B4" s="460"/>
      <c r="C4" s="454" t="s">
        <v>61</v>
      </c>
      <c r="D4" s="455"/>
      <c r="E4" s="456"/>
      <c r="F4" s="457" t="s">
        <v>62</v>
      </c>
      <c r="G4" s="455"/>
      <c r="H4" s="455"/>
      <c r="I4" s="455"/>
      <c r="J4" s="455"/>
      <c r="K4" s="455"/>
      <c r="L4" s="458"/>
      <c r="M4" s="452" t="s">
        <v>52</v>
      </c>
      <c r="N4" s="454" t="s">
        <v>61</v>
      </c>
      <c r="O4" s="455"/>
      <c r="P4" s="456"/>
      <c r="Q4" s="457" t="s">
        <v>62</v>
      </c>
      <c r="R4" s="455"/>
      <c r="S4" s="455"/>
      <c r="T4" s="455"/>
      <c r="U4" s="455"/>
      <c r="V4" s="455"/>
      <c r="W4" s="456"/>
      <c r="X4" s="452" t="s">
        <v>52</v>
      </c>
      <c r="Y4" s="454" t="s">
        <v>61</v>
      </c>
      <c r="Z4" s="455"/>
      <c r="AA4" s="456"/>
      <c r="AB4" s="457" t="s">
        <v>62</v>
      </c>
      <c r="AC4" s="455"/>
      <c r="AD4" s="455"/>
      <c r="AE4" s="455"/>
      <c r="AF4" s="455"/>
      <c r="AG4" s="455"/>
      <c r="AH4" s="456"/>
      <c r="AI4" s="452" t="s">
        <v>52</v>
      </c>
      <c r="AJ4" s="454" t="s">
        <v>61</v>
      </c>
      <c r="AK4" s="455"/>
      <c r="AL4" s="456"/>
      <c r="AM4" s="457" t="s">
        <v>62</v>
      </c>
      <c r="AN4" s="455"/>
      <c r="AO4" s="455"/>
      <c r="AP4" s="455"/>
      <c r="AQ4" s="455"/>
      <c r="AR4" s="455"/>
      <c r="AS4" s="456"/>
      <c r="AT4" s="452" t="s">
        <v>52</v>
      </c>
      <c r="AU4" s="454" t="s">
        <v>61</v>
      </c>
      <c r="AV4" s="455"/>
      <c r="AW4" s="456"/>
      <c r="AX4" s="457" t="s">
        <v>62</v>
      </c>
      <c r="AY4" s="455"/>
      <c r="AZ4" s="455"/>
      <c r="BA4" s="455"/>
      <c r="BB4" s="455"/>
      <c r="BC4" s="455"/>
      <c r="BD4" s="458"/>
      <c r="BE4" s="452" t="s">
        <v>52</v>
      </c>
      <c r="BF4" s="454" t="s">
        <v>61</v>
      </c>
      <c r="BG4" s="455"/>
      <c r="BH4" s="456"/>
      <c r="BI4" s="457" t="s">
        <v>62</v>
      </c>
      <c r="BJ4" s="455"/>
      <c r="BK4" s="455"/>
      <c r="BL4" s="455"/>
      <c r="BM4" s="455"/>
      <c r="BN4" s="455"/>
      <c r="BO4" s="456"/>
      <c r="BP4" s="452" t="s">
        <v>52</v>
      </c>
      <c r="BQ4" s="454" t="s">
        <v>61</v>
      </c>
      <c r="BR4" s="455"/>
      <c r="BS4" s="456"/>
      <c r="BT4" s="457" t="s">
        <v>62</v>
      </c>
      <c r="BU4" s="455"/>
      <c r="BV4" s="455"/>
      <c r="BW4" s="455"/>
      <c r="BX4" s="455"/>
      <c r="BY4" s="455"/>
      <c r="BZ4" s="456"/>
      <c r="CA4" s="452" t="s">
        <v>52</v>
      </c>
      <c r="CB4" s="454" t="s">
        <v>61</v>
      </c>
      <c r="CC4" s="455"/>
      <c r="CD4" s="456"/>
      <c r="CE4" s="457" t="s">
        <v>62</v>
      </c>
      <c r="CF4" s="455"/>
      <c r="CG4" s="455"/>
      <c r="CH4" s="455"/>
      <c r="CI4" s="455"/>
      <c r="CJ4" s="455"/>
      <c r="CK4" s="456"/>
      <c r="CL4" s="452" t="s">
        <v>52</v>
      </c>
      <c r="CM4" s="454" t="s">
        <v>61</v>
      </c>
      <c r="CN4" s="455"/>
      <c r="CO4" s="456"/>
      <c r="CP4" s="457" t="s">
        <v>62</v>
      </c>
      <c r="CQ4" s="455"/>
      <c r="CR4" s="455"/>
      <c r="CS4" s="455"/>
      <c r="CT4" s="455"/>
      <c r="CU4" s="455"/>
      <c r="CV4" s="456"/>
      <c r="CW4" s="452" t="s">
        <v>52</v>
      </c>
      <c r="CX4" s="454" t="s">
        <v>61</v>
      </c>
      <c r="CY4" s="455"/>
      <c r="CZ4" s="456"/>
      <c r="DA4" s="457" t="s">
        <v>62</v>
      </c>
      <c r="DB4" s="455"/>
      <c r="DC4" s="455"/>
      <c r="DD4" s="455"/>
      <c r="DE4" s="455"/>
      <c r="DF4" s="455"/>
      <c r="DG4" s="456"/>
      <c r="DH4" s="452" t="s">
        <v>52</v>
      </c>
      <c r="DI4" s="454" t="s">
        <v>61</v>
      </c>
      <c r="DJ4" s="455"/>
      <c r="DK4" s="456"/>
      <c r="DL4" s="457" t="s">
        <v>62</v>
      </c>
      <c r="DM4" s="455"/>
      <c r="DN4" s="455"/>
      <c r="DO4" s="455"/>
      <c r="DP4" s="455"/>
      <c r="DQ4" s="455"/>
      <c r="DR4" s="456"/>
      <c r="DS4" s="452" t="s">
        <v>52</v>
      </c>
      <c r="DT4" s="454" t="s">
        <v>61</v>
      </c>
      <c r="DU4" s="455"/>
      <c r="DV4" s="456"/>
      <c r="DW4" s="457" t="s">
        <v>62</v>
      </c>
      <c r="DX4" s="455"/>
      <c r="DY4" s="455"/>
      <c r="DZ4" s="455"/>
      <c r="EA4" s="455"/>
      <c r="EB4" s="455"/>
      <c r="EC4" s="456"/>
      <c r="ED4" s="452" t="s">
        <v>52</v>
      </c>
      <c r="EE4" s="454" t="s">
        <v>61</v>
      </c>
      <c r="EF4" s="455"/>
      <c r="EG4" s="456"/>
      <c r="EH4" s="457" t="s">
        <v>62</v>
      </c>
      <c r="EI4" s="455"/>
      <c r="EJ4" s="455"/>
      <c r="EK4" s="455"/>
      <c r="EL4" s="455"/>
      <c r="EM4" s="455"/>
      <c r="EN4" s="456"/>
      <c r="EO4" s="452" t="s">
        <v>52</v>
      </c>
      <c r="EP4" s="454" t="s">
        <v>61</v>
      </c>
      <c r="EQ4" s="455"/>
      <c r="ER4" s="456"/>
      <c r="ES4" s="457" t="s">
        <v>62</v>
      </c>
      <c r="ET4" s="455"/>
      <c r="EU4" s="455"/>
      <c r="EV4" s="455"/>
      <c r="EW4" s="455"/>
      <c r="EX4" s="455"/>
      <c r="EY4" s="456"/>
      <c r="EZ4" s="452"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3"/>
      <c r="N5" s="144" t="s">
        <v>43</v>
      </c>
      <c r="O5" s="145" t="s">
        <v>44</v>
      </c>
      <c r="P5" s="149" t="s">
        <v>45</v>
      </c>
      <c r="Q5" s="147" t="s">
        <v>83</v>
      </c>
      <c r="R5" s="145" t="s">
        <v>47</v>
      </c>
      <c r="S5" s="145" t="s">
        <v>48</v>
      </c>
      <c r="T5" s="145" t="s">
        <v>49</v>
      </c>
      <c r="U5" s="145" t="s">
        <v>50</v>
      </c>
      <c r="V5" s="145" t="s">
        <v>51</v>
      </c>
      <c r="W5" s="149" t="s">
        <v>45</v>
      </c>
      <c r="X5" s="453"/>
      <c r="Y5" s="144" t="s">
        <v>43</v>
      </c>
      <c r="Z5" s="145" t="s">
        <v>44</v>
      </c>
      <c r="AA5" s="149" t="s">
        <v>45</v>
      </c>
      <c r="AB5" s="147" t="s">
        <v>83</v>
      </c>
      <c r="AC5" s="145" t="s">
        <v>47</v>
      </c>
      <c r="AD5" s="145" t="s">
        <v>48</v>
      </c>
      <c r="AE5" s="145" t="s">
        <v>49</v>
      </c>
      <c r="AF5" s="145" t="s">
        <v>50</v>
      </c>
      <c r="AG5" s="145" t="s">
        <v>51</v>
      </c>
      <c r="AH5" s="149" t="s">
        <v>45</v>
      </c>
      <c r="AI5" s="453"/>
      <c r="AJ5" s="144" t="s">
        <v>43</v>
      </c>
      <c r="AK5" s="145" t="s">
        <v>44</v>
      </c>
      <c r="AL5" s="149" t="s">
        <v>45</v>
      </c>
      <c r="AM5" s="147" t="s">
        <v>83</v>
      </c>
      <c r="AN5" s="145" t="s">
        <v>47</v>
      </c>
      <c r="AO5" s="145" t="s">
        <v>48</v>
      </c>
      <c r="AP5" s="145" t="s">
        <v>49</v>
      </c>
      <c r="AQ5" s="145" t="s">
        <v>50</v>
      </c>
      <c r="AR5" s="145" t="s">
        <v>51</v>
      </c>
      <c r="AS5" s="149" t="s">
        <v>45</v>
      </c>
      <c r="AT5" s="453"/>
      <c r="AU5" s="144" t="s">
        <v>43</v>
      </c>
      <c r="AV5" s="145" t="s">
        <v>44</v>
      </c>
      <c r="AW5" s="149" t="s">
        <v>45</v>
      </c>
      <c r="AX5" s="147" t="s">
        <v>83</v>
      </c>
      <c r="AY5" s="145" t="s">
        <v>47</v>
      </c>
      <c r="AZ5" s="145" t="s">
        <v>48</v>
      </c>
      <c r="BA5" s="145" t="s">
        <v>49</v>
      </c>
      <c r="BB5" s="145" t="s">
        <v>50</v>
      </c>
      <c r="BC5" s="145" t="s">
        <v>51</v>
      </c>
      <c r="BD5" s="148" t="s">
        <v>45</v>
      </c>
      <c r="BE5" s="453"/>
      <c r="BF5" s="144" t="s">
        <v>43</v>
      </c>
      <c r="BG5" s="145" t="s">
        <v>44</v>
      </c>
      <c r="BH5" s="149" t="s">
        <v>45</v>
      </c>
      <c r="BI5" s="147" t="s">
        <v>83</v>
      </c>
      <c r="BJ5" s="145" t="s">
        <v>47</v>
      </c>
      <c r="BK5" s="145" t="s">
        <v>48</v>
      </c>
      <c r="BL5" s="145" t="s">
        <v>49</v>
      </c>
      <c r="BM5" s="145" t="s">
        <v>50</v>
      </c>
      <c r="BN5" s="145" t="s">
        <v>51</v>
      </c>
      <c r="BO5" s="149" t="s">
        <v>45</v>
      </c>
      <c r="BP5" s="453"/>
      <c r="BQ5" s="144" t="s">
        <v>43</v>
      </c>
      <c r="BR5" s="145" t="s">
        <v>44</v>
      </c>
      <c r="BS5" s="149" t="s">
        <v>45</v>
      </c>
      <c r="BT5" s="147" t="s">
        <v>83</v>
      </c>
      <c r="BU5" s="145" t="s">
        <v>47</v>
      </c>
      <c r="BV5" s="145" t="s">
        <v>48</v>
      </c>
      <c r="BW5" s="145" t="s">
        <v>49</v>
      </c>
      <c r="BX5" s="145" t="s">
        <v>50</v>
      </c>
      <c r="BY5" s="145" t="s">
        <v>51</v>
      </c>
      <c r="BZ5" s="149" t="s">
        <v>45</v>
      </c>
      <c r="CA5" s="453"/>
      <c r="CB5" s="144" t="s">
        <v>43</v>
      </c>
      <c r="CC5" s="145" t="s">
        <v>44</v>
      </c>
      <c r="CD5" s="149" t="s">
        <v>45</v>
      </c>
      <c r="CE5" s="147" t="s">
        <v>83</v>
      </c>
      <c r="CF5" s="145" t="s">
        <v>47</v>
      </c>
      <c r="CG5" s="145" t="s">
        <v>48</v>
      </c>
      <c r="CH5" s="145" t="s">
        <v>49</v>
      </c>
      <c r="CI5" s="145" t="s">
        <v>50</v>
      </c>
      <c r="CJ5" s="145" t="s">
        <v>51</v>
      </c>
      <c r="CK5" s="149" t="s">
        <v>45</v>
      </c>
      <c r="CL5" s="453"/>
      <c r="CM5" s="144" t="s">
        <v>43</v>
      </c>
      <c r="CN5" s="145" t="s">
        <v>44</v>
      </c>
      <c r="CO5" s="149" t="s">
        <v>45</v>
      </c>
      <c r="CP5" s="147" t="s">
        <v>83</v>
      </c>
      <c r="CQ5" s="145" t="s">
        <v>47</v>
      </c>
      <c r="CR5" s="145" t="s">
        <v>48</v>
      </c>
      <c r="CS5" s="145" t="s">
        <v>49</v>
      </c>
      <c r="CT5" s="145" t="s">
        <v>50</v>
      </c>
      <c r="CU5" s="145" t="s">
        <v>51</v>
      </c>
      <c r="CV5" s="149" t="s">
        <v>45</v>
      </c>
      <c r="CW5" s="453"/>
      <c r="CX5" s="144" t="s">
        <v>43</v>
      </c>
      <c r="CY5" s="145" t="s">
        <v>44</v>
      </c>
      <c r="CZ5" s="149" t="s">
        <v>45</v>
      </c>
      <c r="DA5" s="147" t="s">
        <v>83</v>
      </c>
      <c r="DB5" s="145" t="s">
        <v>47</v>
      </c>
      <c r="DC5" s="145" t="s">
        <v>48</v>
      </c>
      <c r="DD5" s="145" t="s">
        <v>49</v>
      </c>
      <c r="DE5" s="145" t="s">
        <v>50</v>
      </c>
      <c r="DF5" s="145" t="s">
        <v>51</v>
      </c>
      <c r="DG5" s="149" t="s">
        <v>45</v>
      </c>
      <c r="DH5" s="453"/>
      <c r="DI5" s="144" t="s">
        <v>43</v>
      </c>
      <c r="DJ5" s="145" t="s">
        <v>44</v>
      </c>
      <c r="DK5" s="149" t="s">
        <v>45</v>
      </c>
      <c r="DL5" s="147" t="s">
        <v>83</v>
      </c>
      <c r="DM5" s="145" t="s">
        <v>47</v>
      </c>
      <c r="DN5" s="145" t="s">
        <v>48</v>
      </c>
      <c r="DO5" s="145" t="s">
        <v>49</v>
      </c>
      <c r="DP5" s="145" t="s">
        <v>50</v>
      </c>
      <c r="DQ5" s="145" t="s">
        <v>51</v>
      </c>
      <c r="DR5" s="149" t="s">
        <v>45</v>
      </c>
      <c r="DS5" s="453"/>
      <c r="DT5" s="144" t="s">
        <v>43</v>
      </c>
      <c r="DU5" s="145" t="s">
        <v>44</v>
      </c>
      <c r="DV5" s="149" t="s">
        <v>45</v>
      </c>
      <c r="DW5" s="147" t="s">
        <v>83</v>
      </c>
      <c r="DX5" s="145" t="s">
        <v>47</v>
      </c>
      <c r="DY5" s="145" t="s">
        <v>48</v>
      </c>
      <c r="DZ5" s="145" t="s">
        <v>49</v>
      </c>
      <c r="EA5" s="145" t="s">
        <v>50</v>
      </c>
      <c r="EB5" s="145" t="s">
        <v>51</v>
      </c>
      <c r="EC5" s="149" t="s">
        <v>45</v>
      </c>
      <c r="ED5" s="453"/>
      <c r="EE5" s="144" t="s">
        <v>43</v>
      </c>
      <c r="EF5" s="145" t="s">
        <v>44</v>
      </c>
      <c r="EG5" s="149" t="s">
        <v>45</v>
      </c>
      <c r="EH5" s="147" t="s">
        <v>83</v>
      </c>
      <c r="EI5" s="145" t="s">
        <v>47</v>
      </c>
      <c r="EJ5" s="145" t="s">
        <v>48</v>
      </c>
      <c r="EK5" s="145" t="s">
        <v>49</v>
      </c>
      <c r="EL5" s="145" t="s">
        <v>50</v>
      </c>
      <c r="EM5" s="145" t="s">
        <v>51</v>
      </c>
      <c r="EN5" s="149" t="s">
        <v>45</v>
      </c>
      <c r="EO5" s="453"/>
      <c r="EP5" s="144" t="s">
        <v>43</v>
      </c>
      <c r="EQ5" s="145" t="s">
        <v>44</v>
      </c>
      <c r="ER5" s="149" t="s">
        <v>45</v>
      </c>
      <c r="ES5" s="147" t="s">
        <v>83</v>
      </c>
      <c r="ET5" s="145" t="s">
        <v>47</v>
      </c>
      <c r="EU5" s="145" t="s">
        <v>48</v>
      </c>
      <c r="EV5" s="145" t="s">
        <v>49</v>
      </c>
      <c r="EW5" s="145" t="s">
        <v>50</v>
      </c>
      <c r="EX5" s="145" t="s">
        <v>51</v>
      </c>
      <c r="EY5" s="149" t="s">
        <v>45</v>
      </c>
      <c r="EZ5" s="453"/>
    </row>
    <row r="6" spans="2:156" ht="21" customHeight="1" x14ac:dyDescent="0.2">
      <c r="B6" s="150" t="s">
        <v>4</v>
      </c>
      <c r="C6" s="151">
        <v>0</v>
      </c>
      <c r="D6" s="152">
        <v>1</v>
      </c>
      <c r="E6" s="153">
        <v>1</v>
      </c>
      <c r="F6" s="154">
        <v>0</v>
      </c>
      <c r="G6" s="152">
        <v>18977</v>
      </c>
      <c r="H6" s="152">
        <v>23554</v>
      </c>
      <c r="I6" s="152">
        <v>12614</v>
      </c>
      <c r="J6" s="152">
        <v>9992</v>
      </c>
      <c r="K6" s="152">
        <v>7610</v>
      </c>
      <c r="L6" s="155">
        <v>72747</v>
      </c>
      <c r="M6" s="156">
        <v>72748</v>
      </c>
      <c r="N6" s="151">
        <v>4</v>
      </c>
      <c r="O6" s="152">
        <v>18</v>
      </c>
      <c r="P6" s="157">
        <v>22</v>
      </c>
      <c r="Q6" s="154">
        <v>0</v>
      </c>
      <c r="R6" s="152">
        <v>118</v>
      </c>
      <c r="S6" s="152">
        <v>408</v>
      </c>
      <c r="T6" s="152">
        <v>775</v>
      </c>
      <c r="U6" s="152">
        <v>2007</v>
      </c>
      <c r="V6" s="152">
        <v>3421</v>
      </c>
      <c r="W6" s="157">
        <v>6729</v>
      </c>
      <c r="X6" s="156">
        <v>6751</v>
      </c>
      <c r="Y6" s="151">
        <v>2418</v>
      </c>
      <c r="Z6" s="152">
        <v>6264</v>
      </c>
      <c r="AA6" s="157">
        <v>8682</v>
      </c>
      <c r="AB6" s="154">
        <v>0</v>
      </c>
      <c r="AC6" s="152">
        <v>12565</v>
      </c>
      <c r="AD6" s="152">
        <v>18083</v>
      </c>
      <c r="AE6" s="152">
        <v>10533</v>
      </c>
      <c r="AF6" s="152">
        <v>8689</v>
      </c>
      <c r="AG6" s="152">
        <v>6550</v>
      </c>
      <c r="AH6" s="157">
        <v>56420</v>
      </c>
      <c r="AI6" s="156">
        <v>65102</v>
      </c>
      <c r="AJ6" s="151">
        <v>255</v>
      </c>
      <c r="AK6" s="152">
        <v>823</v>
      </c>
      <c r="AL6" s="157">
        <v>1078</v>
      </c>
      <c r="AM6" s="154">
        <v>0</v>
      </c>
      <c r="AN6" s="152">
        <v>1106</v>
      </c>
      <c r="AO6" s="152">
        <v>1763</v>
      </c>
      <c r="AP6" s="152">
        <v>1059</v>
      </c>
      <c r="AQ6" s="152">
        <v>874</v>
      </c>
      <c r="AR6" s="152">
        <v>585</v>
      </c>
      <c r="AS6" s="157">
        <v>5387</v>
      </c>
      <c r="AT6" s="156">
        <v>6465</v>
      </c>
      <c r="AU6" s="151">
        <v>2995</v>
      </c>
      <c r="AV6" s="152">
        <v>4245</v>
      </c>
      <c r="AW6" s="157">
        <v>7240</v>
      </c>
      <c r="AX6" s="154">
        <v>0</v>
      </c>
      <c r="AY6" s="152">
        <v>18950</v>
      </c>
      <c r="AZ6" s="152">
        <v>24443</v>
      </c>
      <c r="BA6" s="152">
        <v>20777</v>
      </c>
      <c r="BB6" s="152">
        <v>19979</v>
      </c>
      <c r="BC6" s="152">
        <v>14862</v>
      </c>
      <c r="BD6" s="155">
        <v>99011</v>
      </c>
      <c r="BE6" s="156">
        <v>106251</v>
      </c>
      <c r="BF6" s="151">
        <v>0</v>
      </c>
      <c r="BG6" s="152">
        <v>0</v>
      </c>
      <c r="BH6" s="157">
        <v>0</v>
      </c>
      <c r="BI6" s="154">
        <v>0</v>
      </c>
      <c r="BJ6" s="152">
        <v>22315</v>
      </c>
      <c r="BK6" s="152">
        <v>21675</v>
      </c>
      <c r="BL6" s="152">
        <v>11132</v>
      </c>
      <c r="BM6" s="152">
        <v>6260</v>
      </c>
      <c r="BN6" s="152">
        <v>3048</v>
      </c>
      <c r="BO6" s="157">
        <v>64430</v>
      </c>
      <c r="BP6" s="156">
        <v>64430</v>
      </c>
      <c r="BQ6" s="151">
        <v>1710</v>
      </c>
      <c r="BR6" s="152">
        <v>2792</v>
      </c>
      <c r="BS6" s="157">
        <v>4502</v>
      </c>
      <c r="BT6" s="154">
        <v>0</v>
      </c>
      <c r="BU6" s="152">
        <v>4516</v>
      </c>
      <c r="BV6" s="152">
        <v>6574</v>
      </c>
      <c r="BW6" s="152">
        <v>3705</v>
      </c>
      <c r="BX6" s="152">
        <v>2265</v>
      </c>
      <c r="BY6" s="152">
        <v>816</v>
      </c>
      <c r="BZ6" s="157">
        <v>17876</v>
      </c>
      <c r="CA6" s="156">
        <v>22378</v>
      </c>
      <c r="CB6" s="151">
        <v>62</v>
      </c>
      <c r="CC6" s="152">
        <v>201</v>
      </c>
      <c r="CD6" s="157">
        <v>263</v>
      </c>
      <c r="CE6" s="154">
        <v>0</v>
      </c>
      <c r="CF6" s="152">
        <v>2120</v>
      </c>
      <c r="CG6" s="152">
        <v>3724</v>
      </c>
      <c r="CH6" s="152">
        <v>4356</v>
      </c>
      <c r="CI6" s="152">
        <v>3170</v>
      </c>
      <c r="CJ6" s="152">
        <v>1742</v>
      </c>
      <c r="CK6" s="157">
        <v>15112</v>
      </c>
      <c r="CL6" s="156">
        <v>15375</v>
      </c>
      <c r="CM6" s="151">
        <v>7</v>
      </c>
      <c r="CN6" s="152">
        <v>23</v>
      </c>
      <c r="CO6" s="157">
        <v>30</v>
      </c>
      <c r="CP6" s="154">
        <v>0</v>
      </c>
      <c r="CQ6" s="152">
        <v>216</v>
      </c>
      <c r="CR6" s="152">
        <v>505</v>
      </c>
      <c r="CS6" s="152">
        <v>522</v>
      </c>
      <c r="CT6" s="152">
        <v>531</v>
      </c>
      <c r="CU6" s="152">
        <v>306</v>
      </c>
      <c r="CV6" s="157">
        <v>2080</v>
      </c>
      <c r="CW6" s="156">
        <v>2110</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597</v>
      </c>
      <c r="DU6" s="152">
        <v>24869</v>
      </c>
      <c r="DV6" s="157">
        <v>36466</v>
      </c>
      <c r="DW6" s="154">
        <v>0</v>
      </c>
      <c r="DX6" s="152">
        <v>28041</v>
      </c>
      <c r="DY6" s="152">
        <v>47571</v>
      </c>
      <c r="DZ6" s="152">
        <v>26840</v>
      </c>
      <c r="EA6" s="152">
        <v>20404</v>
      </c>
      <c r="EB6" s="152">
        <v>12999</v>
      </c>
      <c r="EC6" s="157">
        <v>135855</v>
      </c>
      <c r="ED6" s="156">
        <v>172321</v>
      </c>
      <c r="EE6" s="151">
        <v>1637</v>
      </c>
      <c r="EF6" s="152">
        <v>1307</v>
      </c>
      <c r="EG6" s="157">
        <v>2944</v>
      </c>
      <c r="EH6" s="154">
        <v>0</v>
      </c>
      <c r="EI6" s="152">
        <v>6168</v>
      </c>
      <c r="EJ6" s="152">
        <v>5824</v>
      </c>
      <c r="EK6" s="152">
        <v>4970</v>
      </c>
      <c r="EL6" s="152">
        <v>5615</v>
      </c>
      <c r="EM6" s="152">
        <v>3184</v>
      </c>
      <c r="EN6" s="157">
        <v>25761</v>
      </c>
      <c r="EO6" s="156">
        <v>28705</v>
      </c>
      <c r="EP6" s="151">
        <v>14801</v>
      </c>
      <c r="EQ6" s="152">
        <v>29584</v>
      </c>
      <c r="ER6" s="157">
        <v>44385</v>
      </c>
      <c r="ES6" s="154">
        <v>0</v>
      </c>
      <c r="ET6" s="152">
        <v>58037</v>
      </c>
      <c r="EU6" s="152">
        <v>62834</v>
      </c>
      <c r="EV6" s="152">
        <v>31915</v>
      </c>
      <c r="EW6" s="152">
        <v>21726</v>
      </c>
      <c r="EX6" s="152">
        <v>13285</v>
      </c>
      <c r="EY6" s="157">
        <v>187797</v>
      </c>
      <c r="EZ6" s="156">
        <v>232182</v>
      </c>
    </row>
    <row r="7" spans="2:156" ht="21" customHeight="1" x14ac:dyDescent="0.2">
      <c r="B7" s="158" t="s">
        <v>5</v>
      </c>
      <c r="C7" s="159">
        <v>0</v>
      </c>
      <c r="D7" s="160">
        <v>1</v>
      </c>
      <c r="E7" s="161">
        <v>1</v>
      </c>
      <c r="F7" s="162">
        <v>0</v>
      </c>
      <c r="G7" s="160">
        <v>6565</v>
      </c>
      <c r="H7" s="160">
        <v>11533</v>
      </c>
      <c r="I7" s="160">
        <v>5458</v>
      </c>
      <c r="J7" s="160">
        <v>4042</v>
      </c>
      <c r="K7" s="160">
        <v>3056</v>
      </c>
      <c r="L7" s="163">
        <v>30654</v>
      </c>
      <c r="M7" s="164">
        <v>30655</v>
      </c>
      <c r="N7" s="159">
        <v>3</v>
      </c>
      <c r="O7" s="160">
        <v>8</v>
      </c>
      <c r="P7" s="165">
        <v>11</v>
      </c>
      <c r="Q7" s="162">
        <v>0</v>
      </c>
      <c r="R7" s="160">
        <v>26</v>
      </c>
      <c r="S7" s="160">
        <v>136</v>
      </c>
      <c r="T7" s="160">
        <v>307</v>
      </c>
      <c r="U7" s="160">
        <v>797</v>
      </c>
      <c r="V7" s="160">
        <v>1474</v>
      </c>
      <c r="W7" s="165">
        <v>2740</v>
      </c>
      <c r="X7" s="164">
        <v>2751</v>
      </c>
      <c r="Y7" s="159">
        <v>1034</v>
      </c>
      <c r="Z7" s="160">
        <v>3256</v>
      </c>
      <c r="AA7" s="165">
        <v>4290</v>
      </c>
      <c r="AB7" s="162">
        <v>0</v>
      </c>
      <c r="AC7" s="160">
        <v>4404</v>
      </c>
      <c r="AD7" s="160">
        <v>9028</v>
      </c>
      <c r="AE7" s="160">
        <v>4985</v>
      </c>
      <c r="AF7" s="160">
        <v>3844</v>
      </c>
      <c r="AG7" s="160">
        <v>2808</v>
      </c>
      <c r="AH7" s="165">
        <v>25069</v>
      </c>
      <c r="AI7" s="164">
        <v>29359</v>
      </c>
      <c r="AJ7" s="159">
        <v>86</v>
      </c>
      <c r="AK7" s="160">
        <v>404</v>
      </c>
      <c r="AL7" s="165">
        <v>490</v>
      </c>
      <c r="AM7" s="162">
        <v>0</v>
      </c>
      <c r="AN7" s="160">
        <v>281</v>
      </c>
      <c r="AO7" s="160">
        <v>736</v>
      </c>
      <c r="AP7" s="160">
        <v>465</v>
      </c>
      <c r="AQ7" s="160">
        <v>351</v>
      </c>
      <c r="AR7" s="160">
        <v>224</v>
      </c>
      <c r="AS7" s="165">
        <v>2057</v>
      </c>
      <c r="AT7" s="164">
        <v>2547</v>
      </c>
      <c r="AU7" s="159">
        <v>1247</v>
      </c>
      <c r="AV7" s="160">
        <v>2092</v>
      </c>
      <c r="AW7" s="165">
        <v>3339</v>
      </c>
      <c r="AX7" s="162">
        <v>0</v>
      </c>
      <c r="AY7" s="160">
        <v>6844</v>
      </c>
      <c r="AZ7" s="160">
        <v>10806</v>
      </c>
      <c r="BA7" s="160">
        <v>8554</v>
      </c>
      <c r="BB7" s="160">
        <v>8105</v>
      </c>
      <c r="BC7" s="160">
        <v>6059</v>
      </c>
      <c r="BD7" s="163">
        <v>40368</v>
      </c>
      <c r="BE7" s="164">
        <v>43707</v>
      </c>
      <c r="BF7" s="159">
        <v>0</v>
      </c>
      <c r="BG7" s="160">
        <v>0</v>
      </c>
      <c r="BH7" s="165">
        <v>0</v>
      </c>
      <c r="BI7" s="162">
        <v>0</v>
      </c>
      <c r="BJ7" s="160">
        <v>6886</v>
      </c>
      <c r="BK7" s="160">
        <v>8853</v>
      </c>
      <c r="BL7" s="160">
        <v>4158</v>
      </c>
      <c r="BM7" s="160">
        <v>2231</v>
      </c>
      <c r="BN7" s="160">
        <v>1111</v>
      </c>
      <c r="BO7" s="165">
        <v>23239</v>
      </c>
      <c r="BP7" s="164">
        <v>23239</v>
      </c>
      <c r="BQ7" s="159">
        <v>748</v>
      </c>
      <c r="BR7" s="160">
        <v>1293</v>
      </c>
      <c r="BS7" s="165">
        <v>2041</v>
      </c>
      <c r="BT7" s="162">
        <v>0</v>
      </c>
      <c r="BU7" s="160">
        <v>1305</v>
      </c>
      <c r="BV7" s="160">
        <v>2999</v>
      </c>
      <c r="BW7" s="160">
        <v>1653</v>
      </c>
      <c r="BX7" s="160">
        <v>1026</v>
      </c>
      <c r="BY7" s="160">
        <v>348</v>
      </c>
      <c r="BZ7" s="165">
        <v>7331</v>
      </c>
      <c r="CA7" s="164">
        <v>9372</v>
      </c>
      <c r="CB7" s="159">
        <v>19</v>
      </c>
      <c r="CC7" s="160">
        <v>74</v>
      </c>
      <c r="CD7" s="165">
        <v>93</v>
      </c>
      <c r="CE7" s="162">
        <v>0</v>
      </c>
      <c r="CF7" s="160">
        <v>622</v>
      </c>
      <c r="CG7" s="160">
        <v>1406</v>
      </c>
      <c r="CH7" s="160">
        <v>1630</v>
      </c>
      <c r="CI7" s="160">
        <v>1117</v>
      </c>
      <c r="CJ7" s="160">
        <v>652</v>
      </c>
      <c r="CK7" s="165">
        <v>5427</v>
      </c>
      <c r="CL7" s="164">
        <v>5520</v>
      </c>
      <c r="CM7" s="159">
        <v>4</v>
      </c>
      <c r="CN7" s="160">
        <v>14</v>
      </c>
      <c r="CO7" s="165">
        <v>18</v>
      </c>
      <c r="CP7" s="162">
        <v>0</v>
      </c>
      <c r="CQ7" s="160">
        <v>84</v>
      </c>
      <c r="CR7" s="160">
        <v>288</v>
      </c>
      <c r="CS7" s="160">
        <v>305</v>
      </c>
      <c r="CT7" s="160">
        <v>324</v>
      </c>
      <c r="CU7" s="160">
        <v>183</v>
      </c>
      <c r="CV7" s="165">
        <v>1184</v>
      </c>
      <c r="CW7" s="164">
        <v>1202</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83</v>
      </c>
      <c r="DU7" s="160">
        <v>10628</v>
      </c>
      <c r="DV7" s="165">
        <v>14511</v>
      </c>
      <c r="DW7" s="162">
        <v>0</v>
      </c>
      <c r="DX7" s="160">
        <v>7900</v>
      </c>
      <c r="DY7" s="160">
        <v>21093</v>
      </c>
      <c r="DZ7" s="160">
        <v>11069</v>
      </c>
      <c r="EA7" s="160">
        <v>8123</v>
      </c>
      <c r="EB7" s="160">
        <v>5271</v>
      </c>
      <c r="EC7" s="165">
        <v>53456</v>
      </c>
      <c r="ED7" s="164">
        <v>67967</v>
      </c>
      <c r="EE7" s="159">
        <v>682</v>
      </c>
      <c r="EF7" s="160">
        <v>610</v>
      </c>
      <c r="EG7" s="165">
        <v>1292</v>
      </c>
      <c r="EH7" s="162">
        <v>0</v>
      </c>
      <c r="EI7" s="160">
        <v>2458</v>
      </c>
      <c r="EJ7" s="160">
        <v>2799</v>
      </c>
      <c r="EK7" s="160">
        <v>2179</v>
      </c>
      <c r="EL7" s="160">
        <v>2490</v>
      </c>
      <c r="EM7" s="160">
        <v>1356</v>
      </c>
      <c r="EN7" s="165">
        <v>11282</v>
      </c>
      <c r="EO7" s="164">
        <v>12574</v>
      </c>
      <c r="EP7" s="159">
        <v>5264</v>
      </c>
      <c r="EQ7" s="160">
        <v>13038</v>
      </c>
      <c r="ER7" s="165">
        <v>18302</v>
      </c>
      <c r="ES7" s="162">
        <v>0</v>
      </c>
      <c r="ET7" s="160">
        <v>18749</v>
      </c>
      <c r="EU7" s="160">
        <v>28396</v>
      </c>
      <c r="EV7" s="160">
        <v>13383</v>
      </c>
      <c r="EW7" s="160">
        <v>8747</v>
      </c>
      <c r="EX7" s="160">
        <v>5438</v>
      </c>
      <c r="EY7" s="165">
        <v>74713</v>
      </c>
      <c r="EZ7" s="164">
        <v>93015</v>
      </c>
    </row>
    <row r="8" spans="2:156" ht="21" customHeight="1" x14ac:dyDescent="0.2">
      <c r="B8" s="166" t="s">
        <v>6</v>
      </c>
      <c r="C8" s="159">
        <v>0</v>
      </c>
      <c r="D8" s="160">
        <v>0</v>
      </c>
      <c r="E8" s="161">
        <v>0</v>
      </c>
      <c r="F8" s="162">
        <v>0</v>
      </c>
      <c r="G8" s="160">
        <v>3428</v>
      </c>
      <c r="H8" s="160">
        <v>3163</v>
      </c>
      <c r="I8" s="160">
        <v>1798</v>
      </c>
      <c r="J8" s="160">
        <v>1497</v>
      </c>
      <c r="K8" s="160">
        <v>1221</v>
      </c>
      <c r="L8" s="163">
        <v>11107</v>
      </c>
      <c r="M8" s="164">
        <v>11107</v>
      </c>
      <c r="N8" s="159">
        <v>1</v>
      </c>
      <c r="O8" s="160">
        <v>2</v>
      </c>
      <c r="P8" s="165">
        <v>3</v>
      </c>
      <c r="Q8" s="162">
        <v>0</v>
      </c>
      <c r="R8" s="160">
        <v>21</v>
      </c>
      <c r="S8" s="160">
        <v>53</v>
      </c>
      <c r="T8" s="160">
        <v>100</v>
      </c>
      <c r="U8" s="160">
        <v>253</v>
      </c>
      <c r="V8" s="160">
        <v>523</v>
      </c>
      <c r="W8" s="165">
        <v>950</v>
      </c>
      <c r="X8" s="164">
        <v>953</v>
      </c>
      <c r="Y8" s="159">
        <v>371</v>
      </c>
      <c r="Z8" s="160">
        <v>812</v>
      </c>
      <c r="AA8" s="165">
        <v>1183</v>
      </c>
      <c r="AB8" s="162">
        <v>0</v>
      </c>
      <c r="AC8" s="160">
        <v>2376</v>
      </c>
      <c r="AD8" s="160">
        <v>2456</v>
      </c>
      <c r="AE8" s="160">
        <v>1424</v>
      </c>
      <c r="AF8" s="160">
        <v>1160</v>
      </c>
      <c r="AG8" s="160">
        <v>942</v>
      </c>
      <c r="AH8" s="165">
        <v>8358</v>
      </c>
      <c r="AI8" s="164">
        <v>9541</v>
      </c>
      <c r="AJ8" s="159">
        <v>25</v>
      </c>
      <c r="AK8" s="160">
        <v>66</v>
      </c>
      <c r="AL8" s="165">
        <v>91</v>
      </c>
      <c r="AM8" s="162">
        <v>0</v>
      </c>
      <c r="AN8" s="160">
        <v>180</v>
      </c>
      <c r="AO8" s="160">
        <v>196</v>
      </c>
      <c r="AP8" s="160">
        <v>103</v>
      </c>
      <c r="AQ8" s="160">
        <v>110</v>
      </c>
      <c r="AR8" s="160">
        <v>76</v>
      </c>
      <c r="AS8" s="165">
        <v>665</v>
      </c>
      <c r="AT8" s="164">
        <v>756</v>
      </c>
      <c r="AU8" s="159">
        <v>503</v>
      </c>
      <c r="AV8" s="160">
        <v>617</v>
      </c>
      <c r="AW8" s="165">
        <v>1120</v>
      </c>
      <c r="AX8" s="162">
        <v>0</v>
      </c>
      <c r="AY8" s="160">
        <v>3631</v>
      </c>
      <c r="AZ8" s="160">
        <v>4008</v>
      </c>
      <c r="BA8" s="160">
        <v>3375</v>
      </c>
      <c r="BB8" s="160">
        <v>3236</v>
      </c>
      <c r="BC8" s="160">
        <v>2555</v>
      </c>
      <c r="BD8" s="163">
        <v>16805</v>
      </c>
      <c r="BE8" s="164">
        <v>17925</v>
      </c>
      <c r="BF8" s="159">
        <v>0</v>
      </c>
      <c r="BG8" s="160">
        <v>0</v>
      </c>
      <c r="BH8" s="165">
        <v>0</v>
      </c>
      <c r="BI8" s="162">
        <v>0</v>
      </c>
      <c r="BJ8" s="160">
        <v>3755</v>
      </c>
      <c r="BK8" s="160">
        <v>3067</v>
      </c>
      <c r="BL8" s="160">
        <v>1590</v>
      </c>
      <c r="BM8" s="160">
        <v>941</v>
      </c>
      <c r="BN8" s="160">
        <v>474</v>
      </c>
      <c r="BO8" s="165">
        <v>9827</v>
      </c>
      <c r="BP8" s="164">
        <v>9827</v>
      </c>
      <c r="BQ8" s="159">
        <v>123</v>
      </c>
      <c r="BR8" s="160">
        <v>210</v>
      </c>
      <c r="BS8" s="165">
        <v>333</v>
      </c>
      <c r="BT8" s="162">
        <v>0</v>
      </c>
      <c r="BU8" s="160">
        <v>655</v>
      </c>
      <c r="BV8" s="160">
        <v>733</v>
      </c>
      <c r="BW8" s="160">
        <v>450</v>
      </c>
      <c r="BX8" s="160">
        <v>280</v>
      </c>
      <c r="BY8" s="160">
        <v>108</v>
      </c>
      <c r="BZ8" s="165">
        <v>2226</v>
      </c>
      <c r="CA8" s="164">
        <v>2559</v>
      </c>
      <c r="CB8" s="159">
        <v>6</v>
      </c>
      <c r="CC8" s="160">
        <v>24</v>
      </c>
      <c r="CD8" s="165">
        <v>30</v>
      </c>
      <c r="CE8" s="162">
        <v>0</v>
      </c>
      <c r="CF8" s="160">
        <v>251</v>
      </c>
      <c r="CG8" s="160">
        <v>429</v>
      </c>
      <c r="CH8" s="160">
        <v>529</v>
      </c>
      <c r="CI8" s="160">
        <v>394</v>
      </c>
      <c r="CJ8" s="160">
        <v>249</v>
      </c>
      <c r="CK8" s="165">
        <v>1852</v>
      </c>
      <c r="CL8" s="164">
        <v>1882</v>
      </c>
      <c r="CM8" s="159">
        <v>1</v>
      </c>
      <c r="CN8" s="160">
        <v>3</v>
      </c>
      <c r="CO8" s="165">
        <v>4</v>
      </c>
      <c r="CP8" s="162">
        <v>0</v>
      </c>
      <c r="CQ8" s="160">
        <v>42</v>
      </c>
      <c r="CR8" s="160">
        <v>64</v>
      </c>
      <c r="CS8" s="160">
        <v>65</v>
      </c>
      <c r="CT8" s="160">
        <v>60</v>
      </c>
      <c r="CU8" s="160">
        <v>46</v>
      </c>
      <c r="CV8" s="165">
        <v>277</v>
      </c>
      <c r="CW8" s="164">
        <v>281</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12</v>
      </c>
      <c r="DU8" s="160">
        <v>3036</v>
      </c>
      <c r="DV8" s="165">
        <v>4748</v>
      </c>
      <c r="DW8" s="162">
        <v>0</v>
      </c>
      <c r="DX8" s="160">
        <v>5145</v>
      </c>
      <c r="DY8" s="160">
        <v>6274</v>
      </c>
      <c r="DZ8" s="160">
        <v>3740</v>
      </c>
      <c r="EA8" s="160">
        <v>2984</v>
      </c>
      <c r="EB8" s="160">
        <v>2022</v>
      </c>
      <c r="EC8" s="165">
        <v>20165</v>
      </c>
      <c r="ED8" s="164">
        <v>24913</v>
      </c>
      <c r="EE8" s="159">
        <v>235</v>
      </c>
      <c r="EF8" s="160">
        <v>163</v>
      </c>
      <c r="EG8" s="165">
        <v>398</v>
      </c>
      <c r="EH8" s="162">
        <v>0</v>
      </c>
      <c r="EI8" s="160">
        <v>925</v>
      </c>
      <c r="EJ8" s="160">
        <v>760</v>
      </c>
      <c r="EK8" s="160">
        <v>703</v>
      </c>
      <c r="EL8" s="160">
        <v>804</v>
      </c>
      <c r="EM8" s="160">
        <v>506</v>
      </c>
      <c r="EN8" s="165">
        <v>3698</v>
      </c>
      <c r="EO8" s="164">
        <v>4096</v>
      </c>
      <c r="EP8" s="159">
        <v>2095</v>
      </c>
      <c r="EQ8" s="160">
        <v>3568</v>
      </c>
      <c r="ER8" s="165">
        <v>5663</v>
      </c>
      <c r="ES8" s="162">
        <v>0</v>
      </c>
      <c r="ET8" s="160">
        <v>9653</v>
      </c>
      <c r="EU8" s="160">
        <v>8089</v>
      </c>
      <c r="EV8" s="160">
        <v>4327</v>
      </c>
      <c r="EW8" s="160">
        <v>3111</v>
      </c>
      <c r="EX8" s="160">
        <v>2058</v>
      </c>
      <c r="EY8" s="165">
        <v>27238</v>
      </c>
      <c r="EZ8" s="164">
        <v>32901</v>
      </c>
    </row>
    <row r="9" spans="2:156" ht="21" customHeight="1" x14ac:dyDescent="0.2">
      <c r="B9" s="166" t="s">
        <v>14</v>
      </c>
      <c r="C9" s="159">
        <v>0</v>
      </c>
      <c r="D9" s="160">
        <v>0</v>
      </c>
      <c r="E9" s="161">
        <v>0</v>
      </c>
      <c r="F9" s="162">
        <v>0</v>
      </c>
      <c r="G9" s="160">
        <v>1173</v>
      </c>
      <c r="H9" s="160">
        <v>1765</v>
      </c>
      <c r="I9" s="160">
        <v>1052</v>
      </c>
      <c r="J9" s="160">
        <v>806</v>
      </c>
      <c r="K9" s="160">
        <v>522</v>
      </c>
      <c r="L9" s="163">
        <v>5318</v>
      </c>
      <c r="M9" s="164">
        <v>5318</v>
      </c>
      <c r="N9" s="159">
        <v>0</v>
      </c>
      <c r="O9" s="160">
        <v>1</v>
      </c>
      <c r="P9" s="165">
        <v>1</v>
      </c>
      <c r="Q9" s="162">
        <v>0</v>
      </c>
      <c r="R9" s="160">
        <v>2</v>
      </c>
      <c r="S9" s="160">
        <v>24</v>
      </c>
      <c r="T9" s="160">
        <v>47</v>
      </c>
      <c r="U9" s="160">
        <v>157</v>
      </c>
      <c r="V9" s="160">
        <v>213</v>
      </c>
      <c r="W9" s="165">
        <v>443</v>
      </c>
      <c r="X9" s="164">
        <v>444</v>
      </c>
      <c r="Y9" s="159">
        <v>118</v>
      </c>
      <c r="Z9" s="160">
        <v>432</v>
      </c>
      <c r="AA9" s="165">
        <v>550</v>
      </c>
      <c r="AB9" s="162">
        <v>0</v>
      </c>
      <c r="AC9" s="160">
        <v>742</v>
      </c>
      <c r="AD9" s="160">
        <v>1248</v>
      </c>
      <c r="AE9" s="160">
        <v>839</v>
      </c>
      <c r="AF9" s="160">
        <v>657</v>
      </c>
      <c r="AG9" s="160">
        <v>437</v>
      </c>
      <c r="AH9" s="165">
        <v>3923</v>
      </c>
      <c r="AI9" s="164">
        <v>4473</v>
      </c>
      <c r="AJ9" s="159">
        <v>7</v>
      </c>
      <c r="AK9" s="160">
        <v>39</v>
      </c>
      <c r="AL9" s="165">
        <v>46</v>
      </c>
      <c r="AM9" s="162">
        <v>0</v>
      </c>
      <c r="AN9" s="160">
        <v>23</v>
      </c>
      <c r="AO9" s="160">
        <v>69</v>
      </c>
      <c r="AP9" s="160">
        <v>51</v>
      </c>
      <c r="AQ9" s="160">
        <v>41</v>
      </c>
      <c r="AR9" s="160">
        <v>19</v>
      </c>
      <c r="AS9" s="165">
        <v>203</v>
      </c>
      <c r="AT9" s="164">
        <v>249</v>
      </c>
      <c r="AU9" s="159">
        <v>214</v>
      </c>
      <c r="AV9" s="160">
        <v>370</v>
      </c>
      <c r="AW9" s="165">
        <v>584</v>
      </c>
      <c r="AX9" s="162">
        <v>0</v>
      </c>
      <c r="AY9" s="160">
        <v>1277</v>
      </c>
      <c r="AZ9" s="160">
        <v>1795</v>
      </c>
      <c r="BA9" s="160">
        <v>1790</v>
      </c>
      <c r="BB9" s="160">
        <v>1545</v>
      </c>
      <c r="BC9" s="160">
        <v>1018</v>
      </c>
      <c r="BD9" s="163">
        <v>7425</v>
      </c>
      <c r="BE9" s="164">
        <v>8009</v>
      </c>
      <c r="BF9" s="159">
        <v>0</v>
      </c>
      <c r="BG9" s="160">
        <v>0</v>
      </c>
      <c r="BH9" s="165">
        <v>0</v>
      </c>
      <c r="BI9" s="162">
        <v>0</v>
      </c>
      <c r="BJ9" s="160">
        <v>1646</v>
      </c>
      <c r="BK9" s="160">
        <v>1903</v>
      </c>
      <c r="BL9" s="160">
        <v>1141</v>
      </c>
      <c r="BM9" s="160">
        <v>569</v>
      </c>
      <c r="BN9" s="160">
        <v>264</v>
      </c>
      <c r="BO9" s="165">
        <v>5523</v>
      </c>
      <c r="BP9" s="164">
        <v>5523</v>
      </c>
      <c r="BQ9" s="159">
        <v>90</v>
      </c>
      <c r="BR9" s="160">
        <v>176</v>
      </c>
      <c r="BS9" s="165">
        <v>266</v>
      </c>
      <c r="BT9" s="162">
        <v>0</v>
      </c>
      <c r="BU9" s="160">
        <v>156</v>
      </c>
      <c r="BV9" s="160">
        <v>408</v>
      </c>
      <c r="BW9" s="160">
        <v>249</v>
      </c>
      <c r="BX9" s="160">
        <v>129</v>
      </c>
      <c r="BY9" s="160">
        <v>43</v>
      </c>
      <c r="BZ9" s="165">
        <v>985</v>
      </c>
      <c r="CA9" s="164">
        <v>1251</v>
      </c>
      <c r="CB9" s="159">
        <v>2</v>
      </c>
      <c r="CC9" s="160">
        <v>9</v>
      </c>
      <c r="CD9" s="165">
        <v>11</v>
      </c>
      <c r="CE9" s="162">
        <v>0</v>
      </c>
      <c r="CF9" s="160">
        <v>119</v>
      </c>
      <c r="CG9" s="160">
        <v>301</v>
      </c>
      <c r="CH9" s="160">
        <v>355</v>
      </c>
      <c r="CI9" s="160">
        <v>288</v>
      </c>
      <c r="CJ9" s="160">
        <v>130</v>
      </c>
      <c r="CK9" s="165">
        <v>1193</v>
      </c>
      <c r="CL9" s="164">
        <v>1204</v>
      </c>
      <c r="CM9" s="159">
        <v>0</v>
      </c>
      <c r="CN9" s="160">
        <v>1</v>
      </c>
      <c r="CO9" s="165">
        <v>1</v>
      </c>
      <c r="CP9" s="162">
        <v>0</v>
      </c>
      <c r="CQ9" s="160">
        <v>2</v>
      </c>
      <c r="CR9" s="160">
        <v>4</v>
      </c>
      <c r="CS9" s="160">
        <v>9</v>
      </c>
      <c r="CT9" s="160">
        <v>10</v>
      </c>
      <c r="CU9" s="160">
        <v>4</v>
      </c>
      <c r="CV9" s="165">
        <v>29</v>
      </c>
      <c r="CW9" s="164">
        <v>30</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880</v>
      </c>
      <c r="DU9" s="160">
        <v>2450</v>
      </c>
      <c r="DV9" s="165">
        <v>3330</v>
      </c>
      <c r="DW9" s="162">
        <v>0</v>
      </c>
      <c r="DX9" s="160">
        <v>1932</v>
      </c>
      <c r="DY9" s="160">
        <v>3942</v>
      </c>
      <c r="DZ9" s="160">
        <v>2397</v>
      </c>
      <c r="EA9" s="160">
        <v>1710</v>
      </c>
      <c r="EB9" s="160">
        <v>951</v>
      </c>
      <c r="EC9" s="165">
        <v>10932</v>
      </c>
      <c r="ED9" s="164">
        <v>14262</v>
      </c>
      <c r="EE9" s="159">
        <v>111</v>
      </c>
      <c r="EF9" s="160">
        <v>112</v>
      </c>
      <c r="EG9" s="165">
        <v>223</v>
      </c>
      <c r="EH9" s="162">
        <v>0</v>
      </c>
      <c r="EI9" s="160">
        <v>345</v>
      </c>
      <c r="EJ9" s="160">
        <v>284</v>
      </c>
      <c r="EK9" s="160">
        <v>289</v>
      </c>
      <c r="EL9" s="160">
        <v>322</v>
      </c>
      <c r="EM9" s="160">
        <v>160</v>
      </c>
      <c r="EN9" s="165">
        <v>1400</v>
      </c>
      <c r="EO9" s="164">
        <v>1623</v>
      </c>
      <c r="EP9" s="159">
        <v>1026</v>
      </c>
      <c r="EQ9" s="160">
        <v>2723</v>
      </c>
      <c r="ER9" s="165">
        <v>3749</v>
      </c>
      <c r="ES9" s="162">
        <v>0</v>
      </c>
      <c r="ET9" s="160">
        <v>3991</v>
      </c>
      <c r="EU9" s="160">
        <v>5192</v>
      </c>
      <c r="EV9" s="160">
        <v>2840</v>
      </c>
      <c r="EW9" s="160">
        <v>1837</v>
      </c>
      <c r="EX9" s="160">
        <v>981</v>
      </c>
      <c r="EY9" s="165">
        <v>14841</v>
      </c>
      <c r="EZ9" s="164">
        <v>18590</v>
      </c>
    </row>
    <row r="10" spans="2:156" ht="21" customHeight="1" x14ac:dyDescent="0.2">
      <c r="B10" s="166" t="s">
        <v>7</v>
      </c>
      <c r="C10" s="159">
        <v>0</v>
      </c>
      <c r="D10" s="160">
        <v>0</v>
      </c>
      <c r="E10" s="161">
        <v>0</v>
      </c>
      <c r="F10" s="162">
        <v>0</v>
      </c>
      <c r="G10" s="160">
        <v>1495</v>
      </c>
      <c r="H10" s="160">
        <v>1099</v>
      </c>
      <c r="I10" s="160">
        <v>555</v>
      </c>
      <c r="J10" s="160">
        <v>529</v>
      </c>
      <c r="K10" s="160">
        <v>367</v>
      </c>
      <c r="L10" s="163">
        <v>4045</v>
      </c>
      <c r="M10" s="164">
        <v>4045</v>
      </c>
      <c r="N10" s="159">
        <v>0</v>
      </c>
      <c r="O10" s="160">
        <v>0</v>
      </c>
      <c r="P10" s="165">
        <v>0</v>
      </c>
      <c r="Q10" s="162">
        <v>0</v>
      </c>
      <c r="R10" s="160">
        <v>12</v>
      </c>
      <c r="S10" s="160">
        <v>42</v>
      </c>
      <c r="T10" s="160">
        <v>47</v>
      </c>
      <c r="U10" s="160">
        <v>150</v>
      </c>
      <c r="V10" s="160">
        <v>209</v>
      </c>
      <c r="W10" s="165">
        <v>460</v>
      </c>
      <c r="X10" s="164">
        <v>460</v>
      </c>
      <c r="Y10" s="159">
        <v>24</v>
      </c>
      <c r="Z10" s="160">
        <v>34</v>
      </c>
      <c r="AA10" s="165">
        <v>58</v>
      </c>
      <c r="AB10" s="162">
        <v>0</v>
      </c>
      <c r="AC10" s="160">
        <v>579</v>
      </c>
      <c r="AD10" s="160">
        <v>543</v>
      </c>
      <c r="AE10" s="160">
        <v>322</v>
      </c>
      <c r="AF10" s="160">
        <v>335</v>
      </c>
      <c r="AG10" s="160">
        <v>309</v>
      </c>
      <c r="AH10" s="165">
        <v>2088</v>
      </c>
      <c r="AI10" s="164">
        <v>2146</v>
      </c>
      <c r="AJ10" s="159">
        <v>4</v>
      </c>
      <c r="AK10" s="160">
        <v>7</v>
      </c>
      <c r="AL10" s="165">
        <v>11</v>
      </c>
      <c r="AM10" s="162">
        <v>0</v>
      </c>
      <c r="AN10" s="160">
        <v>76</v>
      </c>
      <c r="AO10" s="160">
        <v>86</v>
      </c>
      <c r="AP10" s="160">
        <v>49</v>
      </c>
      <c r="AQ10" s="160">
        <v>60</v>
      </c>
      <c r="AR10" s="160">
        <v>27</v>
      </c>
      <c r="AS10" s="165">
        <v>298</v>
      </c>
      <c r="AT10" s="164">
        <v>309</v>
      </c>
      <c r="AU10" s="159">
        <v>137</v>
      </c>
      <c r="AV10" s="160">
        <v>100</v>
      </c>
      <c r="AW10" s="165">
        <v>237</v>
      </c>
      <c r="AX10" s="162">
        <v>0</v>
      </c>
      <c r="AY10" s="160">
        <v>1200</v>
      </c>
      <c r="AZ10" s="160">
        <v>1192</v>
      </c>
      <c r="BA10" s="160">
        <v>997</v>
      </c>
      <c r="BB10" s="160">
        <v>1045</v>
      </c>
      <c r="BC10" s="160">
        <v>696</v>
      </c>
      <c r="BD10" s="163">
        <v>5130</v>
      </c>
      <c r="BE10" s="164">
        <v>5367</v>
      </c>
      <c r="BF10" s="159">
        <v>0</v>
      </c>
      <c r="BG10" s="160">
        <v>0</v>
      </c>
      <c r="BH10" s="165">
        <v>0</v>
      </c>
      <c r="BI10" s="162">
        <v>0</v>
      </c>
      <c r="BJ10" s="160">
        <v>1788</v>
      </c>
      <c r="BK10" s="160">
        <v>1095</v>
      </c>
      <c r="BL10" s="160">
        <v>501</v>
      </c>
      <c r="BM10" s="160">
        <v>274</v>
      </c>
      <c r="BN10" s="160">
        <v>139</v>
      </c>
      <c r="BO10" s="165">
        <v>3797</v>
      </c>
      <c r="BP10" s="164">
        <v>3797</v>
      </c>
      <c r="BQ10" s="159">
        <v>56</v>
      </c>
      <c r="BR10" s="160">
        <v>68</v>
      </c>
      <c r="BS10" s="165">
        <v>124</v>
      </c>
      <c r="BT10" s="162">
        <v>0</v>
      </c>
      <c r="BU10" s="160">
        <v>270</v>
      </c>
      <c r="BV10" s="160">
        <v>227</v>
      </c>
      <c r="BW10" s="160">
        <v>121</v>
      </c>
      <c r="BX10" s="160">
        <v>67</v>
      </c>
      <c r="BY10" s="160">
        <v>24</v>
      </c>
      <c r="BZ10" s="165">
        <v>709</v>
      </c>
      <c r="CA10" s="164">
        <v>833</v>
      </c>
      <c r="CB10" s="159">
        <v>1</v>
      </c>
      <c r="CC10" s="160">
        <v>1</v>
      </c>
      <c r="CD10" s="165">
        <v>2</v>
      </c>
      <c r="CE10" s="162">
        <v>0</v>
      </c>
      <c r="CF10" s="160">
        <v>212</v>
      </c>
      <c r="CG10" s="160">
        <v>284</v>
      </c>
      <c r="CH10" s="160">
        <v>272</v>
      </c>
      <c r="CI10" s="160">
        <v>185</v>
      </c>
      <c r="CJ10" s="160">
        <v>102</v>
      </c>
      <c r="CK10" s="165">
        <v>1055</v>
      </c>
      <c r="CL10" s="164">
        <v>1057</v>
      </c>
      <c r="CM10" s="159">
        <v>0</v>
      </c>
      <c r="CN10" s="160">
        <v>0</v>
      </c>
      <c r="CO10" s="165">
        <v>0</v>
      </c>
      <c r="CP10" s="162">
        <v>0</v>
      </c>
      <c r="CQ10" s="160">
        <v>13</v>
      </c>
      <c r="CR10" s="160">
        <v>15</v>
      </c>
      <c r="CS10" s="160">
        <v>16</v>
      </c>
      <c r="CT10" s="160">
        <v>13</v>
      </c>
      <c r="CU10" s="160">
        <v>6</v>
      </c>
      <c r="CV10" s="165">
        <v>63</v>
      </c>
      <c r="CW10" s="164">
        <v>63</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09</v>
      </c>
      <c r="DU10" s="160">
        <v>804</v>
      </c>
      <c r="DV10" s="165">
        <v>1213</v>
      </c>
      <c r="DW10" s="162">
        <v>0</v>
      </c>
      <c r="DX10" s="160">
        <v>2134</v>
      </c>
      <c r="DY10" s="160">
        <v>2267</v>
      </c>
      <c r="DZ10" s="160">
        <v>1181</v>
      </c>
      <c r="EA10" s="160">
        <v>954</v>
      </c>
      <c r="EB10" s="160">
        <v>603</v>
      </c>
      <c r="EC10" s="165">
        <v>7139</v>
      </c>
      <c r="ED10" s="164">
        <v>8352</v>
      </c>
      <c r="EE10" s="159">
        <v>93</v>
      </c>
      <c r="EF10" s="160">
        <v>48</v>
      </c>
      <c r="EG10" s="165">
        <v>141</v>
      </c>
      <c r="EH10" s="162">
        <v>0</v>
      </c>
      <c r="EI10" s="160">
        <v>449</v>
      </c>
      <c r="EJ10" s="160">
        <v>297</v>
      </c>
      <c r="EK10" s="160">
        <v>263</v>
      </c>
      <c r="EL10" s="160">
        <v>288</v>
      </c>
      <c r="EM10" s="160">
        <v>157</v>
      </c>
      <c r="EN10" s="165">
        <v>1454</v>
      </c>
      <c r="EO10" s="164">
        <v>1595</v>
      </c>
      <c r="EP10" s="159">
        <v>482</v>
      </c>
      <c r="EQ10" s="160">
        <v>871</v>
      </c>
      <c r="ER10" s="165">
        <v>1353</v>
      </c>
      <c r="ES10" s="162">
        <v>0</v>
      </c>
      <c r="ET10" s="160">
        <v>4476</v>
      </c>
      <c r="EU10" s="160">
        <v>3010</v>
      </c>
      <c r="EV10" s="160">
        <v>1433</v>
      </c>
      <c r="EW10" s="160">
        <v>1039</v>
      </c>
      <c r="EX10" s="160">
        <v>602</v>
      </c>
      <c r="EY10" s="165">
        <v>10560</v>
      </c>
      <c r="EZ10" s="164">
        <v>11913</v>
      </c>
    </row>
    <row r="11" spans="2:156" ht="21" customHeight="1" x14ac:dyDescent="0.2">
      <c r="B11" s="166" t="s">
        <v>8</v>
      </c>
      <c r="C11" s="159">
        <v>0</v>
      </c>
      <c r="D11" s="160">
        <v>0</v>
      </c>
      <c r="E11" s="161">
        <v>0</v>
      </c>
      <c r="F11" s="162">
        <v>0</v>
      </c>
      <c r="G11" s="160">
        <v>457</v>
      </c>
      <c r="H11" s="160">
        <v>653</v>
      </c>
      <c r="I11" s="160">
        <v>396</v>
      </c>
      <c r="J11" s="160">
        <v>324</v>
      </c>
      <c r="K11" s="160">
        <v>254</v>
      </c>
      <c r="L11" s="163">
        <v>2084</v>
      </c>
      <c r="M11" s="164">
        <v>2084</v>
      </c>
      <c r="N11" s="159">
        <v>0</v>
      </c>
      <c r="O11" s="160">
        <v>0</v>
      </c>
      <c r="P11" s="165">
        <v>0</v>
      </c>
      <c r="Q11" s="162">
        <v>0</v>
      </c>
      <c r="R11" s="160">
        <v>4</v>
      </c>
      <c r="S11" s="160">
        <v>16</v>
      </c>
      <c r="T11" s="160">
        <v>32</v>
      </c>
      <c r="U11" s="160">
        <v>49</v>
      </c>
      <c r="V11" s="160">
        <v>88</v>
      </c>
      <c r="W11" s="165">
        <v>189</v>
      </c>
      <c r="X11" s="164">
        <v>189</v>
      </c>
      <c r="Y11" s="159">
        <v>60</v>
      </c>
      <c r="Z11" s="160">
        <v>92</v>
      </c>
      <c r="AA11" s="165">
        <v>152</v>
      </c>
      <c r="AB11" s="162">
        <v>0</v>
      </c>
      <c r="AC11" s="160">
        <v>309</v>
      </c>
      <c r="AD11" s="160">
        <v>439</v>
      </c>
      <c r="AE11" s="160">
        <v>273</v>
      </c>
      <c r="AF11" s="160">
        <v>228</v>
      </c>
      <c r="AG11" s="160">
        <v>204</v>
      </c>
      <c r="AH11" s="165">
        <v>1453</v>
      </c>
      <c r="AI11" s="164">
        <v>1605</v>
      </c>
      <c r="AJ11" s="159">
        <v>9</v>
      </c>
      <c r="AK11" s="160">
        <v>22</v>
      </c>
      <c r="AL11" s="165">
        <v>31</v>
      </c>
      <c r="AM11" s="162">
        <v>0</v>
      </c>
      <c r="AN11" s="160">
        <v>75</v>
      </c>
      <c r="AO11" s="160">
        <v>89</v>
      </c>
      <c r="AP11" s="160">
        <v>48</v>
      </c>
      <c r="AQ11" s="160">
        <v>49</v>
      </c>
      <c r="AR11" s="160">
        <v>33</v>
      </c>
      <c r="AS11" s="165">
        <v>294</v>
      </c>
      <c r="AT11" s="164">
        <v>325</v>
      </c>
      <c r="AU11" s="159">
        <v>77</v>
      </c>
      <c r="AV11" s="160">
        <v>61</v>
      </c>
      <c r="AW11" s="165">
        <v>138</v>
      </c>
      <c r="AX11" s="162">
        <v>0</v>
      </c>
      <c r="AY11" s="160">
        <v>491</v>
      </c>
      <c r="AZ11" s="160">
        <v>583</v>
      </c>
      <c r="BA11" s="160">
        <v>576</v>
      </c>
      <c r="BB11" s="160">
        <v>571</v>
      </c>
      <c r="BC11" s="160">
        <v>427</v>
      </c>
      <c r="BD11" s="163">
        <v>2648</v>
      </c>
      <c r="BE11" s="164">
        <v>2786</v>
      </c>
      <c r="BF11" s="159">
        <v>0</v>
      </c>
      <c r="BG11" s="160">
        <v>0</v>
      </c>
      <c r="BH11" s="165">
        <v>0</v>
      </c>
      <c r="BI11" s="162">
        <v>0</v>
      </c>
      <c r="BJ11" s="160">
        <v>600</v>
      </c>
      <c r="BK11" s="160">
        <v>633</v>
      </c>
      <c r="BL11" s="160">
        <v>355</v>
      </c>
      <c r="BM11" s="160">
        <v>204</v>
      </c>
      <c r="BN11" s="160">
        <v>108</v>
      </c>
      <c r="BO11" s="165">
        <v>1900</v>
      </c>
      <c r="BP11" s="164">
        <v>1900</v>
      </c>
      <c r="BQ11" s="159">
        <v>58</v>
      </c>
      <c r="BR11" s="160">
        <v>66</v>
      </c>
      <c r="BS11" s="165">
        <v>124</v>
      </c>
      <c r="BT11" s="162">
        <v>0</v>
      </c>
      <c r="BU11" s="160">
        <v>165</v>
      </c>
      <c r="BV11" s="160">
        <v>155</v>
      </c>
      <c r="BW11" s="160">
        <v>100</v>
      </c>
      <c r="BX11" s="160">
        <v>61</v>
      </c>
      <c r="BY11" s="160">
        <v>18</v>
      </c>
      <c r="BZ11" s="165">
        <v>499</v>
      </c>
      <c r="CA11" s="164">
        <v>623</v>
      </c>
      <c r="CB11" s="159">
        <v>2</v>
      </c>
      <c r="CC11" s="160">
        <v>13</v>
      </c>
      <c r="CD11" s="165">
        <v>15</v>
      </c>
      <c r="CE11" s="162">
        <v>0</v>
      </c>
      <c r="CF11" s="160">
        <v>73</v>
      </c>
      <c r="CG11" s="160">
        <v>159</v>
      </c>
      <c r="CH11" s="160">
        <v>185</v>
      </c>
      <c r="CI11" s="160">
        <v>121</v>
      </c>
      <c r="CJ11" s="160">
        <v>58</v>
      </c>
      <c r="CK11" s="165">
        <v>596</v>
      </c>
      <c r="CL11" s="164">
        <v>611</v>
      </c>
      <c r="CM11" s="159">
        <v>0</v>
      </c>
      <c r="CN11" s="160">
        <v>0</v>
      </c>
      <c r="CO11" s="165">
        <v>0</v>
      </c>
      <c r="CP11" s="162">
        <v>0</v>
      </c>
      <c r="CQ11" s="160">
        <v>2</v>
      </c>
      <c r="CR11" s="160">
        <v>10</v>
      </c>
      <c r="CS11" s="160">
        <v>7</v>
      </c>
      <c r="CT11" s="160">
        <v>3</v>
      </c>
      <c r="CU11" s="160">
        <v>3</v>
      </c>
      <c r="CV11" s="165">
        <v>25</v>
      </c>
      <c r="CW11" s="164">
        <v>25</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55</v>
      </c>
      <c r="DU11" s="160">
        <v>624</v>
      </c>
      <c r="DV11" s="165">
        <v>1079</v>
      </c>
      <c r="DW11" s="162">
        <v>0</v>
      </c>
      <c r="DX11" s="160">
        <v>1031</v>
      </c>
      <c r="DY11" s="160">
        <v>1587</v>
      </c>
      <c r="DZ11" s="160">
        <v>896</v>
      </c>
      <c r="EA11" s="160">
        <v>649</v>
      </c>
      <c r="EB11" s="160">
        <v>412</v>
      </c>
      <c r="EC11" s="165">
        <v>4575</v>
      </c>
      <c r="ED11" s="164">
        <v>5654</v>
      </c>
      <c r="EE11" s="159">
        <v>51</v>
      </c>
      <c r="EF11" s="160">
        <v>19</v>
      </c>
      <c r="EG11" s="165">
        <v>70</v>
      </c>
      <c r="EH11" s="162">
        <v>0</v>
      </c>
      <c r="EI11" s="160">
        <v>155</v>
      </c>
      <c r="EJ11" s="160">
        <v>128</v>
      </c>
      <c r="EK11" s="160">
        <v>108</v>
      </c>
      <c r="EL11" s="160">
        <v>140</v>
      </c>
      <c r="EM11" s="160">
        <v>72</v>
      </c>
      <c r="EN11" s="165">
        <v>603</v>
      </c>
      <c r="EO11" s="164">
        <v>673</v>
      </c>
      <c r="EP11" s="159">
        <v>549</v>
      </c>
      <c r="EQ11" s="160">
        <v>704</v>
      </c>
      <c r="ER11" s="165">
        <v>1253</v>
      </c>
      <c r="ES11" s="162">
        <v>0</v>
      </c>
      <c r="ET11" s="160">
        <v>1893</v>
      </c>
      <c r="EU11" s="160">
        <v>1982</v>
      </c>
      <c r="EV11" s="160">
        <v>1042</v>
      </c>
      <c r="EW11" s="160">
        <v>692</v>
      </c>
      <c r="EX11" s="160">
        <v>432</v>
      </c>
      <c r="EY11" s="165">
        <v>6041</v>
      </c>
      <c r="EZ11" s="164">
        <v>7294</v>
      </c>
    </row>
    <row r="12" spans="2:156" ht="21" customHeight="1" x14ac:dyDescent="0.2">
      <c r="B12" s="166" t="s">
        <v>9</v>
      </c>
      <c r="C12" s="159">
        <v>0</v>
      </c>
      <c r="D12" s="160">
        <v>0</v>
      </c>
      <c r="E12" s="161">
        <v>0</v>
      </c>
      <c r="F12" s="162">
        <v>0</v>
      </c>
      <c r="G12" s="160">
        <v>646</v>
      </c>
      <c r="H12" s="160">
        <v>497</v>
      </c>
      <c r="I12" s="160">
        <v>364</v>
      </c>
      <c r="J12" s="160">
        <v>353</v>
      </c>
      <c r="K12" s="160">
        <v>254</v>
      </c>
      <c r="L12" s="163">
        <v>2114</v>
      </c>
      <c r="M12" s="164">
        <v>2114</v>
      </c>
      <c r="N12" s="159">
        <v>0</v>
      </c>
      <c r="O12" s="160">
        <v>0</v>
      </c>
      <c r="P12" s="165">
        <v>0</v>
      </c>
      <c r="Q12" s="162">
        <v>0</v>
      </c>
      <c r="R12" s="160">
        <v>2</v>
      </c>
      <c r="S12" s="160">
        <v>8</v>
      </c>
      <c r="T12" s="160">
        <v>20</v>
      </c>
      <c r="U12" s="160">
        <v>52</v>
      </c>
      <c r="V12" s="160">
        <v>94</v>
      </c>
      <c r="W12" s="165">
        <v>176</v>
      </c>
      <c r="X12" s="164">
        <v>176</v>
      </c>
      <c r="Y12" s="159">
        <v>61</v>
      </c>
      <c r="Z12" s="160">
        <v>90</v>
      </c>
      <c r="AA12" s="165">
        <v>151</v>
      </c>
      <c r="AB12" s="162">
        <v>0</v>
      </c>
      <c r="AC12" s="160">
        <v>390</v>
      </c>
      <c r="AD12" s="160">
        <v>342</v>
      </c>
      <c r="AE12" s="160">
        <v>251</v>
      </c>
      <c r="AF12" s="160">
        <v>258</v>
      </c>
      <c r="AG12" s="160">
        <v>198</v>
      </c>
      <c r="AH12" s="165">
        <v>1439</v>
      </c>
      <c r="AI12" s="164">
        <v>1590</v>
      </c>
      <c r="AJ12" s="159">
        <v>6</v>
      </c>
      <c r="AK12" s="160">
        <v>13</v>
      </c>
      <c r="AL12" s="165">
        <v>19</v>
      </c>
      <c r="AM12" s="162">
        <v>0</v>
      </c>
      <c r="AN12" s="160">
        <v>34</v>
      </c>
      <c r="AO12" s="160">
        <v>41</v>
      </c>
      <c r="AP12" s="160">
        <v>33</v>
      </c>
      <c r="AQ12" s="160">
        <v>33</v>
      </c>
      <c r="AR12" s="160">
        <v>20</v>
      </c>
      <c r="AS12" s="165">
        <v>161</v>
      </c>
      <c r="AT12" s="164">
        <v>180</v>
      </c>
      <c r="AU12" s="159">
        <v>85</v>
      </c>
      <c r="AV12" s="160">
        <v>64</v>
      </c>
      <c r="AW12" s="165">
        <v>149</v>
      </c>
      <c r="AX12" s="162">
        <v>0</v>
      </c>
      <c r="AY12" s="160">
        <v>538</v>
      </c>
      <c r="AZ12" s="160">
        <v>565</v>
      </c>
      <c r="BA12" s="160">
        <v>581</v>
      </c>
      <c r="BB12" s="160">
        <v>609</v>
      </c>
      <c r="BC12" s="160">
        <v>435</v>
      </c>
      <c r="BD12" s="163">
        <v>2728</v>
      </c>
      <c r="BE12" s="164">
        <v>2877</v>
      </c>
      <c r="BF12" s="159">
        <v>0</v>
      </c>
      <c r="BG12" s="160">
        <v>0</v>
      </c>
      <c r="BH12" s="165">
        <v>0</v>
      </c>
      <c r="BI12" s="162">
        <v>0</v>
      </c>
      <c r="BJ12" s="160">
        <v>608</v>
      </c>
      <c r="BK12" s="160">
        <v>412</v>
      </c>
      <c r="BL12" s="160">
        <v>250</v>
      </c>
      <c r="BM12" s="160">
        <v>168</v>
      </c>
      <c r="BN12" s="160">
        <v>57</v>
      </c>
      <c r="BO12" s="165">
        <v>1495</v>
      </c>
      <c r="BP12" s="164">
        <v>1495</v>
      </c>
      <c r="BQ12" s="159">
        <v>54</v>
      </c>
      <c r="BR12" s="160">
        <v>73</v>
      </c>
      <c r="BS12" s="165">
        <v>127</v>
      </c>
      <c r="BT12" s="162">
        <v>0</v>
      </c>
      <c r="BU12" s="160">
        <v>157</v>
      </c>
      <c r="BV12" s="160">
        <v>135</v>
      </c>
      <c r="BW12" s="160">
        <v>82</v>
      </c>
      <c r="BX12" s="160">
        <v>76</v>
      </c>
      <c r="BY12" s="160">
        <v>25</v>
      </c>
      <c r="BZ12" s="165">
        <v>475</v>
      </c>
      <c r="CA12" s="164">
        <v>602</v>
      </c>
      <c r="CB12" s="159">
        <v>3</v>
      </c>
      <c r="CC12" s="160">
        <v>8</v>
      </c>
      <c r="CD12" s="165">
        <v>11</v>
      </c>
      <c r="CE12" s="162">
        <v>0</v>
      </c>
      <c r="CF12" s="160">
        <v>85</v>
      </c>
      <c r="CG12" s="160">
        <v>94</v>
      </c>
      <c r="CH12" s="160">
        <v>131</v>
      </c>
      <c r="CI12" s="160">
        <v>103</v>
      </c>
      <c r="CJ12" s="160">
        <v>52</v>
      </c>
      <c r="CK12" s="165">
        <v>465</v>
      </c>
      <c r="CL12" s="164">
        <v>476</v>
      </c>
      <c r="CM12" s="159">
        <v>0</v>
      </c>
      <c r="CN12" s="160">
        <v>1</v>
      </c>
      <c r="CO12" s="165">
        <v>1</v>
      </c>
      <c r="CP12" s="162">
        <v>0</v>
      </c>
      <c r="CQ12" s="160">
        <v>7</v>
      </c>
      <c r="CR12" s="160">
        <v>15</v>
      </c>
      <c r="CS12" s="160">
        <v>25</v>
      </c>
      <c r="CT12" s="160">
        <v>21</v>
      </c>
      <c r="CU12" s="160">
        <v>12</v>
      </c>
      <c r="CV12" s="165">
        <v>80</v>
      </c>
      <c r="CW12" s="164">
        <v>81</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58</v>
      </c>
      <c r="DU12" s="160">
        <v>470</v>
      </c>
      <c r="DV12" s="165">
        <v>828</v>
      </c>
      <c r="DW12" s="162">
        <v>0</v>
      </c>
      <c r="DX12" s="160">
        <v>941</v>
      </c>
      <c r="DY12" s="160">
        <v>965</v>
      </c>
      <c r="DZ12" s="160">
        <v>630</v>
      </c>
      <c r="EA12" s="160">
        <v>572</v>
      </c>
      <c r="EB12" s="160">
        <v>364</v>
      </c>
      <c r="EC12" s="165">
        <v>3472</v>
      </c>
      <c r="ED12" s="164">
        <v>4300</v>
      </c>
      <c r="EE12" s="159">
        <v>55</v>
      </c>
      <c r="EF12" s="160">
        <v>22</v>
      </c>
      <c r="EG12" s="165">
        <v>77</v>
      </c>
      <c r="EH12" s="162">
        <v>0</v>
      </c>
      <c r="EI12" s="160">
        <v>200</v>
      </c>
      <c r="EJ12" s="160">
        <v>157</v>
      </c>
      <c r="EK12" s="160">
        <v>173</v>
      </c>
      <c r="EL12" s="160">
        <v>165</v>
      </c>
      <c r="EM12" s="160">
        <v>114</v>
      </c>
      <c r="EN12" s="165">
        <v>809</v>
      </c>
      <c r="EO12" s="164">
        <v>886</v>
      </c>
      <c r="EP12" s="159">
        <v>444</v>
      </c>
      <c r="EQ12" s="160">
        <v>554</v>
      </c>
      <c r="ER12" s="165">
        <v>998</v>
      </c>
      <c r="ES12" s="162">
        <v>0</v>
      </c>
      <c r="ET12" s="160">
        <v>1752</v>
      </c>
      <c r="EU12" s="160">
        <v>1262</v>
      </c>
      <c r="EV12" s="160">
        <v>757</v>
      </c>
      <c r="EW12" s="160">
        <v>613</v>
      </c>
      <c r="EX12" s="160">
        <v>373</v>
      </c>
      <c r="EY12" s="165">
        <v>4757</v>
      </c>
      <c r="EZ12" s="164">
        <v>5755</v>
      </c>
    </row>
    <row r="13" spans="2:156" ht="21" customHeight="1" x14ac:dyDescent="0.2">
      <c r="B13" s="166" t="s">
        <v>10</v>
      </c>
      <c r="C13" s="159">
        <v>0</v>
      </c>
      <c r="D13" s="160">
        <v>0</v>
      </c>
      <c r="E13" s="161">
        <v>0</v>
      </c>
      <c r="F13" s="162">
        <v>0</v>
      </c>
      <c r="G13" s="160">
        <v>1340</v>
      </c>
      <c r="H13" s="160">
        <v>775</v>
      </c>
      <c r="I13" s="160">
        <v>515</v>
      </c>
      <c r="J13" s="160">
        <v>478</v>
      </c>
      <c r="K13" s="160">
        <v>357</v>
      </c>
      <c r="L13" s="163">
        <v>3465</v>
      </c>
      <c r="M13" s="164">
        <v>3465</v>
      </c>
      <c r="N13" s="159">
        <v>0</v>
      </c>
      <c r="O13" s="160">
        <v>1</v>
      </c>
      <c r="P13" s="165">
        <v>1</v>
      </c>
      <c r="Q13" s="162">
        <v>0</v>
      </c>
      <c r="R13" s="160">
        <v>12</v>
      </c>
      <c r="S13" s="160">
        <v>27</v>
      </c>
      <c r="T13" s="160">
        <v>34</v>
      </c>
      <c r="U13" s="160">
        <v>85</v>
      </c>
      <c r="V13" s="160">
        <v>155</v>
      </c>
      <c r="W13" s="165">
        <v>313</v>
      </c>
      <c r="X13" s="164">
        <v>314</v>
      </c>
      <c r="Y13" s="159">
        <v>172</v>
      </c>
      <c r="Z13" s="160">
        <v>303</v>
      </c>
      <c r="AA13" s="165">
        <v>475</v>
      </c>
      <c r="AB13" s="162">
        <v>0</v>
      </c>
      <c r="AC13" s="160">
        <v>844</v>
      </c>
      <c r="AD13" s="160">
        <v>596</v>
      </c>
      <c r="AE13" s="160">
        <v>356</v>
      </c>
      <c r="AF13" s="160">
        <v>334</v>
      </c>
      <c r="AG13" s="160">
        <v>284</v>
      </c>
      <c r="AH13" s="165">
        <v>2414</v>
      </c>
      <c r="AI13" s="164">
        <v>2889</v>
      </c>
      <c r="AJ13" s="159">
        <v>24</v>
      </c>
      <c r="AK13" s="160">
        <v>39</v>
      </c>
      <c r="AL13" s="165">
        <v>63</v>
      </c>
      <c r="AM13" s="162">
        <v>0</v>
      </c>
      <c r="AN13" s="160">
        <v>78</v>
      </c>
      <c r="AO13" s="160">
        <v>72</v>
      </c>
      <c r="AP13" s="160">
        <v>48</v>
      </c>
      <c r="AQ13" s="160">
        <v>29</v>
      </c>
      <c r="AR13" s="160">
        <v>38</v>
      </c>
      <c r="AS13" s="165">
        <v>265</v>
      </c>
      <c r="AT13" s="164">
        <v>328</v>
      </c>
      <c r="AU13" s="159">
        <v>187</v>
      </c>
      <c r="AV13" s="160">
        <v>275</v>
      </c>
      <c r="AW13" s="165">
        <v>462</v>
      </c>
      <c r="AX13" s="162">
        <v>0</v>
      </c>
      <c r="AY13" s="160">
        <v>1321</v>
      </c>
      <c r="AZ13" s="160">
        <v>1091</v>
      </c>
      <c r="BA13" s="160">
        <v>948</v>
      </c>
      <c r="BB13" s="160">
        <v>991</v>
      </c>
      <c r="BC13" s="160">
        <v>754</v>
      </c>
      <c r="BD13" s="163">
        <v>5105</v>
      </c>
      <c r="BE13" s="164">
        <v>5567</v>
      </c>
      <c r="BF13" s="159">
        <v>0</v>
      </c>
      <c r="BG13" s="160">
        <v>0</v>
      </c>
      <c r="BH13" s="165">
        <v>0</v>
      </c>
      <c r="BI13" s="162">
        <v>0</v>
      </c>
      <c r="BJ13" s="160">
        <v>1685</v>
      </c>
      <c r="BK13" s="160">
        <v>847</v>
      </c>
      <c r="BL13" s="160">
        <v>490</v>
      </c>
      <c r="BM13" s="160">
        <v>274</v>
      </c>
      <c r="BN13" s="160">
        <v>126</v>
      </c>
      <c r="BO13" s="165">
        <v>3422</v>
      </c>
      <c r="BP13" s="164">
        <v>3422</v>
      </c>
      <c r="BQ13" s="159">
        <v>58</v>
      </c>
      <c r="BR13" s="160">
        <v>82</v>
      </c>
      <c r="BS13" s="165">
        <v>140</v>
      </c>
      <c r="BT13" s="162">
        <v>0</v>
      </c>
      <c r="BU13" s="160">
        <v>256</v>
      </c>
      <c r="BV13" s="160">
        <v>202</v>
      </c>
      <c r="BW13" s="160">
        <v>89</v>
      </c>
      <c r="BX13" s="160">
        <v>66</v>
      </c>
      <c r="BY13" s="160">
        <v>29</v>
      </c>
      <c r="BZ13" s="165">
        <v>642</v>
      </c>
      <c r="CA13" s="164">
        <v>782</v>
      </c>
      <c r="CB13" s="159">
        <v>8</v>
      </c>
      <c r="CC13" s="160">
        <v>18</v>
      </c>
      <c r="CD13" s="165">
        <v>26</v>
      </c>
      <c r="CE13" s="162">
        <v>0</v>
      </c>
      <c r="CF13" s="160">
        <v>176</v>
      </c>
      <c r="CG13" s="160">
        <v>160</v>
      </c>
      <c r="CH13" s="160">
        <v>194</v>
      </c>
      <c r="CI13" s="160">
        <v>143</v>
      </c>
      <c r="CJ13" s="160">
        <v>76</v>
      </c>
      <c r="CK13" s="165">
        <v>749</v>
      </c>
      <c r="CL13" s="164">
        <v>775</v>
      </c>
      <c r="CM13" s="159">
        <v>0</v>
      </c>
      <c r="CN13" s="160">
        <v>0</v>
      </c>
      <c r="CO13" s="165">
        <v>0</v>
      </c>
      <c r="CP13" s="162">
        <v>0</v>
      </c>
      <c r="CQ13" s="160">
        <v>11</v>
      </c>
      <c r="CR13" s="160">
        <v>18</v>
      </c>
      <c r="CS13" s="160">
        <v>14</v>
      </c>
      <c r="CT13" s="160">
        <v>16</v>
      </c>
      <c r="CU13" s="160">
        <v>6</v>
      </c>
      <c r="CV13" s="165">
        <v>65</v>
      </c>
      <c r="CW13" s="164">
        <v>65</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983</v>
      </c>
      <c r="DU13" s="160">
        <v>1311</v>
      </c>
      <c r="DV13" s="165">
        <v>2294</v>
      </c>
      <c r="DW13" s="162">
        <v>0</v>
      </c>
      <c r="DX13" s="160">
        <v>2067</v>
      </c>
      <c r="DY13" s="160">
        <v>1650</v>
      </c>
      <c r="DZ13" s="160">
        <v>1021</v>
      </c>
      <c r="EA13" s="160">
        <v>877</v>
      </c>
      <c r="EB13" s="160">
        <v>605</v>
      </c>
      <c r="EC13" s="165">
        <v>6220</v>
      </c>
      <c r="ED13" s="164">
        <v>8514</v>
      </c>
      <c r="EE13" s="159">
        <v>77</v>
      </c>
      <c r="EF13" s="160">
        <v>66</v>
      </c>
      <c r="EG13" s="165">
        <v>143</v>
      </c>
      <c r="EH13" s="162">
        <v>0</v>
      </c>
      <c r="EI13" s="160">
        <v>296</v>
      </c>
      <c r="EJ13" s="160">
        <v>243</v>
      </c>
      <c r="EK13" s="160">
        <v>226</v>
      </c>
      <c r="EL13" s="160">
        <v>236</v>
      </c>
      <c r="EM13" s="160">
        <v>147</v>
      </c>
      <c r="EN13" s="165">
        <v>1148</v>
      </c>
      <c r="EO13" s="164">
        <v>1291</v>
      </c>
      <c r="EP13" s="159">
        <v>1158</v>
      </c>
      <c r="EQ13" s="160">
        <v>1505</v>
      </c>
      <c r="ER13" s="165">
        <v>2663</v>
      </c>
      <c r="ES13" s="162">
        <v>0</v>
      </c>
      <c r="ET13" s="160">
        <v>3639</v>
      </c>
      <c r="EU13" s="160">
        <v>2025</v>
      </c>
      <c r="EV13" s="160">
        <v>1135</v>
      </c>
      <c r="EW13" s="160">
        <v>862</v>
      </c>
      <c r="EX13" s="160">
        <v>570</v>
      </c>
      <c r="EY13" s="165">
        <v>8231</v>
      </c>
      <c r="EZ13" s="164">
        <v>10894</v>
      </c>
    </row>
    <row r="14" spans="2:156" ht="21" customHeight="1" x14ac:dyDescent="0.2">
      <c r="B14" s="166" t="s">
        <v>11</v>
      </c>
      <c r="C14" s="159">
        <v>0</v>
      </c>
      <c r="D14" s="160">
        <v>0</v>
      </c>
      <c r="E14" s="161">
        <v>0</v>
      </c>
      <c r="F14" s="162">
        <v>0</v>
      </c>
      <c r="G14" s="160">
        <v>525</v>
      </c>
      <c r="H14" s="160">
        <v>375</v>
      </c>
      <c r="I14" s="160">
        <v>243</v>
      </c>
      <c r="J14" s="160">
        <v>252</v>
      </c>
      <c r="K14" s="160">
        <v>173</v>
      </c>
      <c r="L14" s="163">
        <v>1568</v>
      </c>
      <c r="M14" s="164">
        <v>1568</v>
      </c>
      <c r="N14" s="159">
        <v>0</v>
      </c>
      <c r="O14" s="160">
        <v>0</v>
      </c>
      <c r="P14" s="165">
        <v>0</v>
      </c>
      <c r="Q14" s="162">
        <v>0</v>
      </c>
      <c r="R14" s="160">
        <v>4</v>
      </c>
      <c r="S14" s="160">
        <v>9</v>
      </c>
      <c r="T14" s="160">
        <v>20</v>
      </c>
      <c r="U14" s="160">
        <v>64</v>
      </c>
      <c r="V14" s="160">
        <v>65</v>
      </c>
      <c r="W14" s="165">
        <v>162</v>
      </c>
      <c r="X14" s="164">
        <v>162</v>
      </c>
      <c r="Y14" s="159">
        <v>46</v>
      </c>
      <c r="Z14" s="160">
        <v>73</v>
      </c>
      <c r="AA14" s="165">
        <v>119</v>
      </c>
      <c r="AB14" s="162">
        <v>0</v>
      </c>
      <c r="AC14" s="160">
        <v>348</v>
      </c>
      <c r="AD14" s="160">
        <v>242</v>
      </c>
      <c r="AE14" s="160">
        <v>200</v>
      </c>
      <c r="AF14" s="160">
        <v>242</v>
      </c>
      <c r="AG14" s="160">
        <v>144</v>
      </c>
      <c r="AH14" s="165">
        <v>1176</v>
      </c>
      <c r="AI14" s="164">
        <v>1295</v>
      </c>
      <c r="AJ14" s="159">
        <v>4</v>
      </c>
      <c r="AK14" s="160">
        <v>7</v>
      </c>
      <c r="AL14" s="165">
        <v>11</v>
      </c>
      <c r="AM14" s="162">
        <v>0</v>
      </c>
      <c r="AN14" s="160">
        <v>25</v>
      </c>
      <c r="AO14" s="160">
        <v>33</v>
      </c>
      <c r="AP14" s="160">
        <v>25</v>
      </c>
      <c r="AQ14" s="160">
        <v>26</v>
      </c>
      <c r="AR14" s="160">
        <v>5</v>
      </c>
      <c r="AS14" s="165">
        <v>114</v>
      </c>
      <c r="AT14" s="164">
        <v>125</v>
      </c>
      <c r="AU14" s="159">
        <v>56</v>
      </c>
      <c r="AV14" s="160">
        <v>48</v>
      </c>
      <c r="AW14" s="165">
        <v>104</v>
      </c>
      <c r="AX14" s="162">
        <v>0</v>
      </c>
      <c r="AY14" s="160">
        <v>447</v>
      </c>
      <c r="AZ14" s="160">
        <v>496</v>
      </c>
      <c r="BA14" s="160">
        <v>435</v>
      </c>
      <c r="BB14" s="160">
        <v>467</v>
      </c>
      <c r="BC14" s="160">
        <v>307</v>
      </c>
      <c r="BD14" s="163">
        <v>2152</v>
      </c>
      <c r="BE14" s="164">
        <v>2256</v>
      </c>
      <c r="BF14" s="159">
        <v>0</v>
      </c>
      <c r="BG14" s="160">
        <v>0</v>
      </c>
      <c r="BH14" s="165">
        <v>0</v>
      </c>
      <c r="BI14" s="162">
        <v>0</v>
      </c>
      <c r="BJ14" s="160">
        <v>681</v>
      </c>
      <c r="BK14" s="160">
        <v>411</v>
      </c>
      <c r="BL14" s="160">
        <v>274</v>
      </c>
      <c r="BM14" s="160">
        <v>195</v>
      </c>
      <c r="BN14" s="160">
        <v>84</v>
      </c>
      <c r="BO14" s="165">
        <v>1645</v>
      </c>
      <c r="BP14" s="164">
        <v>1645</v>
      </c>
      <c r="BQ14" s="159">
        <v>101</v>
      </c>
      <c r="BR14" s="160">
        <v>76</v>
      </c>
      <c r="BS14" s="165">
        <v>177</v>
      </c>
      <c r="BT14" s="162">
        <v>0</v>
      </c>
      <c r="BU14" s="160">
        <v>241</v>
      </c>
      <c r="BV14" s="160">
        <v>152</v>
      </c>
      <c r="BW14" s="160">
        <v>95</v>
      </c>
      <c r="BX14" s="160">
        <v>70</v>
      </c>
      <c r="BY14" s="160">
        <v>21</v>
      </c>
      <c r="BZ14" s="165">
        <v>579</v>
      </c>
      <c r="CA14" s="164">
        <v>756</v>
      </c>
      <c r="CB14" s="159">
        <v>6</v>
      </c>
      <c r="CC14" s="160">
        <v>9</v>
      </c>
      <c r="CD14" s="165">
        <v>15</v>
      </c>
      <c r="CE14" s="162">
        <v>0</v>
      </c>
      <c r="CF14" s="160">
        <v>94</v>
      </c>
      <c r="CG14" s="160">
        <v>72</v>
      </c>
      <c r="CH14" s="160">
        <v>121</v>
      </c>
      <c r="CI14" s="160">
        <v>88</v>
      </c>
      <c r="CJ14" s="160">
        <v>47</v>
      </c>
      <c r="CK14" s="165">
        <v>422</v>
      </c>
      <c r="CL14" s="164">
        <v>437</v>
      </c>
      <c r="CM14" s="159">
        <v>0</v>
      </c>
      <c r="CN14" s="160">
        <v>1</v>
      </c>
      <c r="CO14" s="165">
        <v>1</v>
      </c>
      <c r="CP14" s="162">
        <v>0</v>
      </c>
      <c r="CQ14" s="160">
        <v>8</v>
      </c>
      <c r="CR14" s="160">
        <v>6</v>
      </c>
      <c r="CS14" s="160">
        <v>9</v>
      </c>
      <c r="CT14" s="160">
        <v>7</v>
      </c>
      <c r="CU14" s="160">
        <v>10</v>
      </c>
      <c r="CV14" s="165">
        <v>40</v>
      </c>
      <c r="CW14" s="164">
        <v>41</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407</v>
      </c>
      <c r="DU14" s="160">
        <v>490</v>
      </c>
      <c r="DV14" s="165">
        <v>897</v>
      </c>
      <c r="DW14" s="162">
        <v>0</v>
      </c>
      <c r="DX14" s="160">
        <v>1007</v>
      </c>
      <c r="DY14" s="160">
        <v>897</v>
      </c>
      <c r="DZ14" s="160">
        <v>648</v>
      </c>
      <c r="EA14" s="160">
        <v>552</v>
      </c>
      <c r="EB14" s="160">
        <v>283</v>
      </c>
      <c r="EC14" s="165">
        <v>3387</v>
      </c>
      <c r="ED14" s="164">
        <v>4284</v>
      </c>
      <c r="EE14" s="159">
        <v>40</v>
      </c>
      <c r="EF14" s="160">
        <v>23</v>
      </c>
      <c r="EG14" s="165">
        <v>63</v>
      </c>
      <c r="EH14" s="162">
        <v>0</v>
      </c>
      <c r="EI14" s="160">
        <v>182</v>
      </c>
      <c r="EJ14" s="160">
        <v>152</v>
      </c>
      <c r="EK14" s="160">
        <v>116</v>
      </c>
      <c r="EL14" s="160">
        <v>154</v>
      </c>
      <c r="EM14" s="160">
        <v>71</v>
      </c>
      <c r="EN14" s="165">
        <v>675</v>
      </c>
      <c r="EO14" s="164">
        <v>738</v>
      </c>
      <c r="EP14" s="159">
        <v>505</v>
      </c>
      <c r="EQ14" s="160">
        <v>570</v>
      </c>
      <c r="ER14" s="165">
        <v>1075</v>
      </c>
      <c r="ES14" s="162">
        <v>0</v>
      </c>
      <c r="ET14" s="160">
        <v>1876</v>
      </c>
      <c r="EU14" s="160">
        <v>1143</v>
      </c>
      <c r="EV14" s="160">
        <v>751</v>
      </c>
      <c r="EW14" s="160">
        <v>590</v>
      </c>
      <c r="EX14" s="160">
        <v>302</v>
      </c>
      <c r="EY14" s="165">
        <v>4662</v>
      </c>
      <c r="EZ14" s="164">
        <v>5737</v>
      </c>
    </row>
    <row r="15" spans="2:156" ht="21" customHeight="1" x14ac:dyDescent="0.2">
      <c r="B15" s="166" t="s">
        <v>12</v>
      </c>
      <c r="C15" s="159">
        <v>0</v>
      </c>
      <c r="D15" s="160">
        <v>0</v>
      </c>
      <c r="E15" s="161">
        <v>0</v>
      </c>
      <c r="F15" s="162">
        <v>0</v>
      </c>
      <c r="G15" s="160">
        <v>515</v>
      </c>
      <c r="H15" s="160">
        <v>512</v>
      </c>
      <c r="I15" s="160">
        <v>316</v>
      </c>
      <c r="J15" s="160">
        <v>286</v>
      </c>
      <c r="K15" s="160">
        <v>226</v>
      </c>
      <c r="L15" s="163">
        <v>1855</v>
      </c>
      <c r="M15" s="164">
        <v>1855</v>
      </c>
      <c r="N15" s="159">
        <v>0</v>
      </c>
      <c r="O15" s="160">
        <v>4</v>
      </c>
      <c r="P15" s="165">
        <v>4</v>
      </c>
      <c r="Q15" s="162">
        <v>0</v>
      </c>
      <c r="R15" s="160">
        <v>2</v>
      </c>
      <c r="S15" s="160">
        <v>15</v>
      </c>
      <c r="T15" s="160">
        <v>18</v>
      </c>
      <c r="U15" s="160">
        <v>73</v>
      </c>
      <c r="V15" s="160">
        <v>74</v>
      </c>
      <c r="W15" s="165">
        <v>182</v>
      </c>
      <c r="X15" s="164">
        <v>186</v>
      </c>
      <c r="Y15" s="159">
        <v>119</v>
      </c>
      <c r="Z15" s="160">
        <v>306</v>
      </c>
      <c r="AA15" s="165">
        <v>425</v>
      </c>
      <c r="AB15" s="162">
        <v>0</v>
      </c>
      <c r="AC15" s="160">
        <v>353</v>
      </c>
      <c r="AD15" s="160">
        <v>439</v>
      </c>
      <c r="AE15" s="160">
        <v>238</v>
      </c>
      <c r="AF15" s="160">
        <v>241</v>
      </c>
      <c r="AG15" s="160">
        <v>181</v>
      </c>
      <c r="AH15" s="165">
        <v>1452</v>
      </c>
      <c r="AI15" s="164">
        <v>1877</v>
      </c>
      <c r="AJ15" s="159">
        <v>7</v>
      </c>
      <c r="AK15" s="160">
        <v>31</v>
      </c>
      <c r="AL15" s="165">
        <v>38</v>
      </c>
      <c r="AM15" s="162">
        <v>0</v>
      </c>
      <c r="AN15" s="160">
        <v>14</v>
      </c>
      <c r="AO15" s="160">
        <v>46</v>
      </c>
      <c r="AP15" s="160">
        <v>25</v>
      </c>
      <c r="AQ15" s="160">
        <v>17</v>
      </c>
      <c r="AR15" s="160">
        <v>10</v>
      </c>
      <c r="AS15" s="165">
        <v>112</v>
      </c>
      <c r="AT15" s="164">
        <v>150</v>
      </c>
      <c r="AU15" s="159">
        <v>73</v>
      </c>
      <c r="AV15" s="160">
        <v>139</v>
      </c>
      <c r="AW15" s="165">
        <v>212</v>
      </c>
      <c r="AX15" s="162">
        <v>0</v>
      </c>
      <c r="AY15" s="160">
        <v>331</v>
      </c>
      <c r="AZ15" s="160">
        <v>402</v>
      </c>
      <c r="BA15" s="160">
        <v>381</v>
      </c>
      <c r="BB15" s="160">
        <v>444</v>
      </c>
      <c r="BC15" s="160">
        <v>340</v>
      </c>
      <c r="BD15" s="163">
        <v>1898</v>
      </c>
      <c r="BE15" s="164">
        <v>2110</v>
      </c>
      <c r="BF15" s="159">
        <v>0</v>
      </c>
      <c r="BG15" s="160">
        <v>0</v>
      </c>
      <c r="BH15" s="165">
        <v>0</v>
      </c>
      <c r="BI15" s="162">
        <v>0</v>
      </c>
      <c r="BJ15" s="160">
        <v>674</v>
      </c>
      <c r="BK15" s="160">
        <v>484</v>
      </c>
      <c r="BL15" s="160">
        <v>269</v>
      </c>
      <c r="BM15" s="160">
        <v>199</v>
      </c>
      <c r="BN15" s="160">
        <v>94</v>
      </c>
      <c r="BO15" s="165">
        <v>1720</v>
      </c>
      <c r="BP15" s="164">
        <v>1720</v>
      </c>
      <c r="BQ15" s="159">
        <v>99</v>
      </c>
      <c r="BR15" s="160">
        <v>136</v>
      </c>
      <c r="BS15" s="165">
        <v>235</v>
      </c>
      <c r="BT15" s="162">
        <v>0</v>
      </c>
      <c r="BU15" s="160">
        <v>128</v>
      </c>
      <c r="BV15" s="160">
        <v>185</v>
      </c>
      <c r="BW15" s="160">
        <v>125</v>
      </c>
      <c r="BX15" s="160">
        <v>72</v>
      </c>
      <c r="BY15" s="160">
        <v>28</v>
      </c>
      <c r="BZ15" s="165">
        <v>538</v>
      </c>
      <c r="CA15" s="164">
        <v>773</v>
      </c>
      <c r="CB15" s="159">
        <v>6</v>
      </c>
      <c r="CC15" s="160">
        <v>10</v>
      </c>
      <c r="CD15" s="165">
        <v>16</v>
      </c>
      <c r="CE15" s="162">
        <v>0</v>
      </c>
      <c r="CF15" s="160">
        <v>92</v>
      </c>
      <c r="CG15" s="160">
        <v>103</v>
      </c>
      <c r="CH15" s="160">
        <v>130</v>
      </c>
      <c r="CI15" s="160">
        <v>102</v>
      </c>
      <c r="CJ15" s="160">
        <v>52</v>
      </c>
      <c r="CK15" s="165">
        <v>479</v>
      </c>
      <c r="CL15" s="164">
        <v>495</v>
      </c>
      <c r="CM15" s="159">
        <v>0</v>
      </c>
      <c r="CN15" s="160">
        <v>0</v>
      </c>
      <c r="CO15" s="165">
        <v>0</v>
      </c>
      <c r="CP15" s="162">
        <v>0</v>
      </c>
      <c r="CQ15" s="160">
        <v>4</v>
      </c>
      <c r="CR15" s="160">
        <v>2</v>
      </c>
      <c r="CS15" s="160">
        <v>3</v>
      </c>
      <c r="CT15" s="160">
        <v>5</v>
      </c>
      <c r="CU15" s="160">
        <v>2</v>
      </c>
      <c r="CV15" s="165">
        <v>16</v>
      </c>
      <c r="CW15" s="164">
        <v>16</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504</v>
      </c>
      <c r="DU15" s="160">
        <v>931</v>
      </c>
      <c r="DV15" s="165">
        <v>1435</v>
      </c>
      <c r="DW15" s="162">
        <v>0</v>
      </c>
      <c r="DX15" s="160">
        <v>640</v>
      </c>
      <c r="DY15" s="160">
        <v>1084</v>
      </c>
      <c r="DZ15" s="160">
        <v>674</v>
      </c>
      <c r="EA15" s="160">
        <v>611</v>
      </c>
      <c r="EB15" s="160">
        <v>379</v>
      </c>
      <c r="EC15" s="165">
        <v>3388</v>
      </c>
      <c r="ED15" s="164">
        <v>4823</v>
      </c>
      <c r="EE15" s="159">
        <v>37</v>
      </c>
      <c r="EF15" s="160">
        <v>48</v>
      </c>
      <c r="EG15" s="165">
        <v>85</v>
      </c>
      <c r="EH15" s="162">
        <v>0</v>
      </c>
      <c r="EI15" s="160">
        <v>132</v>
      </c>
      <c r="EJ15" s="160">
        <v>111</v>
      </c>
      <c r="EK15" s="160">
        <v>113</v>
      </c>
      <c r="EL15" s="160">
        <v>132</v>
      </c>
      <c r="EM15" s="160">
        <v>75</v>
      </c>
      <c r="EN15" s="165">
        <v>563</v>
      </c>
      <c r="EO15" s="164">
        <v>648</v>
      </c>
      <c r="EP15" s="159">
        <v>669</v>
      </c>
      <c r="EQ15" s="160">
        <v>1145</v>
      </c>
      <c r="ER15" s="165">
        <v>1814</v>
      </c>
      <c r="ES15" s="162">
        <v>0</v>
      </c>
      <c r="ET15" s="160">
        <v>1564</v>
      </c>
      <c r="EU15" s="160">
        <v>1358</v>
      </c>
      <c r="EV15" s="160">
        <v>760</v>
      </c>
      <c r="EW15" s="160">
        <v>626</v>
      </c>
      <c r="EX15" s="160">
        <v>357</v>
      </c>
      <c r="EY15" s="165">
        <v>4665</v>
      </c>
      <c r="EZ15" s="164">
        <v>6479</v>
      </c>
    </row>
    <row r="16" spans="2:156" ht="21" customHeight="1" x14ac:dyDescent="0.2">
      <c r="B16" s="166" t="s">
        <v>13</v>
      </c>
      <c r="C16" s="159">
        <v>0</v>
      </c>
      <c r="D16" s="160">
        <v>0</v>
      </c>
      <c r="E16" s="161">
        <v>0</v>
      </c>
      <c r="F16" s="162">
        <v>0</v>
      </c>
      <c r="G16" s="160">
        <v>246</v>
      </c>
      <c r="H16" s="160">
        <v>236</v>
      </c>
      <c r="I16" s="160">
        <v>144</v>
      </c>
      <c r="J16" s="160">
        <v>96</v>
      </c>
      <c r="K16" s="160">
        <v>103</v>
      </c>
      <c r="L16" s="163">
        <v>825</v>
      </c>
      <c r="M16" s="164">
        <v>825</v>
      </c>
      <c r="N16" s="159">
        <v>0</v>
      </c>
      <c r="O16" s="160">
        <v>0</v>
      </c>
      <c r="P16" s="165">
        <v>0</v>
      </c>
      <c r="Q16" s="162">
        <v>0</v>
      </c>
      <c r="R16" s="160">
        <v>1</v>
      </c>
      <c r="S16" s="160">
        <v>3</v>
      </c>
      <c r="T16" s="160">
        <v>4</v>
      </c>
      <c r="U16" s="160">
        <v>15</v>
      </c>
      <c r="V16" s="160">
        <v>41</v>
      </c>
      <c r="W16" s="165">
        <v>64</v>
      </c>
      <c r="X16" s="164">
        <v>64</v>
      </c>
      <c r="Y16" s="159">
        <v>12</v>
      </c>
      <c r="Z16" s="160">
        <v>28</v>
      </c>
      <c r="AA16" s="165">
        <v>40</v>
      </c>
      <c r="AB16" s="162">
        <v>0</v>
      </c>
      <c r="AC16" s="160">
        <v>113</v>
      </c>
      <c r="AD16" s="160">
        <v>180</v>
      </c>
      <c r="AE16" s="160">
        <v>97</v>
      </c>
      <c r="AF16" s="160">
        <v>78</v>
      </c>
      <c r="AG16" s="160">
        <v>70</v>
      </c>
      <c r="AH16" s="165">
        <v>538</v>
      </c>
      <c r="AI16" s="164">
        <v>578</v>
      </c>
      <c r="AJ16" s="159">
        <v>1</v>
      </c>
      <c r="AK16" s="160">
        <v>4</v>
      </c>
      <c r="AL16" s="165">
        <v>5</v>
      </c>
      <c r="AM16" s="162">
        <v>0</v>
      </c>
      <c r="AN16" s="160">
        <v>19</v>
      </c>
      <c r="AO16" s="160">
        <v>21</v>
      </c>
      <c r="AP16" s="160">
        <v>16</v>
      </c>
      <c r="AQ16" s="160">
        <v>7</v>
      </c>
      <c r="AR16" s="160">
        <v>13</v>
      </c>
      <c r="AS16" s="165">
        <v>76</v>
      </c>
      <c r="AT16" s="164">
        <v>81</v>
      </c>
      <c r="AU16" s="159">
        <v>27</v>
      </c>
      <c r="AV16" s="160">
        <v>25</v>
      </c>
      <c r="AW16" s="165">
        <v>52</v>
      </c>
      <c r="AX16" s="162">
        <v>0</v>
      </c>
      <c r="AY16" s="160">
        <v>197</v>
      </c>
      <c r="AZ16" s="160">
        <v>228</v>
      </c>
      <c r="BA16" s="160">
        <v>198</v>
      </c>
      <c r="BB16" s="160">
        <v>188</v>
      </c>
      <c r="BC16" s="160">
        <v>188</v>
      </c>
      <c r="BD16" s="163">
        <v>999</v>
      </c>
      <c r="BE16" s="164">
        <v>1051</v>
      </c>
      <c r="BF16" s="159">
        <v>0</v>
      </c>
      <c r="BG16" s="160">
        <v>0</v>
      </c>
      <c r="BH16" s="165">
        <v>0</v>
      </c>
      <c r="BI16" s="162">
        <v>0</v>
      </c>
      <c r="BJ16" s="160">
        <v>190</v>
      </c>
      <c r="BK16" s="160">
        <v>215</v>
      </c>
      <c r="BL16" s="160">
        <v>103</v>
      </c>
      <c r="BM16" s="160">
        <v>53</v>
      </c>
      <c r="BN16" s="160">
        <v>33</v>
      </c>
      <c r="BO16" s="165">
        <v>594</v>
      </c>
      <c r="BP16" s="164">
        <v>594</v>
      </c>
      <c r="BQ16" s="159">
        <v>10</v>
      </c>
      <c r="BR16" s="160">
        <v>24</v>
      </c>
      <c r="BS16" s="165">
        <v>34</v>
      </c>
      <c r="BT16" s="162">
        <v>0</v>
      </c>
      <c r="BU16" s="160">
        <v>41</v>
      </c>
      <c r="BV16" s="160">
        <v>41</v>
      </c>
      <c r="BW16" s="160">
        <v>27</v>
      </c>
      <c r="BX16" s="160">
        <v>19</v>
      </c>
      <c r="BY16" s="160">
        <v>15</v>
      </c>
      <c r="BZ16" s="165">
        <v>143</v>
      </c>
      <c r="CA16" s="164">
        <v>177</v>
      </c>
      <c r="CB16" s="159">
        <v>0</v>
      </c>
      <c r="CC16" s="160">
        <v>1</v>
      </c>
      <c r="CD16" s="165">
        <v>1</v>
      </c>
      <c r="CE16" s="162">
        <v>0</v>
      </c>
      <c r="CF16" s="160">
        <v>13</v>
      </c>
      <c r="CG16" s="160">
        <v>30</v>
      </c>
      <c r="CH16" s="160">
        <v>45</v>
      </c>
      <c r="CI16" s="160">
        <v>34</v>
      </c>
      <c r="CJ16" s="160">
        <v>25</v>
      </c>
      <c r="CK16" s="165">
        <v>147</v>
      </c>
      <c r="CL16" s="164">
        <v>148</v>
      </c>
      <c r="CM16" s="159">
        <v>0</v>
      </c>
      <c r="CN16" s="160">
        <v>0</v>
      </c>
      <c r="CO16" s="165">
        <v>0</v>
      </c>
      <c r="CP16" s="162">
        <v>0</v>
      </c>
      <c r="CQ16" s="160">
        <v>1</v>
      </c>
      <c r="CR16" s="160">
        <v>5</v>
      </c>
      <c r="CS16" s="160">
        <v>2</v>
      </c>
      <c r="CT16" s="160">
        <v>5</v>
      </c>
      <c r="CU16" s="160">
        <v>2</v>
      </c>
      <c r="CV16" s="165">
        <v>15</v>
      </c>
      <c r="CW16" s="164">
        <v>15</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8</v>
      </c>
      <c r="DU16" s="160">
        <v>172</v>
      </c>
      <c r="DV16" s="165">
        <v>250</v>
      </c>
      <c r="DW16" s="162">
        <v>0</v>
      </c>
      <c r="DX16" s="160">
        <v>265</v>
      </c>
      <c r="DY16" s="160">
        <v>427</v>
      </c>
      <c r="DZ16" s="160">
        <v>257</v>
      </c>
      <c r="EA16" s="160">
        <v>181</v>
      </c>
      <c r="EB16" s="160">
        <v>140</v>
      </c>
      <c r="EC16" s="165">
        <v>1270</v>
      </c>
      <c r="ED16" s="164">
        <v>1520</v>
      </c>
      <c r="EE16" s="159">
        <v>16</v>
      </c>
      <c r="EF16" s="160">
        <v>10</v>
      </c>
      <c r="EG16" s="165">
        <v>26</v>
      </c>
      <c r="EH16" s="162">
        <v>0</v>
      </c>
      <c r="EI16" s="160">
        <v>80</v>
      </c>
      <c r="EJ16" s="160">
        <v>73</v>
      </c>
      <c r="EK16" s="160">
        <v>72</v>
      </c>
      <c r="EL16" s="160">
        <v>71</v>
      </c>
      <c r="EM16" s="160">
        <v>47</v>
      </c>
      <c r="EN16" s="165">
        <v>343</v>
      </c>
      <c r="EO16" s="164">
        <v>369</v>
      </c>
      <c r="EP16" s="159">
        <v>96</v>
      </c>
      <c r="EQ16" s="160">
        <v>202</v>
      </c>
      <c r="ER16" s="165">
        <v>298</v>
      </c>
      <c r="ES16" s="162">
        <v>0</v>
      </c>
      <c r="ET16" s="160">
        <v>595</v>
      </c>
      <c r="EU16" s="160">
        <v>599</v>
      </c>
      <c r="EV16" s="160">
        <v>311</v>
      </c>
      <c r="EW16" s="160">
        <v>197</v>
      </c>
      <c r="EX16" s="160">
        <v>161</v>
      </c>
      <c r="EY16" s="165">
        <v>1863</v>
      </c>
      <c r="EZ16" s="164">
        <v>2161</v>
      </c>
    </row>
    <row r="17" spans="2:156" ht="21" customHeight="1" x14ac:dyDescent="0.2">
      <c r="B17" s="166" t="s">
        <v>15</v>
      </c>
      <c r="C17" s="159">
        <v>0</v>
      </c>
      <c r="D17" s="160">
        <v>0</v>
      </c>
      <c r="E17" s="161">
        <v>0</v>
      </c>
      <c r="F17" s="162">
        <v>0</v>
      </c>
      <c r="G17" s="160">
        <v>129</v>
      </c>
      <c r="H17" s="160">
        <v>164</v>
      </c>
      <c r="I17" s="160">
        <v>92</v>
      </c>
      <c r="J17" s="160">
        <v>54</v>
      </c>
      <c r="K17" s="160">
        <v>44</v>
      </c>
      <c r="L17" s="163">
        <v>483</v>
      </c>
      <c r="M17" s="164">
        <v>483</v>
      </c>
      <c r="N17" s="159">
        <v>0</v>
      </c>
      <c r="O17" s="160">
        <v>0</v>
      </c>
      <c r="P17" s="165">
        <v>0</v>
      </c>
      <c r="Q17" s="162">
        <v>0</v>
      </c>
      <c r="R17" s="160">
        <v>0</v>
      </c>
      <c r="S17" s="160">
        <v>5</v>
      </c>
      <c r="T17" s="160">
        <v>9</v>
      </c>
      <c r="U17" s="160">
        <v>17</v>
      </c>
      <c r="V17" s="160">
        <v>23</v>
      </c>
      <c r="W17" s="165">
        <v>54</v>
      </c>
      <c r="X17" s="164">
        <v>54</v>
      </c>
      <c r="Y17" s="159">
        <v>9</v>
      </c>
      <c r="Z17" s="160">
        <v>19</v>
      </c>
      <c r="AA17" s="165">
        <v>28</v>
      </c>
      <c r="AB17" s="162">
        <v>0</v>
      </c>
      <c r="AC17" s="160">
        <v>62</v>
      </c>
      <c r="AD17" s="160">
        <v>75</v>
      </c>
      <c r="AE17" s="160">
        <v>46</v>
      </c>
      <c r="AF17" s="160">
        <v>45</v>
      </c>
      <c r="AG17" s="160">
        <v>42</v>
      </c>
      <c r="AH17" s="165">
        <v>270</v>
      </c>
      <c r="AI17" s="164">
        <v>298</v>
      </c>
      <c r="AJ17" s="159">
        <v>0</v>
      </c>
      <c r="AK17" s="160">
        <v>3</v>
      </c>
      <c r="AL17" s="165">
        <v>3</v>
      </c>
      <c r="AM17" s="162">
        <v>0</v>
      </c>
      <c r="AN17" s="160">
        <v>10</v>
      </c>
      <c r="AO17" s="160">
        <v>15</v>
      </c>
      <c r="AP17" s="160">
        <v>4</v>
      </c>
      <c r="AQ17" s="160">
        <v>3</v>
      </c>
      <c r="AR17" s="160">
        <v>5</v>
      </c>
      <c r="AS17" s="165">
        <v>37</v>
      </c>
      <c r="AT17" s="164">
        <v>40</v>
      </c>
      <c r="AU17" s="159">
        <v>14</v>
      </c>
      <c r="AV17" s="160">
        <v>18</v>
      </c>
      <c r="AW17" s="165">
        <v>32</v>
      </c>
      <c r="AX17" s="162">
        <v>0</v>
      </c>
      <c r="AY17" s="160">
        <v>117</v>
      </c>
      <c r="AZ17" s="160">
        <v>127</v>
      </c>
      <c r="BA17" s="160">
        <v>106</v>
      </c>
      <c r="BB17" s="160">
        <v>115</v>
      </c>
      <c r="BC17" s="160">
        <v>72</v>
      </c>
      <c r="BD17" s="163">
        <v>537</v>
      </c>
      <c r="BE17" s="164">
        <v>569</v>
      </c>
      <c r="BF17" s="159">
        <v>0</v>
      </c>
      <c r="BG17" s="160">
        <v>0</v>
      </c>
      <c r="BH17" s="165">
        <v>0</v>
      </c>
      <c r="BI17" s="162">
        <v>0</v>
      </c>
      <c r="BJ17" s="160">
        <v>134</v>
      </c>
      <c r="BK17" s="160">
        <v>127</v>
      </c>
      <c r="BL17" s="160">
        <v>62</v>
      </c>
      <c r="BM17" s="160">
        <v>33</v>
      </c>
      <c r="BN17" s="160">
        <v>11</v>
      </c>
      <c r="BO17" s="165">
        <v>367</v>
      </c>
      <c r="BP17" s="164">
        <v>367</v>
      </c>
      <c r="BQ17" s="159">
        <v>3</v>
      </c>
      <c r="BR17" s="160">
        <v>5</v>
      </c>
      <c r="BS17" s="165">
        <v>8</v>
      </c>
      <c r="BT17" s="162">
        <v>0</v>
      </c>
      <c r="BU17" s="160">
        <v>33</v>
      </c>
      <c r="BV17" s="160">
        <v>39</v>
      </c>
      <c r="BW17" s="160">
        <v>21</v>
      </c>
      <c r="BX17" s="160">
        <v>17</v>
      </c>
      <c r="BY17" s="160">
        <v>6</v>
      </c>
      <c r="BZ17" s="165">
        <v>116</v>
      </c>
      <c r="CA17" s="164">
        <v>124</v>
      </c>
      <c r="CB17" s="159">
        <v>0</v>
      </c>
      <c r="CC17" s="160">
        <v>1</v>
      </c>
      <c r="CD17" s="165">
        <v>1</v>
      </c>
      <c r="CE17" s="162">
        <v>0</v>
      </c>
      <c r="CF17" s="160">
        <v>17</v>
      </c>
      <c r="CG17" s="160">
        <v>30</v>
      </c>
      <c r="CH17" s="160">
        <v>51</v>
      </c>
      <c r="CI17" s="160">
        <v>33</v>
      </c>
      <c r="CJ17" s="160">
        <v>18</v>
      </c>
      <c r="CK17" s="165">
        <v>149</v>
      </c>
      <c r="CL17" s="164">
        <v>150</v>
      </c>
      <c r="CM17" s="159">
        <v>0</v>
      </c>
      <c r="CN17" s="160">
        <v>0</v>
      </c>
      <c r="CO17" s="165">
        <v>0</v>
      </c>
      <c r="CP17" s="162">
        <v>0</v>
      </c>
      <c r="CQ17" s="160">
        <v>2</v>
      </c>
      <c r="CR17" s="160">
        <v>5</v>
      </c>
      <c r="CS17" s="160">
        <v>2</v>
      </c>
      <c r="CT17" s="160">
        <v>2</v>
      </c>
      <c r="CU17" s="160">
        <v>0</v>
      </c>
      <c r="CV17" s="165">
        <v>11</v>
      </c>
      <c r="CW17" s="164">
        <v>11</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70</v>
      </c>
      <c r="DU17" s="160">
        <v>169</v>
      </c>
      <c r="DV17" s="165">
        <v>239</v>
      </c>
      <c r="DW17" s="162">
        <v>0</v>
      </c>
      <c r="DX17" s="160">
        <v>232</v>
      </c>
      <c r="DY17" s="160">
        <v>355</v>
      </c>
      <c r="DZ17" s="160">
        <v>181</v>
      </c>
      <c r="EA17" s="160">
        <v>125</v>
      </c>
      <c r="EB17" s="160">
        <v>79</v>
      </c>
      <c r="EC17" s="165">
        <v>972</v>
      </c>
      <c r="ED17" s="164">
        <v>1211</v>
      </c>
      <c r="EE17" s="159">
        <v>21</v>
      </c>
      <c r="EF17" s="160">
        <v>10</v>
      </c>
      <c r="EG17" s="165">
        <v>31</v>
      </c>
      <c r="EH17" s="162">
        <v>0</v>
      </c>
      <c r="EI17" s="160">
        <v>56</v>
      </c>
      <c r="EJ17" s="160">
        <v>31</v>
      </c>
      <c r="EK17" s="160">
        <v>27</v>
      </c>
      <c r="EL17" s="160">
        <v>44</v>
      </c>
      <c r="EM17" s="160">
        <v>16</v>
      </c>
      <c r="EN17" s="165">
        <v>174</v>
      </c>
      <c r="EO17" s="164">
        <v>205</v>
      </c>
      <c r="EP17" s="159">
        <v>80</v>
      </c>
      <c r="EQ17" s="160">
        <v>178</v>
      </c>
      <c r="ER17" s="165">
        <v>258</v>
      </c>
      <c r="ES17" s="162">
        <v>0</v>
      </c>
      <c r="ET17" s="160">
        <v>456</v>
      </c>
      <c r="EU17" s="160">
        <v>459</v>
      </c>
      <c r="EV17" s="160">
        <v>234</v>
      </c>
      <c r="EW17" s="160">
        <v>147</v>
      </c>
      <c r="EX17" s="160">
        <v>84</v>
      </c>
      <c r="EY17" s="165">
        <v>1380</v>
      </c>
      <c r="EZ17" s="164">
        <v>1638</v>
      </c>
    </row>
    <row r="18" spans="2:156" ht="21" customHeight="1" x14ac:dyDescent="0.2">
      <c r="B18" s="166" t="s">
        <v>16</v>
      </c>
      <c r="C18" s="159">
        <v>0</v>
      </c>
      <c r="D18" s="160">
        <v>0</v>
      </c>
      <c r="E18" s="161">
        <v>0</v>
      </c>
      <c r="F18" s="162">
        <v>0</v>
      </c>
      <c r="G18" s="160">
        <v>183</v>
      </c>
      <c r="H18" s="160">
        <v>313</v>
      </c>
      <c r="I18" s="160">
        <v>154</v>
      </c>
      <c r="J18" s="160">
        <v>143</v>
      </c>
      <c r="K18" s="160">
        <v>85</v>
      </c>
      <c r="L18" s="163">
        <v>878</v>
      </c>
      <c r="M18" s="164">
        <v>878</v>
      </c>
      <c r="N18" s="159">
        <v>0</v>
      </c>
      <c r="O18" s="160">
        <v>0</v>
      </c>
      <c r="P18" s="165">
        <v>0</v>
      </c>
      <c r="Q18" s="162">
        <v>0</v>
      </c>
      <c r="R18" s="160">
        <v>2</v>
      </c>
      <c r="S18" s="160">
        <v>7</v>
      </c>
      <c r="T18" s="160">
        <v>12</v>
      </c>
      <c r="U18" s="160">
        <v>29</v>
      </c>
      <c r="V18" s="160">
        <v>46</v>
      </c>
      <c r="W18" s="165">
        <v>96</v>
      </c>
      <c r="X18" s="164">
        <v>96</v>
      </c>
      <c r="Y18" s="159">
        <v>28</v>
      </c>
      <c r="Z18" s="160">
        <v>63</v>
      </c>
      <c r="AA18" s="165">
        <v>91</v>
      </c>
      <c r="AB18" s="162">
        <v>0</v>
      </c>
      <c r="AC18" s="160">
        <v>159</v>
      </c>
      <c r="AD18" s="160">
        <v>309</v>
      </c>
      <c r="AE18" s="160">
        <v>168</v>
      </c>
      <c r="AF18" s="160">
        <v>162</v>
      </c>
      <c r="AG18" s="160">
        <v>111</v>
      </c>
      <c r="AH18" s="165">
        <v>909</v>
      </c>
      <c r="AI18" s="164">
        <v>1000</v>
      </c>
      <c r="AJ18" s="159">
        <v>5</v>
      </c>
      <c r="AK18" s="160">
        <v>10</v>
      </c>
      <c r="AL18" s="165">
        <v>15</v>
      </c>
      <c r="AM18" s="162">
        <v>0</v>
      </c>
      <c r="AN18" s="160">
        <v>11</v>
      </c>
      <c r="AO18" s="160">
        <v>34</v>
      </c>
      <c r="AP18" s="160">
        <v>11</v>
      </c>
      <c r="AQ18" s="160">
        <v>8</v>
      </c>
      <c r="AR18" s="160">
        <v>11</v>
      </c>
      <c r="AS18" s="165">
        <v>75</v>
      </c>
      <c r="AT18" s="164">
        <v>90</v>
      </c>
      <c r="AU18" s="159">
        <v>38</v>
      </c>
      <c r="AV18" s="160">
        <v>43</v>
      </c>
      <c r="AW18" s="165">
        <v>81</v>
      </c>
      <c r="AX18" s="162">
        <v>0</v>
      </c>
      <c r="AY18" s="160">
        <v>211</v>
      </c>
      <c r="AZ18" s="160">
        <v>346</v>
      </c>
      <c r="BA18" s="160">
        <v>277</v>
      </c>
      <c r="BB18" s="160">
        <v>291</v>
      </c>
      <c r="BC18" s="160">
        <v>217</v>
      </c>
      <c r="BD18" s="163">
        <v>1342</v>
      </c>
      <c r="BE18" s="164">
        <v>1423</v>
      </c>
      <c r="BF18" s="159">
        <v>0</v>
      </c>
      <c r="BG18" s="160">
        <v>0</v>
      </c>
      <c r="BH18" s="165">
        <v>0</v>
      </c>
      <c r="BI18" s="162">
        <v>0</v>
      </c>
      <c r="BJ18" s="160">
        <v>314</v>
      </c>
      <c r="BK18" s="160">
        <v>455</v>
      </c>
      <c r="BL18" s="160">
        <v>221</v>
      </c>
      <c r="BM18" s="160">
        <v>153</v>
      </c>
      <c r="BN18" s="160">
        <v>87</v>
      </c>
      <c r="BO18" s="165">
        <v>1230</v>
      </c>
      <c r="BP18" s="164">
        <v>1230</v>
      </c>
      <c r="BQ18" s="159">
        <v>47</v>
      </c>
      <c r="BR18" s="160">
        <v>114</v>
      </c>
      <c r="BS18" s="165">
        <v>161</v>
      </c>
      <c r="BT18" s="162">
        <v>0</v>
      </c>
      <c r="BU18" s="160">
        <v>179</v>
      </c>
      <c r="BV18" s="160">
        <v>264</v>
      </c>
      <c r="BW18" s="160">
        <v>98</v>
      </c>
      <c r="BX18" s="160">
        <v>49</v>
      </c>
      <c r="BY18" s="160">
        <v>19</v>
      </c>
      <c r="BZ18" s="165">
        <v>609</v>
      </c>
      <c r="CA18" s="164">
        <v>770</v>
      </c>
      <c r="CB18" s="159">
        <v>1</v>
      </c>
      <c r="CC18" s="160">
        <v>6</v>
      </c>
      <c r="CD18" s="165">
        <v>7</v>
      </c>
      <c r="CE18" s="162">
        <v>0</v>
      </c>
      <c r="CF18" s="160">
        <v>40</v>
      </c>
      <c r="CG18" s="160">
        <v>85</v>
      </c>
      <c r="CH18" s="160">
        <v>65</v>
      </c>
      <c r="CI18" s="160">
        <v>57</v>
      </c>
      <c r="CJ18" s="160">
        <v>29</v>
      </c>
      <c r="CK18" s="165">
        <v>276</v>
      </c>
      <c r="CL18" s="164">
        <v>283</v>
      </c>
      <c r="CM18" s="159">
        <v>0</v>
      </c>
      <c r="CN18" s="160">
        <v>0</v>
      </c>
      <c r="CO18" s="165">
        <v>0</v>
      </c>
      <c r="CP18" s="162">
        <v>0</v>
      </c>
      <c r="CQ18" s="160">
        <v>2</v>
      </c>
      <c r="CR18" s="160">
        <v>4</v>
      </c>
      <c r="CS18" s="160">
        <v>8</v>
      </c>
      <c r="CT18" s="160">
        <v>3</v>
      </c>
      <c r="CU18" s="160">
        <v>2</v>
      </c>
      <c r="CV18" s="165">
        <v>19</v>
      </c>
      <c r="CW18" s="164">
        <v>19</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7</v>
      </c>
      <c r="DU18" s="160">
        <v>416</v>
      </c>
      <c r="DV18" s="165">
        <v>583</v>
      </c>
      <c r="DW18" s="162">
        <v>0</v>
      </c>
      <c r="DX18" s="160">
        <v>413</v>
      </c>
      <c r="DY18" s="160">
        <v>899</v>
      </c>
      <c r="DZ18" s="160">
        <v>456</v>
      </c>
      <c r="EA18" s="160">
        <v>351</v>
      </c>
      <c r="EB18" s="160">
        <v>228</v>
      </c>
      <c r="EC18" s="165">
        <v>2347</v>
      </c>
      <c r="ED18" s="164">
        <v>2930</v>
      </c>
      <c r="EE18" s="159">
        <v>30</v>
      </c>
      <c r="EF18" s="160">
        <v>22</v>
      </c>
      <c r="EG18" s="165">
        <v>52</v>
      </c>
      <c r="EH18" s="162">
        <v>0</v>
      </c>
      <c r="EI18" s="160">
        <v>96</v>
      </c>
      <c r="EJ18" s="160">
        <v>113</v>
      </c>
      <c r="EK18" s="160">
        <v>93</v>
      </c>
      <c r="EL18" s="160">
        <v>122</v>
      </c>
      <c r="EM18" s="160">
        <v>72</v>
      </c>
      <c r="EN18" s="165">
        <v>496</v>
      </c>
      <c r="EO18" s="164">
        <v>548</v>
      </c>
      <c r="EP18" s="159">
        <v>221</v>
      </c>
      <c r="EQ18" s="160">
        <v>493</v>
      </c>
      <c r="ER18" s="165">
        <v>714</v>
      </c>
      <c r="ES18" s="162">
        <v>0</v>
      </c>
      <c r="ET18" s="160">
        <v>835</v>
      </c>
      <c r="EU18" s="160">
        <v>1205</v>
      </c>
      <c r="EV18" s="160">
        <v>552</v>
      </c>
      <c r="EW18" s="160">
        <v>376</v>
      </c>
      <c r="EX18" s="160">
        <v>222</v>
      </c>
      <c r="EY18" s="165">
        <v>3190</v>
      </c>
      <c r="EZ18" s="164">
        <v>3904</v>
      </c>
    </row>
    <row r="19" spans="2:156" ht="21" customHeight="1" x14ac:dyDescent="0.2">
      <c r="B19" s="166" t="s">
        <v>17</v>
      </c>
      <c r="C19" s="159">
        <v>0</v>
      </c>
      <c r="D19" s="160">
        <v>0</v>
      </c>
      <c r="E19" s="161">
        <v>0</v>
      </c>
      <c r="F19" s="162">
        <v>0</v>
      </c>
      <c r="G19" s="160">
        <v>221</v>
      </c>
      <c r="H19" s="160">
        <v>453</v>
      </c>
      <c r="I19" s="160">
        <v>308</v>
      </c>
      <c r="J19" s="160">
        <v>232</v>
      </c>
      <c r="K19" s="160">
        <v>149</v>
      </c>
      <c r="L19" s="163">
        <v>1363</v>
      </c>
      <c r="M19" s="164">
        <v>1363</v>
      </c>
      <c r="N19" s="159">
        <v>0</v>
      </c>
      <c r="O19" s="160">
        <v>1</v>
      </c>
      <c r="P19" s="165">
        <v>1</v>
      </c>
      <c r="Q19" s="162">
        <v>0</v>
      </c>
      <c r="R19" s="160">
        <v>1</v>
      </c>
      <c r="S19" s="160">
        <v>6</v>
      </c>
      <c r="T19" s="160">
        <v>15</v>
      </c>
      <c r="U19" s="160">
        <v>51</v>
      </c>
      <c r="V19" s="160">
        <v>69</v>
      </c>
      <c r="W19" s="165">
        <v>142</v>
      </c>
      <c r="X19" s="164">
        <v>143</v>
      </c>
      <c r="Y19" s="159">
        <v>39</v>
      </c>
      <c r="Z19" s="160">
        <v>95</v>
      </c>
      <c r="AA19" s="165">
        <v>134</v>
      </c>
      <c r="AB19" s="162">
        <v>0</v>
      </c>
      <c r="AC19" s="160">
        <v>194</v>
      </c>
      <c r="AD19" s="160">
        <v>360</v>
      </c>
      <c r="AE19" s="160">
        <v>231</v>
      </c>
      <c r="AF19" s="160">
        <v>200</v>
      </c>
      <c r="AG19" s="160">
        <v>140</v>
      </c>
      <c r="AH19" s="165">
        <v>1125</v>
      </c>
      <c r="AI19" s="164">
        <v>1259</v>
      </c>
      <c r="AJ19" s="159">
        <v>4</v>
      </c>
      <c r="AK19" s="160">
        <v>10</v>
      </c>
      <c r="AL19" s="165">
        <v>14</v>
      </c>
      <c r="AM19" s="162">
        <v>0</v>
      </c>
      <c r="AN19" s="160">
        <v>12</v>
      </c>
      <c r="AO19" s="160">
        <v>44</v>
      </c>
      <c r="AP19" s="160">
        <v>24</v>
      </c>
      <c r="AQ19" s="160">
        <v>19</v>
      </c>
      <c r="AR19" s="160">
        <v>19</v>
      </c>
      <c r="AS19" s="165">
        <v>118</v>
      </c>
      <c r="AT19" s="164">
        <v>132</v>
      </c>
      <c r="AU19" s="159">
        <v>52</v>
      </c>
      <c r="AV19" s="160">
        <v>62</v>
      </c>
      <c r="AW19" s="165">
        <v>114</v>
      </c>
      <c r="AX19" s="162">
        <v>0</v>
      </c>
      <c r="AY19" s="160">
        <v>266</v>
      </c>
      <c r="AZ19" s="160">
        <v>481</v>
      </c>
      <c r="BA19" s="160">
        <v>461</v>
      </c>
      <c r="BB19" s="160">
        <v>444</v>
      </c>
      <c r="BC19" s="160">
        <v>311</v>
      </c>
      <c r="BD19" s="163">
        <v>1963</v>
      </c>
      <c r="BE19" s="164">
        <v>2077</v>
      </c>
      <c r="BF19" s="159">
        <v>0</v>
      </c>
      <c r="BG19" s="160">
        <v>0</v>
      </c>
      <c r="BH19" s="165">
        <v>0</v>
      </c>
      <c r="BI19" s="162">
        <v>0</v>
      </c>
      <c r="BJ19" s="160">
        <v>316</v>
      </c>
      <c r="BK19" s="160">
        <v>549</v>
      </c>
      <c r="BL19" s="160">
        <v>315</v>
      </c>
      <c r="BM19" s="160">
        <v>177</v>
      </c>
      <c r="BN19" s="160">
        <v>100</v>
      </c>
      <c r="BO19" s="165">
        <v>1457</v>
      </c>
      <c r="BP19" s="164">
        <v>1457</v>
      </c>
      <c r="BQ19" s="159">
        <v>39</v>
      </c>
      <c r="BR19" s="160">
        <v>75</v>
      </c>
      <c r="BS19" s="165">
        <v>114</v>
      </c>
      <c r="BT19" s="162">
        <v>0</v>
      </c>
      <c r="BU19" s="160">
        <v>60</v>
      </c>
      <c r="BV19" s="160">
        <v>202</v>
      </c>
      <c r="BW19" s="160">
        <v>105</v>
      </c>
      <c r="BX19" s="160">
        <v>50</v>
      </c>
      <c r="BY19" s="160">
        <v>20</v>
      </c>
      <c r="BZ19" s="165">
        <v>437</v>
      </c>
      <c r="CA19" s="164">
        <v>551</v>
      </c>
      <c r="CB19" s="159">
        <v>1</v>
      </c>
      <c r="CC19" s="160">
        <v>4</v>
      </c>
      <c r="CD19" s="165">
        <v>5</v>
      </c>
      <c r="CE19" s="162">
        <v>0</v>
      </c>
      <c r="CF19" s="160">
        <v>29</v>
      </c>
      <c r="CG19" s="160">
        <v>94</v>
      </c>
      <c r="CH19" s="160">
        <v>87</v>
      </c>
      <c r="CI19" s="160">
        <v>87</v>
      </c>
      <c r="CJ19" s="160">
        <v>36</v>
      </c>
      <c r="CK19" s="165">
        <v>333</v>
      </c>
      <c r="CL19" s="164">
        <v>338</v>
      </c>
      <c r="CM19" s="159">
        <v>0</v>
      </c>
      <c r="CN19" s="160">
        <v>0</v>
      </c>
      <c r="CO19" s="165">
        <v>0</v>
      </c>
      <c r="CP19" s="162">
        <v>0</v>
      </c>
      <c r="CQ19" s="160">
        <v>6</v>
      </c>
      <c r="CR19" s="160">
        <v>15</v>
      </c>
      <c r="CS19" s="160">
        <v>11</v>
      </c>
      <c r="CT19" s="160">
        <v>13</v>
      </c>
      <c r="CU19" s="160">
        <v>6</v>
      </c>
      <c r="CV19" s="165">
        <v>51</v>
      </c>
      <c r="CW19" s="164">
        <v>51</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99</v>
      </c>
      <c r="DU19" s="160">
        <v>541</v>
      </c>
      <c r="DV19" s="165">
        <v>740</v>
      </c>
      <c r="DW19" s="162">
        <v>0</v>
      </c>
      <c r="DX19" s="160">
        <v>401</v>
      </c>
      <c r="DY19" s="160">
        <v>1198</v>
      </c>
      <c r="DZ19" s="160">
        <v>736</v>
      </c>
      <c r="EA19" s="160">
        <v>547</v>
      </c>
      <c r="EB19" s="160">
        <v>302</v>
      </c>
      <c r="EC19" s="165">
        <v>3184</v>
      </c>
      <c r="ED19" s="164">
        <v>3924</v>
      </c>
      <c r="EE19" s="159">
        <v>30</v>
      </c>
      <c r="EF19" s="160">
        <v>33</v>
      </c>
      <c r="EG19" s="165">
        <v>63</v>
      </c>
      <c r="EH19" s="162">
        <v>0</v>
      </c>
      <c r="EI19" s="160">
        <v>94</v>
      </c>
      <c r="EJ19" s="160">
        <v>137</v>
      </c>
      <c r="EK19" s="160">
        <v>93</v>
      </c>
      <c r="EL19" s="160">
        <v>99</v>
      </c>
      <c r="EM19" s="160">
        <v>64</v>
      </c>
      <c r="EN19" s="165">
        <v>487</v>
      </c>
      <c r="EO19" s="164">
        <v>550</v>
      </c>
      <c r="EP19" s="159">
        <v>266</v>
      </c>
      <c r="EQ19" s="160">
        <v>621</v>
      </c>
      <c r="ER19" s="165">
        <v>887</v>
      </c>
      <c r="ES19" s="162">
        <v>0</v>
      </c>
      <c r="ET19" s="160">
        <v>919</v>
      </c>
      <c r="EU19" s="160">
        <v>1554</v>
      </c>
      <c r="EV19" s="160">
        <v>832</v>
      </c>
      <c r="EW19" s="160">
        <v>589</v>
      </c>
      <c r="EX19" s="160">
        <v>303</v>
      </c>
      <c r="EY19" s="165">
        <v>4197</v>
      </c>
      <c r="EZ19" s="164">
        <v>5084</v>
      </c>
    </row>
    <row r="20" spans="2:156" ht="21" customHeight="1" x14ac:dyDescent="0.2">
      <c r="B20" s="166" t="s">
        <v>18</v>
      </c>
      <c r="C20" s="159">
        <v>0</v>
      </c>
      <c r="D20" s="160">
        <v>0</v>
      </c>
      <c r="E20" s="161">
        <v>0</v>
      </c>
      <c r="F20" s="162">
        <v>0</v>
      </c>
      <c r="G20" s="160">
        <v>460</v>
      </c>
      <c r="H20" s="160">
        <v>524</v>
      </c>
      <c r="I20" s="160">
        <v>296</v>
      </c>
      <c r="J20" s="160">
        <v>239</v>
      </c>
      <c r="K20" s="160">
        <v>203</v>
      </c>
      <c r="L20" s="163">
        <v>1722</v>
      </c>
      <c r="M20" s="164">
        <v>1722</v>
      </c>
      <c r="N20" s="159">
        <v>0</v>
      </c>
      <c r="O20" s="160">
        <v>0</v>
      </c>
      <c r="P20" s="165">
        <v>0</v>
      </c>
      <c r="Q20" s="162">
        <v>0</v>
      </c>
      <c r="R20" s="160">
        <v>4</v>
      </c>
      <c r="S20" s="160">
        <v>9</v>
      </c>
      <c r="T20" s="160">
        <v>20</v>
      </c>
      <c r="U20" s="160">
        <v>43</v>
      </c>
      <c r="V20" s="160">
        <v>81</v>
      </c>
      <c r="W20" s="165">
        <v>157</v>
      </c>
      <c r="X20" s="164">
        <v>157</v>
      </c>
      <c r="Y20" s="159">
        <v>52</v>
      </c>
      <c r="Z20" s="160">
        <v>132</v>
      </c>
      <c r="AA20" s="165">
        <v>184</v>
      </c>
      <c r="AB20" s="162">
        <v>0</v>
      </c>
      <c r="AC20" s="160">
        <v>354</v>
      </c>
      <c r="AD20" s="160">
        <v>429</v>
      </c>
      <c r="AE20" s="160">
        <v>253</v>
      </c>
      <c r="AF20" s="160">
        <v>200</v>
      </c>
      <c r="AG20" s="160">
        <v>159</v>
      </c>
      <c r="AH20" s="165">
        <v>1395</v>
      </c>
      <c r="AI20" s="164">
        <v>1579</v>
      </c>
      <c r="AJ20" s="159">
        <v>9</v>
      </c>
      <c r="AK20" s="160">
        <v>15</v>
      </c>
      <c r="AL20" s="165">
        <v>24</v>
      </c>
      <c r="AM20" s="162">
        <v>0</v>
      </c>
      <c r="AN20" s="160">
        <v>36</v>
      </c>
      <c r="AO20" s="160">
        <v>53</v>
      </c>
      <c r="AP20" s="160">
        <v>31</v>
      </c>
      <c r="AQ20" s="160">
        <v>21</v>
      </c>
      <c r="AR20" s="160">
        <v>14</v>
      </c>
      <c r="AS20" s="165">
        <v>155</v>
      </c>
      <c r="AT20" s="164">
        <v>179</v>
      </c>
      <c r="AU20" s="159">
        <v>53</v>
      </c>
      <c r="AV20" s="160">
        <v>82</v>
      </c>
      <c r="AW20" s="165">
        <v>135</v>
      </c>
      <c r="AX20" s="162">
        <v>0</v>
      </c>
      <c r="AY20" s="160">
        <v>500</v>
      </c>
      <c r="AZ20" s="160">
        <v>610</v>
      </c>
      <c r="BA20" s="160">
        <v>541</v>
      </c>
      <c r="BB20" s="160">
        <v>512</v>
      </c>
      <c r="BC20" s="160">
        <v>389</v>
      </c>
      <c r="BD20" s="163">
        <v>2552</v>
      </c>
      <c r="BE20" s="164">
        <v>2687</v>
      </c>
      <c r="BF20" s="159">
        <v>0</v>
      </c>
      <c r="BG20" s="160">
        <v>0</v>
      </c>
      <c r="BH20" s="165">
        <v>0</v>
      </c>
      <c r="BI20" s="162">
        <v>0</v>
      </c>
      <c r="BJ20" s="160">
        <v>705</v>
      </c>
      <c r="BK20" s="160">
        <v>646</v>
      </c>
      <c r="BL20" s="160">
        <v>360</v>
      </c>
      <c r="BM20" s="160">
        <v>204</v>
      </c>
      <c r="BN20" s="160">
        <v>98</v>
      </c>
      <c r="BO20" s="165">
        <v>2013</v>
      </c>
      <c r="BP20" s="164">
        <v>2013</v>
      </c>
      <c r="BQ20" s="159">
        <v>70</v>
      </c>
      <c r="BR20" s="160">
        <v>118</v>
      </c>
      <c r="BS20" s="165">
        <v>188</v>
      </c>
      <c r="BT20" s="162">
        <v>0</v>
      </c>
      <c r="BU20" s="160">
        <v>191</v>
      </c>
      <c r="BV20" s="160">
        <v>217</v>
      </c>
      <c r="BW20" s="160">
        <v>127</v>
      </c>
      <c r="BX20" s="160">
        <v>66</v>
      </c>
      <c r="BY20" s="160">
        <v>23</v>
      </c>
      <c r="BZ20" s="165">
        <v>624</v>
      </c>
      <c r="CA20" s="164">
        <v>812</v>
      </c>
      <c r="CB20" s="159">
        <v>0</v>
      </c>
      <c r="CC20" s="160">
        <v>4</v>
      </c>
      <c r="CD20" s="165">
        <v>4</v>
      </c>
      <c r="CE20" s="162">
        <v>0</v>
      </c>
      <c r="CF20" s="160">
        <v>58</v>
      </c>
      <c r="CG20" s="160">
        <v>93</v>
      </c>
      <c r="CH20" s="160">
        <v>121</v>
      </c>
      <c r="CI20" s="160">
        <v>104</v>
      </c>
      <c r="CJ20" s="160">
        <v>58</v>
      </c>
      <c r="CK20" s="165">
        <v>434</v>
      </c>
      <c r="CL20" s="164">
        <v>438</v>
      </c>
      <c r="CM20" s="159">
        <v>0</v>
      </c>
      <c r="CN20" s="160">
        <v>0</v>
      </c>
      <c r="CO20" s="165">
        <v>0</v>
      </c>
      <c r="CP20" s="162">
        <v>0</v>
      </c>
      <c r="CQ20" s="160">
        <v>2</v>
      </c>
      <c r="CR20" s="160">
        <v>8</v>
      </c>
      <c r="CS20" s="160">
        <v>4</v>
      </c>
      <c r="CT20" s="160">
        <v>4</v>
      </c>
      <c r="CU20" s="160">
        <v>2</v>
      </c>
      <c r="CV20" s="165">
        <v>20</v>
      </c>
      <c r="CW20" s="164">
        <v>2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42</v>
      </c>
      <c r="DU20" s="160">
        <v>560</v>
      </c>
      <c r="DV20" s="165">
        <v>802</v>
      </c>
      <c r="DW20" s="162">
        <v>0</v>
      </c>
      <c r="DX20" s="160">
        <v>818</v>
      </c>
      <c r="DY20" s="160">
        <v>1177</v>
      </c>
      <c r="DZ20" s="160">
        <v>700</v>
      </c>
      <c r="EA20" s="160">
        <v>537</v>
      </c>
      <c r="EB20" s="160">
        <v>356</v>
      </c>
      <c r="EC20" s="165">
        <v>3588</v>
      </c>
      <c r="ED20" s="164">
        <v>4390</v>
      </c>
      <c r="EE20" s="159">
        <v>33</v>
      </c>
      <c r="EF20" s="160">
        <v>11</v>
      </c>
      <c r="EG20" s="165">
        <v>44</v>
      </c>
      <c r="EH20" s="162">
        <v>0</v>
      </c>
      <c r="EI20" s="160">
        <v>131</v>
      </c>
      <c r="EJ20" s="160">
        <v>110</v>
      </c>
      <c r="EK20" s="160">
        <v>111</v>
      </c>
      <c r="EL20" s="160">
        <v>112</v>
      </c>
      <c r="EM20" s="160">
        <v>66</v>
      </c>
      <c r="EN20" s="165">
        <v>530</v>
      </c>
      <c r="EO20" s="164">
        <v>574</v>
      </c>
      <c r="EP20" s="159">
        <v>338</v>
      </c>
      <c r="EQ20" s="160">
        <v>690</v>
      </c>
      <c r="ER20" s="165">
        <v>1028</v>
      </c>
      <c r="ES20" s="162">
        <v>0</v>
      </c>
      <c r="ET20" s="160">
        <v>1659</v>
      </c>
      <c r="EU20" s="160">
        <v>1562</v>
      </c>
      <c r="EV20" s="160">
        <v>836</v>
      </c>
      <c r="EW20" s="160">
        <v>573</v>
      </c>
      <c r="EX20" s="160">
        <v>351</v>
      </c>
      <c r="EY20" s="165">
        <v>4981</v>
      </c>
      <c r="EZ20" s="164">
        <v>6009</v>
      </c>
    </row>
    <row r="21" spans="2:156" ht="21" customHeight="1" x14ac:dyDescent="0.2">
      <c r="B21" s="166" t="s">
        <v>19</v>
      </c>
      <c r="C21" s="159">
        <v>0</v>
      </c>
      <c r="D21" s="160">
        <v>0</v>
      </c>
      <c r="E21" s="161">
        <v>0</v>
      </c>
      <c r="F21" s="162">
        <v>0</v>
      </c>
      <c r="G21" s="160">
        <v>208</v>
      </c>
      <c r="H21" s="160">
        <v>161</v>
      </c>
      <c r="I21" s="160">
        <v>103</v>
      </c>
      <c r="J21" s="160">
        <v>74</v>
      </c>
      <c r="K21" s="160">
        <v>63</v>
      </c>
      <c r="L21" s="163">
        <v>609</v>
      </c>
      <c r="M21" s="164">
        <v>609</v>
      </c>
      <c r="N21" s="159">
        <v>0</v>
      </c>
      <c r="O21" s="160">
        <v>0</v>
      </c>
      <c r="P21" s="165">
        <v>0</v>
      </c>
      <c r="Q21" s="162">
        <v>0</v>
      </c>
      <c r="R21" s="160">
        <v>3</v>
      </c>
      <c r="S21" s="160">
        <v>6</v>
      </c>
      <c r="T21" s="160">
        <v>11</v>
      </c>
      <c r="U21" s="160">
        <v>17</v>
      </c>
      <c r="V21" s="160">
        <v>23</v>
      </c>
      <c r="W21" s="165">
        <v>60</v>
      </c>
      <c r="X21" s="164">
        <v>60</v>
      </c>
      <c r="Y21" s="159">
        <v>36</v>
      </c>
      <c r="Z21" s="160">
        <v>52</v>
      </c>
      <c r="AA21" s="165">
        <v>88</v>
      </c>
      <c r="AB21" s="162">
        <v>0</v>
      </c>
      <c r="AC21" s="160">
        <v>178</v>
      </c>
      <c r="AD21" s="160">
        <v>152</v>
      </c>
      <c r="AE21" s="160">
        <v>116</v>
      </c>
      <c r="AF21" s="160">
        <v>76</v>
      </c>
      <c r="AG21" s="160">
        <v>65</v>
      </c>
      <c r="AH21" s="165">
        <v>587</v>
      </c>
      <c r="AI21" s="164">
        <v>675</v>
      </c>
      <c r="AJ21" s="159">
        <v>3</v>
      </c>
      <c r="AK21" s="160">
        <v>4</v>
      </c>
      <c r="AL21" s="165">
        <v>7</v>
      </c>
      <c r="AM21" s="162">
        <v>0</v>
      </c>
      <c r="AN21" s="160">
        <v>21</v>
      </c>
      <c r="AO21" s="160">
        <v>11</v>
      </c>
      <c r="AP21" s="160">
        <v>7</v>
      </c>
      <c r="AQ21" s="160">
        <v>8</v>
      </c>
      <c r="AR21" s="160">
        <v>2</v>
      </c>
      <c r="AS21" s="165">
        <v>49</v>
      </c>
      <c r="AT21" s="164">
        <v>56</v>
      </c>
      <c r="AU21" s="159">
        <v>41</v>
      </c>
      <c r="AV21" s="160">
        <v>46</v>
      </c>
      <c r="AW21" s="165">
        <v>87</v>
      </c>
      <c r="AX21" s="162">
        <v>0</v>
      </c>
      <c r="AY21" s="160">
        <v>205</v>
      </c>
      <c r="AZ21" s="160">
        <v>232</v>
      </c>
      <c r="BA21" s="160">
        <v>188</v>
      </c>
      <c r="BB21" s="160">
        <v>174</v>
      </c>
      <c r="BC21" s="160">
        <v>151</v>
      </c>
      <c r="BD21" s="163">
        <v>950</v>
      </c>
      <c r="BE21" s="164">
        <v>1037</v>
      </c>
      <c r="BF21" s="159">
        <v>0</v>
      </c>
      <c r="BG21" s="160">
        <v>0</v>
      </c>
      <c r="BH21" s="165">
        <v>0</v>
      </c>
      <c r="BI21" s="162">
        <v>0</v>
      </c>
      <c r="BJ21" s="160">
        <v>279</v>
      </c>
      <c r="BK21" s="160">
        <v>249</v>
      </c>
      <c r="BL21" s="160">
        <v>125</v>
      </c>
      <c r="BM21" s="160">
        <v>60</v>
      </c>
      <c r="BN21" s="160">
        <v>36</v>
      </c>
      <c r="BO21" s="165">
        <v>749</v>
      </c>
      <c r="BP21" s="164">
        <v>749</v>
      </c>
      <c r="BQ21" s="159">
        <v>33</v>
      </c>
      <c r="BR21" s="160">
        <v>58</v>
      </c>
      <c r="BS21" s="165">
        <v>91</v>
      </c>
      <c r="BT21" s="162">
        <v>0</v>
      </c>
      <c r="BU21" s="160">
        <v>123</v>
      </c>
      <c r="BV21" s="160">
        <v>94</v>
      </c>
      <c r="BW21" s="160">
        <v>64</v>
      </c>
      <c r="BX21" s="160">
        <v>30</v>
      </c>
      <c r="BY21" s="160">
        <v>9</v>
      </c>
      <c r="BZ21" s="165">
        <v>320</v>
      </c>
      <c r="CA21" s="164">
        <v>411</v>
      </c>
      <c r="CB21" s="159">
        <v>0</v>
      </c>
      <c r="CC21" s="160">
        <v>4</v>
      </c>
      <c r="CD21" s="165">
        <v>4</v>
      </c>
      <c r="CE21" s="162">
        <v>0</v>
      </c>
      <c r="CF21" s="160">
        <v>28</v>
      </c>
      <c r="CG21" s="160">
        <v>60</v>
      </c>
      <c r="CH21" s="160">
        <v>48</v>
      </c>
      <c r="CI21" s="160">
        <v>26</v>
      </c>
      <c r="CJ21" s="160">
        <v>8</v>
      </c>
      <c r="CK21" s="165">
        <v>170</v>
      </c>
      <c r="CL21" s="164">
        <v>174</v>
      </c>
      <c r="CM21" s="159">
        <v>0</v>
      </c>
      <c r="CN21" s="160">
        <v>1</v>
      </c>
      <c r="CO21" s="165">
        <v>1</v>
      </c>
      <c r="CP21" s="162">
        <v>0</v>
      </c>
      <c r="CQ21" s="160">
        <v>5</v>
      </c>
      <c r="CR21" s="160">
        <v>7</v>
      </c>
      <c r="CS21" s="160">
        <v>12</v>
      </c>
      <c r="CT21" s="160">
        <v>11</v>
      </c>
      <c r="CU21" s="160">
        <v>3</v>
      </c>
      <c r="CV21" s="165">
        <v>38</v>
      </c>
      <c r="CW21" s="164">
        <v>39</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56</v>
      </c>
      <c r="DU21" s="160">
        <v>236</v>
      </c>
      <c r="DV21" s="165">
        <v>392</v>
      </c>
      <c r="DW21" s="162">
        <v>0</v>
      </c>
      <c r="DX21" s="160">
        <v>439</v>
      </c>
      <c r="DY21" s="160">
        <v>439</v>
      </c>
      <c r="DZ21" s="160">
        <v>267</v>
      </c>
      <c r="EA21" s="160">
        <v>193</v>
      </c>
      <c r="EB21" s="160">
        <v>125</v>
      </c>
      <c r="EC21" s="165">
        <v>1463</v>
      </c>
      <c r="ED21" s="164">
        <v>1855</v>
      </c>
      <c r="EE21" s="159">
        <v>15</v>
      </c>
      <c r="EF21" s="160">
        <v>19</v>
      </c>
      <c r="EG21" s="165">
        <v>34</v>
      </c>
      <c r="EH21" s="162">
        <v>0</v>
      </c>
      <c r="EI21" s="160">
        <v>67</v>
      </c>
      <c r="EJ21" s="160">
        <v>59</v>
      </c>
      <c r="EK21" s="160">
        <v>56</v>
      </c>
      <c r="EL21" s="160">
        <v>45</v>
      </c>
      <c r="EM21" s="160">
        <v>36</v>
      </c>
      <c r="EN21" s="165">
        <v>263</v>
      </c>
      <c r="EO21" s="164">
        <v>297</v>
      </c>
      <c r="EP21" s="159">
        <v>208</v>
      </c>
      <c r="EQ21" s="160">
        <v>299</v>
      </c>
      <c r="ER21" s="165">
        <v>507</v>
      </c>
      <c r="ES21" s="162">
        <v>0</v>
      </c>
      <c r="ET21" s="160">
        <v>776</v>
      </c>
      <c r="EU21" s="160">
        <v>590</v>
      </c>
      <c r="EV21" s="160">
        <v>311</v>
      </c>
      <c r="EW21" s="160">
        <v>188</v>
      </c>
      <c r="EX21" s="160">
        <v>110</v>
      </c>
      <c r="EY21" s="165">
        <v>1975</v>
      </c>
      <c r="EZ21" s="164">
        <v>2482</v>
      </c>
    </row>
    <row r="22" spans="2:156" ht="21" customHeight="1" x14ac:dyDescent="0.2">
      <c r="B22" s="166" t="s">
        <v>20</v>
      </c>
      <c r="C22" s="159">
        <v>0</v>
      </c>
      <c r="D22" s="160">
        <v>0</v>
      </c>
      <c r="E22" s="161">
        <v>0</v>
      </c>
      <c r="F22" s="162">
        <v>0</v>
      </c>
      <c r="G22" s="160">
        <v>290</v>
      </c>
      <c r="H22" s="160">
        <v>211</v>
      </c>
      <c r="I22" s="160">
        <v>141</v>
      </c>
      <c r="J22" s="160">
        <v>97</v>
      </c>
      <c r="K22" s="160">
        <v>81</v>
      </c>
      <c r="L22" s="163">
        <v>820</v>
      </c>
      <c r="M22" s="164">
        <v>820</v>
      </c>
      <c r="N22" s="159">
        <v>0</v>
      </c>
      <c r="O22" s="160">
        <v>0</v>
      </c>
      <c r="P22" s="165">
        <v>0</v>
      </c>
      <c r="Q22" s="162">
        <v>0</v>
      </c>
      <c r="R22" s="160">
        <v>4</v>
      </c>
      <c r="S22" s="160">
        <v>4</v>
      </c>
      <c r="T22" s="160">
        <v>9</v>
      </c>
      <c r="U22" s="160">
        <v>20</v>
      </c>
      <c r="V22" s="160">
        <v>31</v>
      </c>
      <c r="W22" s="165">
        <v>68</v>
      </c>
      <c r="X22" s="164">
        <v>68</v>
      </c>
      <c r="Y22" s="159">
        <v>37</v>
      </c>
      <c r="Z22" s="160">
        <v>90</v>
      </c>
      <c r="AA22" s="165">
        <v>127</v>
      </c>
      <c r="AB22" s="162">
        <v>0</v>
      </c>
      <c r="AC22" s="160">
        <v>253</v>
      </c>
      <c r="AD22" s="160">
        <v>205</v>
      </c>
      <c r="AE22" s="160">
        <v>121</v>
      </c>
      <c r="AF22" s="160">
        <v>92</v>
      </c>
      <c r="AG22" s="160">
        <v>54</v>
      </c>
      <c r="AH22" s="165">
        <v>725</v>
      </c>
      <c r="AI22" s="164">
        <v>852</v>
      </c>
      <c r="AJ22" s="159">
        <v>12</v>
      </c>
      <c r="AK22" s="160">
        <v>44</v>
      </c>
      <c r="AL22" s="165">
        <v>56</v>
      </c>
      <c r="AM22" s="162">
        <v>0</v>
      </c>
      <c r="AN22" s="160">
        <v>61</v>
      </c>
      <c r="AO22" s="160">
        <v>57</v>
      </c>
      <c r="AP22" s="160">
        <v>38</v>
      </c>
      <c r="AQ22" s="160">
        <v>24</v>
      </c>
      <c r="AR22" s="160">
        <v>18</v>
      </c>
      <c r="AS22" s="165">
        <v>198</v>
      </c>
      <c r="AT22" s="164">
        <v>254</v>
      </c>
      <c r="AU22" s="159">
        <v>28</v>
      </c>
      <c r="AV22" s="160">
        <v>42</v>
      </c>
      <c r="AW22" s="165">
        <v>70</v>
      </c>
      <c r="AX22" s="162">
        <v>0</v>
      </c>
      <c r="AY22" s="160">
        <v>248</v>
      </c>
      <c r="AZ22" s="160">
        <v>237</v>
      </c>
      <c r="BA22" s="160">
        <v>259</v>
      </c>
      <c r="BB22" s="160">
        <v>194</v>
      </c>
      <c r="BC22" s="160">
        <v>159</v>
      </c>
      <c r="BD22" s="163">
        <v>1097</v>
      </c>
      <c r="BE22" s="164">
        <v>1167</v>
      </c>
      <c r="BF22" s="159">
        <v>0</v>
      </c>
      <c r="BG22" s="160">
        <v>0</v>
      </c>
      <c r="BH22" s="165">
        <v>0</v>
      </c>
      <c r="BI22" s="162">
        <v>0</v>
      </c>
      <c r="BJ22" s="160">
        <v>374</v>
      </c>
      <c r="BK22" s="160">
        <v>264</v>
      </c>
      <c r="BL22" s="160">
        <v>148</v>
      </c>
      <c r="BM22" s="160">
        <v>75</v>
      </c>
      <c r="BN22" s="160">
        <v>28</v>
      </c>
      <c r="BO22" s="165">
        <v>889</v>
      </c>
      <c r="BP22" s="164">
        <v>889</v>
      </c>
      <c r="BQ22" s="159">
        <v>15</v>
      </c>
      <c r="BR22" s="160">
        <v>37</v>
      </c>
      <c r="BS22" s="165">
        <v>52</v>
      </c>
      <c r="BT22" s="162">
        <v>0</v>
      </c>
      <c r="BU22" s="160">
        <v>125</v>
      </c>
      <c r="BV22" s="160">
        <v>96</v>
      </c>
      <c r="BW22" s="160">
        <v>49</v>
      </c>
      <c r="BX22" s="160">
        <v>43</v>
      </c>
      <c r="BY22" s="160">
        <v>17</v>
      </c>
      <c r="BZ22" s="165">
        <v>330</v>
      </c>
      <c r="CA22" s="164">
        <v>382</v>
      </c>
      <c r="CB22" s="159">
        <v>0</v>
      </c>
      <c r="CC22" s="160">
        <v>2</v>
      </c>
      <c r="CD22" s="165">
        <v>2</v>
      </c>
      <c r="CE22" s="162">
        <v>0</v>
      </c>
      <c r="CF22" s="160">
        <v>37</v>
      </c>
      <c r="CG22" s="160">
        <v>59</v>
      </c>
      <c r="CH22" s="160">
        <v>74</v>
      </c>
      <c r="CI22" s="160">
        <v>47</v>
      </c>
      <c r="CJ22" s="160">
        <v>25</v>
      </c>
      <c r="CK22" s="165">
        <v>242</v>
      </c>
      <c r="CL22" s="164">
        <v>244</v>
      </c>
      <c r="CM22" s="159">
        <v>0</v>
      </c>
      <c r="CN22" s="160">
        <v>0</v>
      </c>
      <c r="CO22" s="165">
        <v>0</v>
      </c>
      <c r="CP22" s="162">
        <v>0</v>
      </c>
      <c r="CQ22" s="160">
        <v>1</v>
      </c>
      <c r="CR22" s="160">
        <v>5</v>
      </c>
      <c r="CS22" s="160">
        <v>9</v>
      </c>
      <c r="CT22" s="160">
        <v>8</v>
      </c>
      <c r="CU22" s="160">
        <v>4</v>
      </c>
      <c r="CV22" s="165">
        <v>27</v>
      </c>
      <c r="CW22" s="164">
        <v>27</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55</v>
      </c>
      <c r="DU22" s="160">
        <v>334</v>
      </c>
      <c r="DV22" s="165">
        <v>489</v>
      </c>
      <c r="DW22" s="162">
        <v>0</v>
      </c>
      <c r="DX22" s="160">
        <v>578</v>
      </c>
      <c r="DY22" s="160">
        <v>499</v>
      </c>
      <c r="DZ22" s="160">
        <v>317</v>
      </c>
      <c r="EA22" s="160">
        <v>243</v>
      </c>
      <c r="EB22" s="160">
        <v>132</v>
      </c>
      <c r="EC22" s="165">
        <v>1769</v>
      </c>
      <c r="ED22" s="164">
        <v>2258</v>
      </c>
      <c r="EE22" s="159">
        <v>12</v>
      </c>
      <c r="EF22" s="160">
        <v>11</v>
      </c>
      <c r="EG22" s="165">
        <v>23</v>
      </c>
      <c r="EH22" s="162">
        <v>0</v>
      </c>
      <c r="EI22" s="160">
        <v>77</v>
      </c>
      <c r="EJ22" s="160">
        <v>53</v>
      </c>
      <c r="EK22" s="160">
        <v>63</v>
      </c>
      <c r="EL22" s="160">
        <v>59</v>
      </c>
      <c r="EM22" s="160">
        <v>30</v>
      </c>
      <c r="EN22" s="165">
        <v>282</v>
      </c>
      <c r="EO22" s="164">
        <v>305</v>
      </c>
      <c r="EP22" s="159">
        <v>202</v>
      </c>
      <c r="EQ22" s="160">
        <v>422</v>
      </c>
      <c r="ER22" s="165">
        <v>624</v>
      </c>
      <c r="ES22" s="162">
        <v>0</v>
      </c>
      <c r="ET22" s="160">
        <v>1073</v>
      </c>
      <c r="EU22" s="160">
        <v>694</v>
      </c>
      <c r="EV22" s="160">
        <v>397</v>
      </c>
      <c r="EW22" s="160">
        <v>262</v>
      </c>
      <c r="EX22" s="160">
        <v>144</v>
      </c>
      <c r="EY22" s="165">
        <v>2570</v>
      </c>
      <c r="EZ22" s="164">
        <v>3194</v>
      </c>
    </row>
    <row r="23" spans="2:156" ht="21" customHeight="1" x14ac:dyDescent="0.2">
      <c r="B23" s="166" t="s">
        <v>21</v>
      </c>
      <c r="C23" s="159">
        <v>0</v>
      </c>
      <c r="D23" s="160">
        <v>0</v>
      </c>
      <c r="E23" s="161">
        <v>0</v>
      </c>
      <c r="F23" s="162">
        <v>0</v>
      </c>
      <c r="G23" s="160">
        <v>271</v>
      </c>
      <c r="H23" s="160">
        <v>347</v>
      </c>
      <c r="I23" s="160">
        <v>215</v>
      </c>
      <c r="J23" s="160">
        <v>133</v>
      </c>
      <c r="K23" s="160">
        <v>111</v>
      </c>
      <c r="L23" s="163">
        <v>1077</v>
      </c>
      <c r="M23" s="164">
        <v>1077</v>
      </c>
      <c r="N23" s="159">
        <v>0</v>
      </c>
      <c r="O23" s="160">
        <v>0</v>
      </c>
      <c r="P23" s="165">
        <v>0</v>
      </c>
      <c r="Q23" s="162">
        <v>0</v>
      </c>
      <c r="R23" s="160">
        <v>0</v>
      </c>
      <c r="S23" s="160">
        <v>6</v>
      </c>
      <c r="T23" s="160">
        <v>12</v>
      </c>
      <c r="U23" s="160">
        <v>25</v>
      </c>
      <c r="V23" s="160">
        <v>46</v>
      </c>
      <c r="W23" s="165">
        <v>89</v>
      </c>
      <c r="X23" s="164">
        <v>89</v>
      </c>
      <c r="Y23" s="159">
        <v>55</v>
      </c>
      <c r="Z23" s="160">
        <v>100</v>
      </c>
      <c r="AA23" s="165">
        <v>155</v>
      </c>
      <c r="AB23" s="162">
        <v>0</v>
      </c>
      <c r="AC23" s="160">
        <v>221</v>
      </c>
      <c r="AD23" s="160">
        <v>286</v>
      </c>
      <c r="AE23" s="160">
        <v>173</v>
      </c>
      <c r="AF23" s="160">
        <v>141</v>
      </c>
      <c r="AG23" s="160">
        <v>86</v>
      </c>
      <c r="AH23" s="165">
        <v>907</v>
      </c>
      <c r="AI23" s="164">
        <v>1062</v>
      </c>
      <c r="AJ23" s="159">
        <v>16</v>
      </c>
      <c r="AK23" s="160">
        <v>32</v>
      </c>
      <c r="AL23" s="165">
        <v>48</v>
      </c>
      <c r="AM23" s="162">
        <v>0</v>
      </c>
      <c r="AN23" s="160">
        <v>28</v>
      </c>
      <c r="AO23" s="160">
        <v>46</v>
      </c>
      <c r="AP23" s="160">
        <v>22</v>
      </c>
      <c r="AQ23" s="160">
        <v>15</v>
      </c>
      <c r="AR23" s="160">
        <v>7</v>
      </c>
      <c r="AS23" s="165">
        <v>118</v>
      </c>
      <c r="AT23" s="164">
        <v>166</v>
      </c>
      <c r="AU23" s="159">
        <v>41</v>
      </c>
      <c r="AV23" s="160">
        <v>43</v>
      </c>
      <c r="AW23" s="165">
        <v>84</v>
      </c>
      <c r="AX23" s="162">
        <v>0</v>
      </c>
      <c r="AY23" s="160">
        <v>274</v>
      </c>
      <c r="AZ23" s="160">
        <v>365</v>
      </c>
      <c r="BA23" s="160">
        <v>324</v>
      </c>
      <c r="BB23" s="160">
        <v>250</v>
      </c>
      <c r="BC23" s="160">
        <v>197</v>
      </c>
      <c r="BD23" s="163">
        <v>1410</v>
      </c>
      <c r="BE23" s="164">
        <v>1494</v>
      </c>
      <c r="BF23" s="159">
        <v>0</v>
      </c>
      <c r="BG23" s="160">
        <v>0</v>
      </c>
      <c r="BH23" s="165">
        <v>0</v>
      </c>
      <c r="BI23" s="162">
        <v>0</v>
      </c>
      <c r="BJ23" s="160">
        <v>345</v>
      </c>
      <c r="BK23" s="160">
        <v>362</v>
      </c>
      <c r="BL23" s="160">
        <v>202</v>
      </c>
      <c r="BM23" s="160">
        <v>96</v>
      </c>
      <c r="BN23" s="160">
        <v>34</v>
      </c>
      <c r="BO23" s="165">
        <v>1039</v>
      </c>
      <c r="BP23" s="164">
        <v>1039</v>
      </c>
      <c r="BQ23" s="159">
        <v>19</v>
      </c>
      <c r="BR23" s="160">
        <v>37</v>
      </c>
      <c r="BS23" s="165">
        <v>56</v>
      </c>
      <c r="BT23" s="162">
        <v>0</v>
      </c>
      <c r="BU23" s="160">
        <v>62</v>
      </c>
      <c r="BV23" s="160">
        <v>65</v>
      </c>
      <c r="BW23" s="160">
        <v>43</v>
      </c>
      <c r="BX23" s="160">
        <v>17</v>
      </c>
      <c r="BY23" s="160">
        <v>10</v>
      </c>
      <c r="BZ23" s="165">
        <v>197</v>
      </c>
      <c r="CA23" s="164">
        <v>253</v>
      </c>
      <c r="CB23" s="159">
        <v>2</v>
      </c>
      <c r="CC23" s="160">
        <v>4</v>
      </c>
      <c r="CD23" s="165">
        <v>6</v>
      </c>
      <c r="CE23" s="162">
        <v>0</v>
      </c>
      <c r="CF23" s="160">
        <v>29</v>
      </c>
      <c r="CG23" s="160">
        <v>56</v>
      </c>
      <c r="CH23" s="160">
        <v>68</v>
      </c>
      <c r="CI23" s="160">
        <v>61</v>
      </c>
      <c r="CJ23" s="160">
        <v>30</v>
      </c>
      <c r="CK23" s="165">
        <v>244</v>
      </c>
      <c r="CL23" s="164">
        <v>250</v>
      </c>
      <c r="CM23" s="159">
        <v>0</v>
      </c>
      <c r="CN23" s="160">
        <v>1</v>
      </c>
      <c r="CO23" s="165">
        <v>1</v>
      </c>
      <c r="CP23" s="162">
        <v>0</v>
      </c>
      <c r="CQ23" s="160">
        <v>1</v>
      </c>
      <c r="CR23" s="160">
        <v>6</v>
      </c>
      <c r="CS23" s="160">
        <v>4</v>
      </c>
      <c r="CT23" s="160">
        <v>4</v>
      </c>
      <c r="CU23" s="160">
        <v>0</v>
      </c>
      <c r="CV23" s="165">
        <v>15</v>
      </c>
      <c r="CW23" s="164">
        <v>16</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13</v>
      </c>
      <c r="DU23" s="160">
        <v>329</v>
      </c>
      <c r="DV23" s="165">
        <v>542</v>
      </c>
      <c r="DW23" s="162">
        <v>0</v>
      </c>
      <c r="DX23" s="160">
        <v>379</v>
      </c>
      <c r="DY23" s="160">
        <v>672</v>
      </c>
      <c r="DZ23" s="160">
        <v>420</v>
      </c>
      <c r="EA23" s="160">
        <v>278</v>
      </c>
      <c r="EB23" s="160">
        <v>160</v>
      </c>
      <c r="EC23" s="165">
        <v>1909</v>
      </c>
      <c r="ED23" s="164">
        <v>2451</v>
      </c>
      <c r="EE23" s="159">
        <v>17</v>
      </c>
      <c r="EF23" s="160">
        <v>15</v>
      </c>
      <c r="EG23" s="165">
        <v>32</v>
      </c>
      <c r="EH23" s="162">
        <v>0</v>
      </c>
      <c r="EI23" s="160">
        <v>75</v>
      </c>
      <c r="EJ23" s="160">
        <v>65</v>
      </c>
      <c r="EK23" s="160">
        <v>61</v>
      </c>
      <c r="EL23" s="160">
        <v>57</v>
      </c>
      <c r="EM23" s="160">
        <v>42</v>
      </c>
      <c r="EN23" s="165">
        <v>300</v>
      </c>
      <c r="EO23" s="164">
        <v>332</v>
      </c>
      <c r="EP23" s="159">
        <v>281</v>
      </c>
      <c r="EQ23" s="160">
        <v>420</v>
      </c>
      <c r="ER23" s="165">
        <v>701</v>
      </c>
      <c r="ES23" s="162">
        <v>0</v>
      </c>
      <c r="ET23" s="160">
        <v>872</v>
      </c>
      <c r="EU23" s="160">
        <v>918</v>
      </c>
      <c r="EV23" s="160">
        <v>501</v>
      </c>
      <c r="EW23" s="160">
        <v>302</v>
      </c>
      <c r="EX23" s="160">
        <v>173</v>
      </c>
      <c r="EY23" s="165">
        <v>2766</v>
      </c>
      <c r="EZ23" s="164">
        <v>3467</v>
      </c>
    </row>
    <row r="24" spans="2:156" ht="21" customHeight="1" x14ac:dyDescent="0.2">
      <c r="B24" s="166" t="s">
        <v>22</v>
      </c>
      <c r="C24" s="159">
        <v>0</v>
      </c>
      <c r="D24" s="160">
        <v>0</v>
      </c>
      <c r="E24" s="161">
        <v>0</v>
      </c>
      <c r="F24" s="162">
        <v>0</v>
      </c>
      <c r="G24" s="160">
        <v>67</v>
      </c>
      <c r="H24" s="160">
        <v>68</v>
      </c>
      <c r="I24" s="160">
        <v>37</v>
      </c>
      <c r="J24" s="160">
        <v>35</v>
      </c>
      <c r="K24" s="160">
        <v>32</v>
      </c>
      <c r="L24" s="163">
        <v>239</v>
      </c>
      <c r="M24" s="164">
        <v>239</v>
      </c>
      <c r="N24" s="159">
        <v>0</v>
      </c>
      <c r="O24" s="160">
        <v>0</v>
      </c>
      <c r="P24" s="165">
        <v>0</v>
      </c>
      <c r="Q24" s="162">
        <v>0</v>
      </c>
      <c r="R24" s="160">
        <v>2</v>
      </c>
      <c r="S24" s="160">
        <v>3</v>
      </c>
      <c r="T24" s="160">
        <v>1</v>
      </c>
      <c r="U24" s="160">
        <v>9</v>
      </c>
      <c r="V24" s="160">
        <v>21</v>
      </c>
      <c r="W24" s="165">
        <v>36</v>
      </c>
      <c r="X24" s="164">
        <v>36</v>
      </c>
      <c r="Y24" s="159">
        <v>7</v>
      </c>
      <c r="Z24" s="160">
        <v>15</v>
      </c>
      <c r="AA24" s="165">
        <v>22</v>
      </c>
      <c r="AB24" s="162">
        <v>0</v>
      </c>
      <c r="AC24" s="160">
        <v>50</v>
      </c>
      <c r="AD24" s="160">
        <v>68</v>
      </c>
      <c r="AE24" s="160">
        <v>41</v>
      </c>
      <c r="AF24" s="160">
        <v>47</v>
      </c>
      <c r="AG24" s="160">
        <v>36</v>
      </c>
      <c r="AH24" s="165">
        <v>242</v>
      </c>
      <c r="AI24" s="164">
        <v>264</v>
      </c>
      <c r="AJ24" s="159">
        <v>1</v>
      </c>
      <c r="AK24" s="160">
        <v>1</v>
      </c>
      <c r="AL24" s="165">
        <v>2</v>
      </c>
      <c r="AM24" s="162">
        <v>0</v>
      </c>
      <c r="AN24" s="160">
        <v>10</v>
      </c>
      <c r="AO24" s="160">
        <v>10</v>
      </c>
      <c r="AP24" s="160">
        <v>3</v>
      </c>
      <c r="AQ24" s="160">
        <v>5</v>
      </c>
      <c r="AR24" s="160">
        <v>3</v>
      </c>
      <c r="AS24" s="165">
        <v>31</v>
      </c>
      <c r="AT24" s="164">
        <v>33</v>
      </c>
      <c r="AU24" s="159">
        <v>6</v>
      </c>
      <c r="AV24" s="160">
        <v>5</v>
      </c>
      <c r="AW24" s="165">
        <v>11</v>
      </c>
      <c r="AX24" s="162">
        <v>0</v>
      </c>
      <c r="AY24" s="160">
        <v>68</v>
      </c>
      <c r="AZ24" s="160">
        <v>82</v>
      </c>
      <c r="BA24" s="160">
        <v>64</v>
      </c>
      <c r="BB24" s="160">
        <v>68</v>
      </c>
      <c r="BC24" s="160">
        <v>46</v>
      </c>
      <c r="BD24" s="163">
        <v>328</v>
      </c>
      <c r="BE24" s="164">
        <v>339</v>
      </c>
      <c r="BF24" s="159">
        <v>0</v>
      </c>
      <c r="BG24" s="160">
        <v>0</v>
      </c>
      <c r="BH24" s="165">
        <v>0</v>
      </c>
      <c r="BI24" s="162">
        <v>0</v>
      </c>
      <c r="BJ24" s="160">
        <v>101</v>
      </c>
      <c r="BK24" s="160">
        <v>111</v>
      </c>
      <c r="BL24" s="160">
        <v>71</v>
      </c>
      <c r="BM24" s="160">
        <v>35</v>
      </c>
      <c r="BN24" s="160">
        <v>17</v>
      </c>
      <c r="BO24" s="165">
        <v>335</v>
      </c>
      <c r="BP24" s="164">
        <v>335</v>
      </c>
      <c r="BQ24" s="159">
        <v>7</v>
      </c>
      <c r="BR24" s="160">
        <v>8</v>
      </c>
      <c r="BS24" s="165">
        <v>15</v>
      </c>
      <c r="BT24" s="162">
        <v>0</v>
      </c>
      <c r="BU24" s="160">
        <v>25</v>
      </c>
      <c r="BV24" s="160">
        <v>36</v>
      </c>
      <c r="BW24" s="160">
        <v>13</v>
      </c>
      <c r="BX24" s="160">
        <v>16</v>
      </c>
      <c r="BY24" s="160">
        <v>5</v>
      </c>
      <c r="BZ24" s="165">
        <v>95</v>
      </c>
      <c r="CA24" s="164">
        <v>110</v>
      </c>
      <c r="CB24" s="159">
        <v>0</v>
      </c>
      <c r="CC24" s="160">
        <v>1</v>
      </c>
      <c r="CD24" s="165">
        <v>1</v>
      </c>
      <c r="CE24" s="162">
        <v>0</v>
      </c>
      <c r="CF24" s="160">
        <v>11</v>
      </c>
      <c r="CG24" s="160">
        <v>25</v>
      </c>
      <c r="CH24" s="160">
        <v>24</v>
      </c>
      <c r="CI24" s="160">
        <v>18</v>
      </c>
      <c r="CJ24" s="160">
        <v>7</v>
      </c>
      <c r="CK24" s="165">
        <v>85</v>
      </c>
      <c r="CL24" s="164">
        <v>86</v>
      </c>
      <c r="CM24" s="159">
        <v>0</v>
      </c>
      <c r="CN24" s="160">
        <v>0</v>
      </c>
      <c r="CO24" s="165">
        <v>0</v>
      </c>
      <c r="CP24" s="162">
        <v>0</v>
      </c>
      <c r="CQ24" s="160">
        <v>3</v>
      </c>
      <c r="CR24" s="160">
        <v>1</v>
      </c>
      <c r="CS24" s="160">
        <v>5</v>
      </c>
      <c r="CT24" s="160">
        <v>6</v>
      </c>
      <c r="CU24" s="160">
        <v>3</v>
      </c>
      <c r="CV24" s="165">
        <v>18</v>
      </c>
      <c r="CW24" s="164">
        <v>18</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4</v>
      </c>
      <c r="DU24" s="160">
        <v>155</v>
      </c>
      <c r="DV24" s="165">
        <v>209</v>
      </c>
      <c r="DW24" s="162">
        <v>0</v>
      </c>
      <c r="DX24" s="160">
        <v>197</v>
      </c>
      <c r="DY24" s="160">
        <v>247</v>
      </c>
      <c r="DZ24" s="160">
        <v>140</v>
      </c>
      <c r="EA24" s="160">
        <v>103</v>
      </c>
      <c r="EB24" s="160">
        <v>66</v>
      </c>
      <c r="EC24" s="165">
        <v>753</v>
      </c>
      <c r="ED24" s="164">
        <v>962</v>
      </c>
      <c r="EE24" s="159">
        <v>5</v>
      </c>
      <c r="EF24" s="160">
        <v>8</v>
      </c>
      <c r="EG24" s="165">
        <v>13</v>
      </c>
      <c r="EH24" s="162">
        <v>0</v>
      </c>
      <c r="EI24" s="160">
        <v>33</v>
      </c>
      <c r="EJ24" s="160">
        <v>27</v>
      </c>
      <c r="EK24" s="160">
        <v>19</v>
      </c>
      <c r="EL24" s="160">
        <v>27</v>
      </c>
      <c r="EM24" s="160">
        <v>12</v>
      </c>
      <c r="EN24" s="165">
        <v>118</v>
      </c>
      <c r="EO24" s="164">
        <v>131</v>
      </c>
      <c r="EP24" s="159">
        <v>65</v>
      </c>
      <c r="EQ24" s="160">
        <v>161</v>
      </c>
      <c r="ER24" s="165">
        <v>226</v>
      </c>
      <c r="ES24" s="162">
        <v>0</v>
      </c>
      <c r="ET24" s="160">
        <v>326</v>
      </c>
      <c r="EU24" s="160">
        <v>324</v>
      </c>
      <c r="EV24" s="160">
        <v>163</v>
      </c>
      <c r="EW24" s="160">
        <v>103</v>
      </c>
      <c r="EX24" s="160">
        <v>65</v>
      </c>
      <c r="EY24" s="165">
        <v>981</v>
      </c>
      <c r="EZ24" s="164">
        <v>1207</v>
      </c>
    </row>
    <row r="25" spans="2:156" ht="21" customHeight="1" x14ac:dyDescent="0.2">
      <c r="B25" s="166" t="s">
        <v>23</v>
      </c>
      <c r="C25" s="159">
        <v>0</v>
      </c>
      <c r="D25" s="160">
        <v>0</v>
      </c>
      <c r="E25" s="161">
        <v>0</v>
      </c>
      <c r="F25" s="162">
        <v>0</v>
      </c>
      <c r="G25" s="160">
        <v>132</v>
      </c>
      <c r="H25" s="160">
        <v>147</v>
      </c>
      <c r="I25" s="160">
        <v>82</v>
      </c>
      <c r="J25" s="160">
        <v>74</v>
      </c>
      <c r="K25" s="160">
        <v>41</v>
      </c>
      <c r="L25" s="163">
        <v>476</v>
      </c>
      <c r="M25" s="164">
        <v>476</v>
      </c>
      <c r="N25" s="159">
        <v>0</v>
      </c>
      <c r="O25" s="160">
        <v>0</v>
      </c>
      <c r="P25" s="165">
        <v>0</v>
      </c>
      <c r="Q25" s="162">
        <v>0</v>
      </c>
      <c r="R25" s="160">
        <v>1</v>
      </c>
      <c r="S25" s="160">
        <v>4</v>
      </c>
      <c r="T25" s="160">
        <v>5</v>
      </c>
      <c r="U25" s="160">
        <v>18</v>
      </c>
      <c r="V25" s="160">
        <v>21</v>
      </c>
      <c r="W25" s="165">
        <v>49</v>
      </c>
      <c r="X25" s="164">
        <v>49</v>
      </c>
      <c r="Y25" s="159">
        <v>34</v>
      </c>
      <c r="Z25" s="160">
        <v>61</v>
      </c>
      <c r="AA25" s="165">
        <v>95</v>
      </c>
      <c r="AB25" s="162">
        <v>0</v>
      </c>
      <c r="AC25" s="160">
        <v>104</v>
      </c>
      <c r="AD25" s="160">
        <v>152</v>
      </c>
      <c r="AE25" s="160">
        <v>73</v>
      </c>
      <c r="AF25" s="160">
        <v>78</v>
      </c>
      <c r="AG25" s="160">
        <v>43</v>
      </c>
      <c r="AH25" s="165">
        <v>450</v>
      </c>
      <c r="AI25" s="164">
        <v>545</v>
      </c>
      <c r="AJ25" s="159">
        <v>5</v>
      </c>
      <c r="AK25" s="160">
        <v>15</v>
      </c>
      <c r="AL25" s="165">
        <v>20</v>
      </c>
      <c r="AM25" s="162">
        <v>0</v>
      </c>
      <c r="AN25" s="160">
        <v>8</v>
      </c>
      <c r="AO25" s="160">
        <v>23</v>
      </c>
      <c r="AP25" s="160">
        <v>9</v>
      </c>
      <c r="AQ25" s="160">
        <v>7</v>
      </c>
      <c r="AR25" s="160">
        <v>3</v>
      </c>
      <c r="AS25" s="165">
        <v>50</v>
      </c>
      <c r="AT25" s="164">
        <v>70</v>
      </c>
      <c r="AU25" s="159">
        <v>20</v>
      </c>
      <c r="AV25" s="160">
        <v>15</v>
      </c>
      <c r="AW25" s="165">
        <v>35</v>
      </c>
      <c r="AX25" s="162">
        <v>0</v>
      </c>
      <c r="AY25" s="160">
        <v>176</v>
      </c>
      <c r="AZ25" s="160">
        <v>169</v>
      </c>
      <c r="BA25" s="160">
        <v>136</v>
      </c>
      <c r="BB25" s="160">
        <v>164</v>
      </c>
      <c r="BC25" s="160">
        <v>105</v>
      </c>
      <c r="BD25" s="163">
        <v>750</v>
      </c>
      <c r="BE25" s="164">
        <v>785</v>
      </c>
      <c r="BF25" s="159">
        <v>0</v>
      </c>
      <c r="BG25" s="160">
        <v>0</v>
      </c>
      <c r="BH25" s="165">
        <v>0</v>
      </c>
      <c r="BI25" s="162">
        <v>0</v>
      </c>
      <c r="BJ25" s="160">
        <v>283</v>
      </c>
      <c r="BK25" s="160">
        <v>251</v>
      </c>
      <c r="BL25" s="160">
        <v>125</v>
      </c>
      <c r="BM25" s="160">
        <v>71</v>
      </c>
      <c r="BN25" s="160">
        <v>32</v>
      </c>
      <c r="BO25" s="165">
        <v>762</v>
      </c>
      <c r="BP25" s="164">
        <v>762</v>
      </c>
      <c r="BQ25" s="159">
        <v>2</v>
      </c>
      <c r="BR25" s="160">
        <v>12</v>
      </c>
      <c r="BS25" s="165">
        <v>14</v>
      </c>
      <c r="BT25" s="162">
        <v>0</v>
      </c>
      <c r="BU25" s="160">
        <v>38</v>
      </c>
      <c r="BV25" s="160">
        <v>44</v>
      </c>
      <c r="BW25" s="160">
        <v>27</v>
      </c>
      <c r="BX25" s="160">
        <v>21</v>
      </c>
      <c r="BY25" s="160">
        <v>7</v>
      </c>
      <c r="BZ25" s="165">
        <v>137</v>
      </c>
      <c r="CA25" s="164">
        <v>151</v>
      </c>
      <c r="CB25" s="159">
        <v>1</v>
      </c>
      <c r="CC25" s="160">
        <v>0</v>
      </c>
      <c r="CD25" s="165">
        <v>1</v>
      </c>
      <c r="CE25" s="162">
        <v>0</v>
      </c>
      <c r="CF25" s="160">
        <v>28</v>
      </c>
      <c r="CG25" s="160">
        <v>33</v>
      </c>
      <c r="CH25" s="160">
        <v>51</v>
      </c>
      <c r="CI25" s="160">
        <v>41</v>
      </c>
      <c r="CJ25" s="160">
        <v>14</v>
      </c>
      <c r="CK25" s="165">
        <v>167</v>
      </c>
      <c r="CL25" s="164">
        <v>168</v>
      </c>
      <c r="CM25" s="159">
        <v>0</v>
      </c>
      <c r="CN25" s="160">
        <v>0</v>
      </c>
      <c r="CO25" s="165">
        <v>0</v>
      </c>
      <c r="CP25" s="162">
        <v>0</v>
      </c>
      <c r="CQ25" s="160">
        <v>1</v>
      </c>
      <c r="CR25" s="160">
        <v>2</v>
      </c>
      <c r="CS25" s="160">
        <v>0</v>
      </c>
      <c r="CT25" s="160">
        <v>2</v>
      </c>
      <c r="CU25" s="160">
        <v>2</v>
      </c>
      <c r="CV25" s="165">
        <v>7</v>
      </c>
      <c r="CW25" s="164">
        <v>7</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3</v>
      </c>
      <c r="DU25" s="160">
        <v>248</v>
      </c>
      <c r="DV25" s="165">
        <v>351</v>
      </c>
      <c r="DW25" s="162">
        <v>0</v>
      </c>
      <c r="DX25" s="160">
        <v>255</v>
      </c>
      <c r="DY25" s="160">
        <v>401</v>
      </c>
      <c r="DZ25" s="160">
        <v>229</v>
      </c>
      <c r="EA25" s="160">
        <v>188</v>
      </c>
      <c r="EB25" s="160">
        <v>91</v>
      </c>
      <c r="EC25" s="165">
        <v>1164</v>
      </c>
      <c r="ED25" s="164">
        <v>1515</v>
      </c>
      <c r="EE25" s="159">
        <v>7</v>
      </c>
      <c r="EF25" s="160">
        <v>2</v>
      </c>
      <c r="EG25" s="165">
        <v>9</v>
      </c>
      <c r="EH25" s="162">
        <v>0</v>
      </c>
      <c r="EI25" s="160">
        <v>54</v>
      </c>
      <c r="EJ25" s="160">
        <v>46</v>
      </c>
      <c r="EK25" s="160">
        <v>33</v>
      </c>
      <c r="EL25" s="160">
        <v>49</v>
      </c>
      <c r="EM25" s="160">
        <v>34</v>
      </c>
      <c r="EN25" s="165">
        <v>216</v>
      </c>
      <c r="EO25" s="164">
        <v>225</v>
      </c>
      <c r="EP25" s="159">
        <v>137</v>
      </c>
      <c r="EQ25" s="160">
        <v>289</v>
      </c>
      <c r="ER25" s="165">
        <v>426</v>
      </c>
      <c r="ES25" s="162">
        <v>0</v>
      </c>
      <c r="ET25" s="160">
        <v>519</v>
      </c>
      <c r="EU25" s="160">
        <v>539</v>
      </c>
      <c r="EV25" s="160">
        <v>286</v>
      </c>
      <c r="EW25" s="160">
        <v>205</v>
      </c>
      <c r="EX25" s="160">
        <v>95</v>
      </c>
      <c r="EY25" s="165">
        <v>1644</v>
      </c>
      <c r="EZ25" s="164">
        <v>2070</v>
      </c>
    </row>
    <row r="26" spans="2:156" ht="21" customHeight="1" x14ac:dyDescent="0.2">
      <c r="B26" s="166" t="s">
        <v>24</v>
      </c>
      <c r="C26" s="159">
        <v>0</v>
      </c>
      <c r="D26" s="160">
        <v>0</v>
      </c>
      <c r="E26" s="161">
        <v>0</v>
      </c>
      <c r="F26" s="162">
        <v>0</v>
      </c>
      <c r="G26" s="160">
        <v>71</v>
      </c>
      <c r="H26" s="160">
        <v>66</v>
      </c>
      <c r="I26" s="160">
        <v>41</v>
      </c>
      <c r="J26" s="160">
        <v>41</v>
      </c>
      <c r="K26" s="160">
        <v>32</v>
      </c>
      <c r="L26" s="163">
        <v>251</v>
      </c>
      <c r="M26" s="164">
        <v>251</v>
      </c>
      <c r="N26" s="159">
        <v>0</v>
      </c>
      <c r="O26" s="160">
        <v>0</v>
      </c>
      <c r="P26" s="165">
        <v>0</v>
      </c>
      <c r="Q26" s="162">
        <v>0</v>
      </c>
      <c r="R26" s="160">
        <v>1</v>
      </c>
      <c r="S26" s="160">
        <v>2</v>
      </c>
      <c r="T26" s="160">
        <v>5</v>
      </c>
      <c r="U26" s="160">
        <v>9</v>
      </c>
      <c r="V26" s="160">
        <v>23</v>
      </c>
      <c r="W26" s="165">
        <v>40</v>
      </c>
      <c r="X26" s="164">
        <v>40</v>
      </c>
      <c r="Y26" s="159">
        <v>18</v>
      </c>
      <c r="Z26" s="160">
        <v>27</v>
      </c>
      <c r="AA26" s="165">
        <v>45</v>
      </c>
      <c r="AB26" s="162">
        <v>0</v>
      </c>
      <c r="AC26" s="160">
        <v>64</v>
      </c>
      <c r="AD26" s="160">
        <v>79</v>
      </c>
      <c r="AE26" s="160">
        <v>39</v>
      </c>
      <c r="AF26" s="160">
        <v>44</v>
      </c>
      <c r="AG26" s="160">
        <v>28</v>
      </c>
      <c r="AH26" s="165">
        <v>254</v>
      </c>
      <c r="AI26" s="164">
        <v>299</v>
      </c>
      <c r="AJ26" s="159">
        <v>0</v>
      </c>
      <c r="AK26" s="160">
        <v>1</v>
      </c>
      <c r="AL26" s="165">
        <v>1</v>
      </c>
      <c r="AM26" s="162">
        <v>0</v>
      </c>
      <c r="AN26" s="160">
        <v>3</v>
      </c>
      <c r="AO26" s="160">
        <v>4</v>
      </c>
      <c r="AP26" s="160">
        <v>1</v>
      </c>
      <c r="AQ26" s="160">
        <v>5</v>
      </c>
      <c r="AR26" s="160">
        <v>4</v>
      </c>
      <c r="AS26" s="165">
        <v>17</v>
      </c>
      <c r="AT26" s="164">
        <v>18</v>
      </c>
      <c r="AU26" s="159">
        <v>19</v>
      </c>
      <c r="AV26" s="160">
        <v>18</v>
      </c>
      <c r="AW26" s="165">
        <v>37</v>
      </c>
      <c r="AX26" s="162">
        <v>0</v>
      </c>
      <c r="AY26" s="160">
        <v>88</v>
      </c>
      <c r="AZ26" s="160">
        <v>91</v>
      </c>
      <c r="BA26" s="160">
        <v>80</v>
      </c>
      <c r="BB26" s="160">
        <v>99</v>
      </c>
      <c r="BC26" s="160">
        <v>65</v>
      </c>
      <c r="BD26" s="163">
        <v>423</v>
      </c>
      <c r="BE26" s="164">
        <v>460</v>
      </c>
      <c r="BF26" s="159">
        <v>0</v>
      </c>
      <c r="BG26" s="160">
        <v>0</v>
      </c>
      <c r="BH26" s="165">
        <v>0</v>
      </c>
      <c r="BI26" s="162">
        <v>0</v>
      </c>
      <c r="BJ26" s="160">
        <v>122</v>
      </c>
      <c r="BK26" s="160">
        <v>92</v>
      </c>
      <c r="BL26" s="160">
        <v>30</v>
      </c>
      <c r="BM26" s="160">
        <v>25</v>
      </c>
      <c r="BN26" s="160">
        <v>10</v>
      </c>
      <c r="BO26" s="165">
        <v>279</v>
      </c>
      <c r="BP26" s="164">
        <v>279</v>
      </c>
      <c r="BQ26" s="159">
        <v>11</v>
      </c>
      <c r="BR26" s="160">
        <v>15</v>
      </c>
      <c r="BS26" s="165">
        <v>26</v>
      </c>
      <c r="BT26" s="162">
        <v>0</v>
      </c>
      <c r="BU26" s="160">
        <v>49</v>
      </c>
      <c r="BV26" s="160">
        <v>27</v>
      </c>
      <c r="BW26" s="160">
        <v>24</v>
      </c>
      <c r="BX26" s="160">
        <v>16</v>
      </c>
      <c r="BY26" s="160">
        <v>9</v>
      </c>
      <c r="BZ26" s="165">
        <v>125</v>
      </c>
      <c r="CA26" s="164">
        <v>151</v>
      </c>
      <c r="CB26" s="159">
        <v>2</v>
      </c>
      <c r="CC26" s="160">
        <v>2</v>
      </c>
      <c r="CD26" s="165">
        <v>4</v>
      </c>
      <c r="CE26" s="162">
        <v>0</v>
      </c>
      <c r="CF26" s="160">
        <v>17</v>
      </c>
      <c r="CG26" s="160">
        <v>22</v>
      </c>
      <c r="CH26" s="160">
        <v>21</v>
      </c>
      <c r="CI26" s="160">
        <v>21</v>
      </c>
      <c r="CJ26" s="160">
        <v>10</v>
      </c>
      <c r="CK26" s="165">
        <v>91</v>
      </c>
      <c r="CL26" s="164">
        <v>95</v>
      </c>
      <c r="CM26" s="159">
        <v>0</v>
      </c>
      <c r="CN26" s="160">
        <v>0</v>
      </c>
      <c r="CO26" s="165">
        <v>0</v>
      </c>
      <c r="CP26" s="162">
        <v>0</v>
      </c>
      <c r="CQ26" s="160">
        <v>3</v>
      </c>
      <c r="CR26" s="160">
        <v>0</v>
      </c>
      <c r="CS26" s="160">
        <v>3</v>
      </c>
      <c r="CT26" s="160">
        <v>2</v>
      </c>
      <c r="CU26" s="160">
        <v>1</v>
      </c>
      <c r="CV26" s="165">
        <v>9</v>
      </c>
      <c r="CW26" s="164">
        <v>9</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0</v>
      </c>
      <c r="DU26" s="160">
        <v>105</v>
      </c>
      <c r="DV26" s="165">
        <v>185</v>
      </c>
      <c r="DW26" s="162">
        <v>0</v>
      </c>
      <c r="DX26" s="160">
        <v>141</v>
      </c>
      <c r="DY26" s="160">
        <v>170</v>
      </c>
      <c r="DZ26" s="160">
        <v>98</v>
      </c>
      <c r="EA26" s="160">
        <v>90</v>
      </c>
      <c r="EB26" s="160">
        <v>50</v>
      </c>
      <c r="EC26" s="165">
        <v>549</v>
      </c>
      <c r="ED26" s="164">
        <v>734</v>
      </c>
      <c r="EE26" s="159">
        <v>13</v>
      </c>
      <c r="EF26" s="160">
        <v>10</v>
      </c>
      <c r="EG26" s="165">
        <v>23</v>
      </c>
      <c r="EH26" s="162">
        <v>0</v>
      </c>
      <c r="EI26" s="160">
        <v>43</v>
      </c>
      <c r="EJ26" s="160">
        <v>32</v>
      </c>
      <c r="EK26" s="160">
        <v>27</v>
      </c>
      <c r="EL26" s="160">
        <v>37</v>
      </c>
      <c r="EM26" s="160">
        <v>25</v>
      </c>
      <c r="EN26" s="165">
        <v>164</v>
      </c>
      <c r="EO26" s="164">
        <v>187</v>
      </c>
      <c r="EP26" s="159">
        <v>98</v>
      </c>
      <c r="EQ26" s="160">
        <v>121</v>
      </c>
      <c r="ER26" s="165">
        <v>219</v>
      </c>
      <c r="ES26" s="162">
        <v>0</v>
      </c>
      <c r="ET26" s="160">
        <v>277</v>
      </c>
      <c r="EU26" s="160">
        <v>223</v>
      </c>
      <c r="EV26" s="160">
        <v>124</v>
      </c>
      <c r="EW26" s="160">
        <v>98</v>
      </c>
      <c r="EX26" s="160">
        <v>56</v>
      </c>
      <c r="EY26" s="165">
        <v>778</v>
      </c>
      <c r="EZ26" s="164">
        <v>997</v>
      </c>
    </row>
    <row r="27" spans="2:156" ht="21" customHeight="1" x14ac:dyDescent="0.2">
      <c r="B27" s="166" t="s">
        <v>25</v>
      </c>
      <c r="C27" s="159">
        <v>0</v>
      </c>
      <c r="D27" s="160">
        <v>0</v>
      </c>
      <c r="E27" s="161">
        <v>0</v>
      </c>
      <c r="F27" s="162">
        <v>0</v>
      </c>
      <c r="G27" s="160">
        <v>104</v>
      </c>
      <c r="H27" s="160">
        <v>95</v>
      </c>
      <c r="I27" s="160">
        <v>47</v>
      </c>
      <c r="J27" s="160">
        <v>44</v>
      </c>
      <c r="K27" s="160">
        <v>31</v>
      </c>
      <c r="L27" s="163">
        <v>321</v>
      </c>
      <c r="M27" s="164">
        <v>321</v>
      </c>
      <c r="N27" s="159">
        <v>0</v>
      </c>
      <c r="O27" s="160">
        <v>0</v>
      </c>
      <c r="P27" s="165">
        <v>0</v>
      </c>
      <c r="Q27" s="162">
        <v>0</v>
      </c>
      <c r="R27" s="160">
        <v>3</v>
      </c>
      <c r="S27" s="160">
        <v>6</v>
      </c>
      <c r="T27" s="160">
        <v>10</v>
      </c>
      <c r="U27" s="160">
        <v>12</v>
      </c>
      <c r="V27" s="160">
        <v>13</v>
      </c>
      <c r="W27" s="165">
        <v>44</v>
      </c>
      <c r="X27" s="164">
        <v>44</v>
      </c>
      <c r="Y27" s="159">
        <v>18</v>
      </c>
      <c r="Z27" s="160">
        <v>52</v>
      </c>
      <c r="AA27" s="165">
        <v>70</v>
      </c>
      <c r="AB27" s="162">
        <v>0</v>
      </c>
      <c r="AC27" s="160">
        <v>93</v>
      </c>
      <c r="AD27" s="160">
        <v>97</v>
      </c>
      <c r="AE27" s="160">
        <v>42</v>
      </c>
      <c r="AF27" s="160">
        <v>37</v>
      </c>
      <c r="AG27" s="160">
        <v>24</v>
      </c>
      <c r="AH27" s="165">
        <v>293</v>
      </c>
      <c r="AI27" s="164">
        <v>363</v>
      </c>
      <c r="AJ27" s="159">
        <v>2</v>
      </c>
      <c r="AK27" s="160">
        <v>6</v>
      </c>
      <c r="AL27" s="165">
        <v>8</v>
      </c>
      <c r="AM27" s="162">
        <v>0</v>
      </c>
      <c r="AN27" s="160">
        <v>0</v>
      </c>
      <c r="AO27" s="160">
        <v>13</v>
      </c>
      <c r="AP27" s="160">
        <v>6</v>
      </c>
      <c r="AQ27" s="160">
        <v>4</v>
      </c>
      <c r="AR27" s="160">
        <v>4</v>
      </c>
      <c r="AS27" s="165">
        <v>27</v>
      </c>
      <c r="AT27" s="164">
        <v>35</v>
      </c>
      <c r="AU27" s="159">
        <v>11</v>
      </c>
      <c r="AV27" s="160">
        <v>9</v>
      </c>
      <c r="AW27" s="165">
        <v>20</v>
      </c>
      <c r="AX27" s="162">
        <v>0</v>
      </c>
      <c r="AY27" s="160">
        <v>78</v>
      </c>
      <c r="AZ27" s="160">
        <v>76</v>
      </c>
      <c r="BA27" s="160">
        <v>61</v>
      </c>
      <c r="BB27" s="160">
        <v>75</v>
      </c>
      <c r="BC27" s="160">
        <v>47</v>
      </c>
      <c r="BD27" s="163">
        <v>337</v>
      </c>
      <c r="BE27" s="164">
        <v>357</v>
      </c>
      <c r="BF27" s="159">
        <v>0</v>
      </c>
      <c r="BG27" s="160">
        <v>0</v>
      </c>
      <c r="BH27" s="165">
        <v>0</v>
      </c>
      <c r="BI27" s="162">
        <v>0</v>
      </c>
      <c r="BJ27" s="160">
        <v>159</v>
      </c>
      <c r="BK27" s="160">
        <v>103</v>
      </c>
      <c r="BL27" s="160">
        <v>53</v>
      </c>
      <c r="BM27" s="160">
        <v>36</v>
      </c>
      <c r="BN27" s="160">
        <v>12</v>
      </c>
      <c r="BO27" s="165">
        <v>363</v>
      </c>
      <c r="BP27" s="164">
        <v>363</v>
      </c>
      <c r="BQ27" s="159">
        <v>12</v>
      </c>
      <c r="BR27" s="160">
        <v>12</v>
      </c>
      <c r="BS27" s="165">
        <v>24</v>
      </c>
      <c r="BT27" s="162">
        <v>0</v>
      </c>
      <c r="BU27" s="160">
        <v>32</v>
      </c>
      <c r="BV27" s="160">
        <v>56</v>
      </c>
      <c r="BW27" s="160">
        <v>30</v>
      </c>
      <c r="BX27" s="160">
        <v>13</v>
      </c>
      <c r="BY27" s="160">
        <v>5</v>
      </c>
      <c r="BZ27" s="165">
        <v>136</v>
      </c>
      <c r="CA27" s="164">
        <v>160</v>
      </c>
      <c r="CB27" s="159">
        <v>0</v>
      </c>
      <c r="CC27" s="160">
        <v>1</v>
      </c>
      <c r="CD27" s="165">
        <v>1</v>
      </c>
      <c r="CE27" s="162">
        <v>0</v>
      </c>
      <c r="CF27" s="160">
        <v>22</v>
      </c>
      <c r="CG27" s="160">
        <v>21</v>
      </c>
      <c r="CH27" s="160">
        <v>28</v>
      </c>
      <c r="CI27" s="160">
        <v>13</v>
      </c>
      <c r="CJ27" s="160">
        <v>7</v>
      </c>
      <c r="CK27" s="165">
        <v>91</v>
      </c>
      <c r="CL27" s="164">
        <v>92</v>
      </c>
      <c r="CM27" s="159">
        <v>0</v>
      </c>
      <c r="CN27" s="160">
        <v>0</v>
      </c>
      <c r="CO27" s="165">
        <v>0</v>
      </c>
      <c r="CP27" s="162">
        <v>0</v>
      </c>
      <c r="CQ27" s="160">
        <v>1</v>
      </c>
      <c r="CR27" s="160">
        <v>2</v>
      </c>
      <c r="CS27" s="160">
        <v>1</v>
      </c>
      <c r="CT27" s="160">
        <v>0</v>
      </c>
      <c r="CU27" s="160">
        <v>0</v>
      </c>
      <c r="CV27" s="165">
        <v>4</v>
      </c>
      <c r="CW27" s="164">
        <v>4</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87</v>
      </c>
      <c r="DU27" s="160">
        <v>155</v>
      </c>
      <c r="DV27" s="165">
        <v>242</v>
      </c>
      <c r="DW27" s="162">
        <v>0</v>
      </c>
      <c r="DX27" s="160">
        <v>138</v>
      </c>
      <c r="DY27" s="160">
        <v>244</v>
      </c>
      <c r="DZ27" s="160">
        <v>125</v>
      </c>
      <c r="EA27" s="160">
        <v>91</v>
      </c>
      <c r="EB27" s="160">
        <v>48</v>
      </c>
      <c r="EC27" s="165">
        <v>646</v>
      </c>
      <c r="ED27" s="164">
        <v>888</v>
      </c>
      <c r="EE27" s="159">
        <v>6</v>
      </c>
      <c r="EF27" s="160">
        <v>3</v>
      </c>
      <c r="EG27" s="165">
        <v>9</v>
      </c>
      <c r="EH27" s="162">
        <v>0</v>
      </c>
      <c r="EI27" s="160">
        <v>23</v>
      </c>
      <c r="EJ27" s="160">
        <v>8</v>
      </c>
      <c r="EK27" s="160">
        <v>12</v>
      </c>
      <c r="EL27" s="160">
        <v>21</v>
      </c>
      <c r="EM27" s="160">
        <v>15</v>
      </c>
      <c r="EN27" s="165">
        <v>79</v>
      </c>
      <c r="EO27" s="164">
        <v>88</v>
      </c>
      <c r="EP27" s="159">
        <v>104</v>
      </c>
      <c r="EQ27" s="160">
        <v>181</v>
      </c>
      <c r="ER27" s="165">
        <v>285</v>
      </c>
      <c r="ES27" s="162">
        <v>0</v>
      </c>
      <c r="ET27" s="160">
        <v>361</v>
      </c>
      <c r="EU27" s="160">
        <v>309</v>
      </c>
      <c r="EV27" s="160">
        <v>149</v>
      </c>
      <c r="EW27" s="160">
        <v>103</v>
      </c>
      <c r="EX27" s="160">
        <v>54</v>
      </c>
      <c r="EY27" s="165">
        <v>976</v>
      </c>
      <c r="EZ27" s="164">
        <v>1261</v>
      </c>
    </row>
    <row r="28" spans="2:156" ht="21" customHeight="1" x14ac:dyDescent="0.2">
      <c r="B28" s="166" t="s">
        <v>26</v>
      </c>
      <c r="C28" s="159">
        <v>0</v>
      </c>
      <c r="D28" s="160">
        <v>0</v>
      </c>
      <c r="E28" s="161">
        <v>0</v>
      </c>
      <c r="F28" s="162">
        <v>0</v>
      </c>
      <c r="G28" s="160">
        <v>71</v>
      </c>
      <c r="H28" s="160">
        <v>93</v>
      </c>
      <c r="I28" s="160">
        <v>57</v>
      </c>
      <c r="J28" s="160">
        <v>30</v>
      </c>
      <c r="K28" s="160">
        <v>54</v>
      </c>
      <c r="L28" s="163">
        <v>305</v>
      </c>
      <c r="M28" s="164">
        <v>305</v>
      </c>
      <c r="N28" s="159">
        <v>0</v>
      </c>
      <c r="O28" s="160">
        <v>0</v>
      </c>
      <c r="P28" s="165">
        <v>0</v>
      </c>
      <c r="Q28" s="162">
        <v>0</v>
      </c>
      <c r="R28" s="160">
        <v>0</v>
      </c>
      <c r="S28" s="160">
        <v>1</v>
      </c>
      <c r="T28" s="160">
        <v>4</v>
      </c>
      <c r="U28" s="160">
        <v>7</v>
      </c>
      <c r="V28" s="160">
        <v>15</v>
      </c>
      <c r="W28" s="165">
        <v>27</v>
      </c>
      <c r="X28" s="164">
        <v>27</v>
      </c>
      <c r="Y28" s="159">
        <v>12</v>
      </c>
      <c r="Z28" s="160">
        <v>17</v>
      </c>
      <c r="AA28" s="165">
        <v>29</v>
      </c>
      <c r="AB28" s="162">
        <v>0</v>
      </c>
      <c r="AC28" s="160">
        <v>78</v>
      </c>
      <c r="AD28" s="160">
        <v>82</v>
      </c>
      <c r="AE28" s="160">
        <v>41</v>
      </c>
      <c r="AF28" s="160">
        <v>33</v>
      </c>
      <c r="AG28" s="160">
        <v>50</v>
      </c>
      <c r="AH28" s="165">
        <v>284</v>
      </c>
      <c r="AI28" s="164">
        <v>313</v>
      </c>
      <c r="AJ28" s="159">
        <v>2</v>
      </c>
      <c r="AK28" s="160">
        <v>1</v>
      </c>
      <c r="AL28" s="165">
        <v>3</v>
      </c>
      <c r="AM28" s="162">
        <v>0</v>
      </c>
      <c r="AN28" s="160">
        <v>2</v>
      </c>
      <c r="AO28" s="160">
        <v>3</v>
      </c>
      <c r="AP28" s="160">
        <v>5</v>
      </c>
      <c r="AQ28" s="160">
        <v>2</v>
      </c>
      <c r="AR28" s="160">
        <v>4</v>
      </c>
      <c r="AS28" s="165">
        <v>16</v>
      </c>
      <c r="AT28" s="164">
        <v>19</v>
      </c>
      <c r="AU28" s="159">
        <v>10</v>
      </c>
      <c r="AV28" s="160">
        <v>5</v>
      </c>
      <c r="AW28" s="165">
        <v>15</v>
      </c>
      <c r="AX28" s="162">
        <v>0</v>
      </c>
      <c r="AY28" s="160">
        <v>66</v>
      </c>
      <c r="AZ28" s="160">
        <v>68</v>
      </c>
      <c r="BA28" s="160">
        <v>91</v>
      </c>
      <c r="BB28" s="160">
        <v>55</v>
      </c>
      <c r="BC28" s="160">
        <v>64</v>
      </c>
      <c r="BD28" s="163">
        <v>344</v>
      </c>
      <c r="BE28" s="164">
        <v>359</v>
      </c>
      <c r="BF28" s="159">
        <v>0</v>
      </c>
      <c r="BG28" s="160">
        <v>0</v>
      </c>
      <c r="BH28" s="165">
        <v>0</v>
      </c>
      <c r="BI28" s="162">
        <v>0</v>
      </c>
      <c r="BJ28" s="160">
        <v>117</v>
      </c>
      <c r="BK28" s="160">
        <v>103</v>
      </c>
      <c r="BL28" s="160">
        <v>45</v>
      </c>
      <c r="BM28" s="160">
        <v>25</v>
      </c>
      <c r="BN28" s="160">
        <v>14</v>
      </c>
      <c r="BO28" s="165">
        <v>304</v>
      </c>
      <c r="BP28" s="164">
        <v>304</v>
      </c>
      <c r="BQ28" s="159">
        <v>9</v>
      </c>
      <c r="BR28" s="160">
        <v>6</v>
      </c>
      <c r="BS28" s="165">
        <v>15</v>
      </c>
      <c r="BT28" s="162">
        <v>0</v>
      </c>
      <c r="BU28" s="160">
        <v>22</v>
      </c>
      <c r="BV28" s="160">
        <v>27</v>
      </c>
      <c r="BW28" s="160">
        <v>12</v>
      </c>
      <c r="BX28" s="160">
        <v>12</v>
      </c>
      <c r="BY28" s="160">
        <v>6</v>
      </c>
      <c r="BZ28" s="165">
        <v>79</v>
      </c>
      <c r="CA28" s="164">
        <v>94</v>
      </c>
      <c r="CB28" s="159">
        <v>1</v>
      </c>
      <c r="CC28" s="160">
        <v>0</v>
      </c>
      <c r="CD28" s="165">
        <v>1</v>
      </c>
      <c r="CE28" s="162">
        <v>0</v>
      </c>
      <c r="CF28" s="160">
        <v>15</v>
      </c>
      <c r="CG28" s="160">
        <v>21</v>
      </c>
      <c r="CH28" s="160">
        <v>20</v>
      </c>
      <c r="CI28" s="160">
        <v>14</v>
      </c>
      <c r="CJ28" s="160">
        <v>16</v>
      </c>
      <c r="CK28" s="165">
        <v>86</v>
      </c>
      <c r="CL28" s="164">
        <v>87</v>
      </c>
      <c r="CM28" s="159">
        <v>0</v>
      </c>
      <c r="CN28" s="160">
        <v>0</v>
      </c>
      <c r="CO28" s="165">
        <v>0</v>
      </c>
      <c r="CP28" s="162">
        <v>0</v>
      </c>
      <c r="CQ28" s="160">
        <v>1</v>
      </c>
      <c r="CR28" s="160">
        <v>4</v>
      </c>
      <c r="CS28" s="160">
        <v>0</v>
      </c>
      <c r="CT28" s="160">
        <v>3</v>
      </c>
      <c r="CU28" s="160">
        <v>2</v>
      </c>
      <c r="CV28" s="165">
        <v>10</v>
      </c>
      <c r="CW28" s="164">
        <v>10</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4</v>
      </c>
      <c r="DU28" s="160">
        <v>116</v>
      </c>
      <c r="DV28" s="165">
        <v>180</v>
      </c>
      <c r="DW28" s="162">
        <v>0</v>
      </c>
      <c r="DX28" s="160">
        <v>150</v>
      </c>
      <c r="DY28" s="160">
        <v>190</v>
      </c>
      <c r="DZ28" s="160">
        <v>108</v>
      </c>
      <c r="EA28" s="160">
        <v>72</v>
      </c>
      <c r="EB28" s="160">
        <v>76</v>
      </c>
      <c r="EC28" s="165">
        <v>596</v>
      </c>
      <c r="ED28" s="164">
        <v>776</v>
      </c>
      <c r="EE28" s="159">
        <v>7</v>
      </c>
      <c r="EF28" s="160">
        <v>5</v>
      </c>
      <c r="EG28" s="165">
        <v>12</v>
      </c>
      <c r="EH28" s="162">
        <v>0</v>
      </c>
      <c r="EI28" s="160">
        <v>29</v>
      </c>
      <c r="EJ28" s="160">
        <v>15</v>
      </c>
      <c r="EK28" s="160">
        <v>24</v>
      </c>
      <c r="EL28" s="160">
        <v>23</v>
      </c>
      <c r="EM28" s="160">
        <v>9</v>
      </c>
      <c r="EN28" s="165">
        <v>100</v>
      </c>
      <c r="EO28" s="164">
        <v>112</v>
      </c>
      <c r="EP28" s="159">
        <v>81</v>
      </c>
      <c r="EQ28" s="160">
        <v>127</v>
      </c>
      <c r="ER28" s="165">
        <v>208</v>
      </c>
      <c r="ES28" s="162">
        <v>0</v>
      </c>
      <c r="ET28" s="160">
        <v>280</v>
      </c>
      <c r="EU28" s="160">
        <v>254</v>
      </c>
      <c r="EV28" s="160">
        <v>140</v>
      </c>
      <c r="EW28" s="160">
        <v>75</v>
      </c>
      <c r="EX28" s="160">
        <v>79</v>
      </c>
      <c r="EY28" s="165">
        <v>828</v>
      </c>
      <c r="EZ28" s="164">
        <v>1036</v>
      </c>
    </row>
    <row r="29" spans="2:156" ht="21" customHeight="1" x14ac:dyDescent="0.2">
      <c r="B29" s="166" t="s">
        <v>27</v>
      </c>
      <c r="C29" s="159">
        <v>0</v>
      </c>
      <c r="D29" s="160">
        <v>0</v>
      </c>
      <c r="E29" s="161">
        <v>0</v>
      </c>
      <c r="F29" s="162">
        <v>0</v>
      </c>
      <c r="G29" s="160">
        <v>59</v>
      </c>
      <c r="H29" s="160">
        <v>59</v>
      </c>
      <c r="I29" s="160">
        <v>39</v>
      </c>
      <c r="J29" s="160">
        <v>23</v>
      </c>
      <c r="K29" s="160">
        <v>30</v>
      </c>
      <c r="L29" s="163">
        <v>210</v>
      </c>
      <c r="M29" s="164">
        <v>210</v>
      </c>
      <c r="N29" s="159">
        <v>0</v>
      </c>
      <c r="O29" s="160">
        <v>0</v>
      </c>
      <c r="P29" s="165">
        <v>0</v>
      </c>
      <c r="Q29" s="162">
        <v>0</v>
      </c>
      <c r="R29" s="160">
        <v>2</v>
      </c>
      <c r="S29" s="160">
        <v>6</v>
      </c>
      <c r="T29" s="160">
        <v>6</v>
      </c>
      <c r="U29" s="160">
        <v>8</v>
      </c>
      <c r="V29" s="160">
        <v>16</v>
      </c>
      <c r="W29" s="165">
        <v>38</v>
      </c>
      <c r="X29" s="164">
        <v>38</v>
      </c>
      <c r="Y29" s="159">
        <v>23</v>
      </c>
      <c r="Z29" s="160">
        <v>42</v>
      </c>
      <c r="AA29" s="165">
        <v>65</v>
      </c>
      <c r="AB29" s="162">
        <v>0</v>
      </c>
      <c r="AC29" s="160">
        <v>36</v>
      </c>
      <c r="AD29" s="160">
        <v>47</v>
      </c>
      <c r="AE29" s="160">
        <v>41</v>
      </c>
      <c r="AF29" s="160">
        <v>24</v>
      </c>
      <c r="AG29" s="160">
        <v>25</v>
      </c>
      <c r="AH29" s="165">
        <v>173</v>
      </c>
      <c r="AI29" s="164">
        <v>238</v>
      </c>
      <c r="AJ29" s="159">
        <v>0</v>
      </c>
      <c r="AK29" s="160">
        <v>2</v>
      </c>
      <c r="AL29" s="165">
        <v>2</v>
      </c>
      <c r="AM29" s="162">
        <v>0</v>
      </c>
      <c r="AN29" s="160">
        <v>1</v>
      </c>
      <c r="AO29" s="160">
        <v>2</v>
      </c>
      <c r="AP29" s="160">
        <v>0</v>
      </c>
      <c r="AQ29" s="160">
        <v>0</v>
      </c>
      <c r="AR29" s="160">
        <v>2</v>
      </c>
      <c r="AS29" s="165">
        <v>5</v>
      </c>
      <c r="AT29" s="164">
        <v>7</v>
      </c>
      <c r="AU29" s="159">
        <v>10</v>
      </c>
      <c r="AV29" s="160">
        <v>18</v>
      </c>
      <c r="AW29" s="165">
        <v>28</v>
      </c>
      <c r="AX29" s="162">
        <v>0</v>
      </c>
      <c r="AY29" s="160">
        <v>65</v>
      </c>
      <c r="AZ29" s="160">
        <v>56</v>
      </c>
      <c r="BA29" s="160">
        <v>66</v>
      </c>
      <c r="BB29" s="160">
        <v>67</v>
      </c>
      <c r="BC29" s="160">
        <v>50</v>
      </c>
      <c r="BD29" s="163">
        <v>304</v>
      </c>
      <c r="BE29" s="164">
        <v>332</v>
      </c>
      <c r="BF29" s="159">
        <v>0</v>
      </c>
      <c r="BG29" s="160">
        <v>0</v>
      </c>
      <c r="BH29" s="165">
        <v>0</v>
      </c>
      <c r="BI29" s="162">
        <v>0</v>
      </c>
      <c r="BJ29" s="160">
        <v>111</v>
      </c>
      <c r="BK29" s="160">
        <v>57</v>
      </c>
      <c r="BL29" s="160">
        <v>38</v>
      </c>
      <c r="BM29" s="160">
        <v>29</v>
      </c>
      <c r="BN29" s="160">
        <v>11</v>
      </c>
      <c r="BO29" s="165">
        <v>246</v>
      </c>
      <c r="BP29" s="164">
        <v>246</v>
      </c>
      <c r="BQ29" s="159">
        <v>12</v>
      </c>
      <c r="BR29" s="160">
        <v>29</v>
      </c>
      <c r="BS29" s="165">
        <v>41</v>
      </c>
      <c r="BT29" s="162">
        <v>0</v>
      </c>
      <c r="BU29" s="160">
        <v>24</v>
      </c>
      <c r="BV29" s="160">
        <v>27</v>
      </c>
      <c r="BW29" s="160">
        <v>17</v>
      </c>
      <c r="BX29" s="160">
        <v>3</v>
      </c>
      <c r="BY29" s="160">
        <v>4</v>
      </c>
      <c r="BZ29" s="165">
        <v>75</v>
      </c>
      <c r="CA29" s="164">
        <v>116</v>
      </c>
      <c r="CB29" s="159">
        <v>0</v>
      </c>
      <c r="CC29" s="160">
        <v>2</v>
      </c>
      <c r="CD29" s="165">
        <v>2</v>
      </c>
      <c r="CE29" s="162">
        <v>0</v>
      </c>
      <c r="CF29" s="160">
        <v>12</v>
      </c>
      <c r="CG29" s="160">
        <v>11</v>
      </c>
      <c r="CH29" s="160">
        <v>16</v>
      </c>
      <c r="CI29" s="160">
        <v>9</v>
      </c>
      <c r="CJ29" s="160">
        <v>3</v>
      </c>
      <c r="CK29" s="165">
        <v>51</v>
      </c>
      <c r="CL29" s="164">
        <v>53</v>
      </c>
      <c r="CM29" s="159">
        <v>1</v>
      </c>
      <c r="CN29" s="160">
        <v>1</v>
      </c>
      <c r="CO29" s="165">
        <v>2</v>
      </c>
      <c r="CP29" s="162">
        <v>0</v>
      </c>
      <c r="CQ29" s="160">
        <v>0</v>
      </c>
      <c r="CR29" s="160">
        <v>3</v>
      </c>
      <c r="CS29" s="160">
        <v>1</v>
      </c>
      <c r="CT29" s="160">
        <v>1</v>
      </c>
      <c r="CU29" s="160">
        <v>0</v>
      </c>
      <c r="CV29" s="165">
        <v>5</v>
      </c>
      <c r="CW29" s="164">
        <v>7</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92</v>
      </c>
      <c r="DU29" s="160">
        <v>151</v>
      </c>
      <c r="DV29" s="165">
        <v>243</v>
      </c>
      <c r="DW29" s="162">
        <v>0</v>
      </c>
      <c r="DX29" s="160">
        <v>94</v>
      </c>
      <c r="DY29" s="160">
        <v>119</v>
      </c>
      <c r="DZ29" s="160">
        <v>90</v>
      </c>
      <c r="EA29" s="160">
        <v>54</v>
      </c>
      <c r="EB29" s="160">
        <v>39</v>
      </c>
      <c r="EC29" s="165">
        <v>396</v>
      </c>
      <c r="ED29" s="164">
        <v>639</v>
      </c>
      <c r="EE29" s="159">
        <v>11</v>
      </c>
      <c r="EF29" s="160">
        <v>14</v>
      </c>
      <c r="EG29" s="165">
        <v>25</v>
      </c>
      <c r="EH29" s="162">
        <v>0</v>
      </c>
      <c r="EI29" s="160">
        <v>43</v>
      </c>
      <c r="EJ29" s="160">
        <v>30</v>
      </c>
      <c r="EK29" s="160">
        <v>30</v>
      </c>
      <c r="EL29" s="160">
        <v>36</v>
      </c>
      <c r="EM29" s="160">
        <v>16</v>
      </c>
      <c r="EN29" s="165">
        <v>155</v>
      </c>
      <c r="EO29" s="164">
        <v>180</v>
      </c>
      <c r="EP29" s="159">
        <v>122</v>
      </c>
      <c r="EQ29" s="160">
        <v>178</v>
      </c>
      <c r="ER29" s="165">
        <v>300</v>
      </c>
      <c r="ES29" s="162">
        <v>0</v>
      </c>
      <c r="ET29" s="160">
        <v>219</v>
      </c>
      <c r="EU29" s="160">
        <v>153</v>
      </c>
      <c r="EV29" s="160">
        <v>95</v>
      </c>
      <c r="EW29" s="160">
        <v>52</v>
      </c>
      <c r="EX29" s="160">
        <v>41</v>
      </c>
      <c r="EY29" s="165">
        <v>560</v>
      </c>
      <c r="EZ29" s="164">
        <v>860</v>
      </c>
    </row>
    <row r="30" spans="2:156" ht="21" customHeight="1" x14ac:dyDescent="0.2">
      <c r="B30" s="166" t="s">
        <v>28</v>
      </c>
      <c r="C30" s="159">
        <v>0</v>
      </c>
      <c r="D30" s="160">
        <v>0</v>
      </c>
      <c r="E30" s="161">
        <v>0</v>
      </c>
      <c r="F30" s="162">
        <v>0</v>
      </c>
      <c r="G30" s="160">
        <v>15</v>
      </c>
      <c r="H30" s="160">
        <v>15</v>
      </c>
      <c r="I30" s="160">
        <v>6</v>
      </c>
      <c r="J30" s="160">
        <v>10</v>
      </c>
      <c r="K30" s="160">
        <v>7</v>
      </c>
      <c r="L30" s="163">
        <v>53</v>
      </c>
      <c r="M30" s="164">
        <v>53</v>
      </c>
      <c r="N30" s="159">
        <v>0</v>
      </c>
      <c r="O30" s="160">
        <v>0</v>
      </c>
      <c r="P30" s="165">
        <v>0</v>
      </c>
      <c r="Q30" s="162">
        <v>0</v>
      </c>
      <c r="R30" s="160">
        <v>0</v>
      </c>
      <c r="S30" s="160">
        <v>1</v>
      </c>
      <c r="T30" s="160">
        <v>2</v>
      </c>
      <c r="U30" s="160">
        <v>3</v>
      </c>
      <c r="V30" s="160">
        <v>4</v>
      </c>
      <c r="W30" s="165">
        <v>10</v>
      </c>
      <c r="X30" s="164">
        <v>10</v>
      </c>
      <c r="Y30" s="159">
        <v>1</v>
      </c>
      <c r="Z30" s="160">
        <v>4</v>
      </c>
      <c r="AA30" s="165">
        <v>5</v>
      </c>
      <c r="AB30" s="162">
        <v>0</v>
      </c>
      <c r="AC30" s="160">
        <v>9</v>
      </c>
      <c r="AD30" s="160">
        <v>16</v>
      </c>
      <c r="AE30" s="160">
        <v>8</v>
      </c>
      <c r="AF30" s="160">
        <v>14</v>
      </c>
      <c r="AG30" s="160">
        <v>10</v>
      </c>
      <c r="AH30" s="165">
        <v>57</v>
      </c>
      <c r="AI30" s="164">
        <v>62</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3</v>
      </c>
      <c r="AZ30" s="160">
        <v>27</v>
      </c>
      <c r="BA30" s="160">
        <v>12</v>
      </c>
      <c r="BB30" s="160">
        <v>18</v>
      </c>
      <c r="BC30" s="160">
        <v>15</v>
      </c>
      <c r="BD30" s="163">
        <v>85</v>
      </c>
      <c r="BE30" s="164">
        <v>87</v>
      </c>
      <c r="BF30" s="159">
        <v>0</v>
      </c>
      <c r="BG30" s="160">
        <v>0</v>
      </c>
      <c r="BH30" s="165">
        <v>0</v>
      </c>
      <c r="BI30" s="162">
        <v>0</v>
      </c>
      <c r="BJ30" s="160">
        <v>27</v>
      </c>
      <c r="BK30" s="160">
        <v>35</v>
      </c>
      <c r="BL30" s="160">
        <v>19</v>
      </c>
      <c r="BM30" s="160">
        <v>11</v>
      </c>
      <c r="BN30" s="160">
        <v>4</v>
      </c>
      <c r="BO30" s="165">
        <v>96</v>
      </c>
      <c r="BP30" s="164">
        <v>96</v>
      </c>
      <c r="BQ30" s="159">
        <v>1</v>
      </c>
      <c r="BR30" s="160">
        <v>4</v>
      </c>
      <c r="BS30" s="165">
        <v>5</v>
      </c>
      <c r="BT30" s="162">
        <v>0</v>
      </c>
      <c r="BU30" s="160">
        <v>12</v>
      </c>
      <c r="BV30" s="160">
        <v>16</v>
      </c>
      <c r="BW30" s="160">
        <v>6</v>
      </c>
      <c r="BX30" s="160">
        <v>8</v>
      </c>
      <c r="BY30" s="160">
        <v>4</v>
      </c>
      <c r="BZ30" s="165">
        <v>46</v>
      </c>
      <c r="CA30" s="164">
        <v>51</v>
      </c>
      <c r="CB30" s="159">
        <v>0</v>
      </c>
      <c r="CC30" s="160">
        <v>1</v>
      </c>
      <c r="CD30" s="165">
        <v>1</v>
      </c>
      <c r="CE30" s="162">
        <v>0</v>
      </c>
      <c r="CF30" s="160">
        <v>1</v>
      </c>
      <c r="CG30" s="160">
        <v>6</v>
      </c>
      <c r="CH30" s="160">
        <v>5</v>
      </c>
      <c r="CI30" s="160">
        <v>7</v>
      </c>
      <c r="CJ30" s="160">
        <v>3</v>
      </c>
      <c r="CK30" s="165">
        <v>22</v>
      </c>
      <c r="CL30" s="164">
        <v>23</v>
      </c>
      <c r="CM30" s="159">
        <v>0</v>
      </c>
      <c r="CN30" s="160">
        <v>0</v>
      </c>
      <c r="CO30" s="165">
        <v>0</v>
      </c>
      <c r="CP30" s="162">
        <v>0</v>
      </c>
      <c r="CQ30" s="160">
        <v>1</v>
      </c>
      <c r="CR30" s="160">
        <v>1</v>
      </c>
      <c r="CS30" s="160">
        <v>4</v>
      </c>
      <c r="CT30" s="160">
        <v>1</v>
      </c>
      <c r="CU30" s="160">
        <v>1</v>
      </c>
      <c r="CV30" s="165">
        <v>8</v>
      </c>
      <c r="CW30" s="164">
        <v>8</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8</v>
      </c>
      <c r="DU30" s="160">
        <v>20</v>
      </c>
      <c r="DV30" s="165">
        <v>28</v>
      </c>
      <c r="DW30" s="162">
        <v>0</v>
      </c>
      <c r="DX30" s="160">
        <v>40</v>
      </c>
      <c r="DY30" s="160">
        <v>67</v>
      </c>
      <c r="DZ30" s="160">
        <v>33</v>
      </c>
      <c r="EA30" s="160">
        <v>26</v>
      </c>
      <c r="EB30" s="160">
        <v>16</v>
      </c>
      <c r="EC30" s="165">
        <v>182</v>
      </c>
      <c r="ED30" s="164">
        <v>210</v>
      </c>
      <c r="EE30" s="159">
        <v>0</v>
      </c>
      <c r="EF30" s="160">
        <v>0</v>
      </c>
      <c r="EG30" s="165">
        <v>0</v>
      </c>
      <c r="EH30" s="162">
        <v>0</v>
      </c>
      <c r="EI30" s="160">
        <v>6</v>
      </c>
      <c r="EJ30" s="160">
        <v>8</v>
      </c>
      <c r="EK30" s="160">
        <v>3</v>
      </c>
      <c r="EL30" s="160">
        <v>4</v>
      </c>
      <c r="EM30" s="160">
        <v>2</v>
      </c>
      <c r="EN30" s="165">
        <v>23</v>
      </c>
      <c r="EO30" s="164">
        <v>23</v>
      </c>
      <c r="EP30" s="159">
        <v>9</v>
      </c>
      <c r="EQ30" s="160">
        <v>21</v>
      </c>
      <c r="ER30" s="165">
        <v>30</v>
      </c>
      <c r="ES30" s="162">
        <v>0</v>
      </c>
      <c r="ET30" s="160">
        <v>84</v>
      </c>
      <c r="EU30" s="160">
        <v>89</v>
      </c>
      <c r="EV30" s="160">
        <v>41</v>
      </c>
      <c r="EW30" s="160">
        <v>31</v>
      </c>
      <c r="EX30" s="160">
        <v>15</v>
      </c>
      <c r="EY30" s="165">
        <v>260</v>
      </c>
      <c r="EZ30" s="164">
        <v>290</v>
      </c>
    </row>
    <row r="31" spans="2:156" ht="21" customHeight="1" x14ac:dyDescent="0.2">
      <c r="B31" s="166" t="s">
        <v>29</v>
      </c>
      <c r="C31" s="159">
        <v>0</v>
      </c>
      <c r="D31" s="160">
        <v>0</v>
      </c>
      <c r="E31" s="161">
        <v>0</v>
      </c>
      <c r="F31" s="162">
        <v>0</v>
      </c>
      <c r="G31" s="160">
        <v>24</v>
      </c>
      <c r="H31" s="160">
        <v>24</v>
      </c>
      <c r="I31" s="160">
        <v>17</v>
      </c>
      <c r="J31" s="160">
        <v>11</v>
      </c>
      <c r="K31" s="160">
        <v>13</v>
      </c>
      <c r="L31" s="163">
        <v>89</v>
      </c>
      <c r="M31" s="164">
        <v>89</v>
      </c>
      <c r="N31" s="159">
        <v>0</v>
      </c>
      <c r="O31" s="160">
        <v>0</v>
      </c>
      <c r="P31" s="165">
        <v>0</v>
      </c>
      <c r="Q31" s="162">
        <v>0</v>
      </c>
      <c r="R31" s="160">
        <v>0</v>
      </c>
      <c r="S31" s="160">
        <v>1</v>
      </c>
      <c r="T31" s="160">
        <v>1</v>
      </c>
      <c r="U31" s="160">
        <v>3</v>
      </c>
      <c r="V31" s="160">
        <v>10</v>
      </c>
      <c r="W31" s="165">
        <v>15</v>
      </c>
      <c r="X31" s="164">
        <v>15</v>
      </c>
      <c r="Y31" s="159">
        <v>3</v>
      </c>
      <c r="Z31" s="160">
        <v>4</v>
      </c>
      <c r="AA31" s="165">
        <v>7</v>
      </c>
      <c r="AB31" s="162">
        <v>0</v>
      </c>
      <c r="AC31" s="160">
        <v>24</v>
      </c>
      <c r="AD31" s="160">
        <v>22</v>
      </c>
      <c r="AE31" s="160">
        <v>18</v>
      </c>
      <c r="AF31" s="160">
        <v>10</v>
      </c>
      <c r="AG31" s="160">
        <v>13</v>
      </c>
      <c r="AH31" s="165">
        <v>87</v>
      </c>
      <c r="AI31" s="164">
        <v>94</v>
      </c>
      <c r="AJ31" s="159">
        <v>0</v>
      </c>
      <c r="AK31" s="160">
        <v>2</v>
      </c>
      <c r="AL31" s="165">
        <v>2</v>
      </c>
      <c r="AM31" s="162">
        <v>0</v>
      </c>
      <c r="AN31" s="160">
        <v>2</v>
      </c>
      <c r="AO31" s="160">
        <v>2</v>
      </c>
      <c r="AP31" s="160">
        <v>2</v>
      </c>
      <c r="AQ31" s="160">
        <v>2</v>
      </c>
      <c r="AR31" s="160">
        <v>0</v>
      </c>
      <c r="AS31" s="165">
        <v>8</v>
      </c>
      <c r="AT31" s="164">
        <v>10</v>
      </c>
      <c r="AU31" s="159">
        <v>3</v>
      </c>
      <c r="AV31" s="160">
        <v>3</v>
      </c>
      <c r="AW31" s="165">
        <v>6</v>
      </c>
      <c r="AX31" s="162">
        <v>0</v>
      </c>
      <c r="AY31" s="160">
        <v>27</v>
      </c>
      <c r="AZ31" s="160">
        <v>26</v>
      </c>
      <c r="BA31" s="160">
        <v>19</v>
      </c>
      <c r="BB31" s="160">
        <v>23</v>
      </c>
      <c r="BC31" s="160">
        <v>15</v>
      </c>
      <c r="BD31" s="163">
        <v>110</v>
      </c>
      <c r="BE31" s="164">
        <v>116</v>
      </c>
      <c r="BF31" s="159">
        <v>0</v>
      </c>
      <c r="BG31" s="160">
        <v>0</v>
      </c>
      <c r="BH31" s="165">
        <v>0</v>
      </c>
      <c r="BI31" s="162">
        <v>0</v>
      </c>
      <c r="BJ31" s="160">
        <v>28</v>
      </c>
      <c r="BK31" s="160">
        <v>38</v>
      </c>
      <c r="BL31" s="160">
        <v>25</v>
      </c>
      <c r="BM31" s="160">
        <v>9</v>
      </c>
      <c r="BN31" s="160">
        <v>9</v>
      </c>
      <c r="BO31" s="165">
        <v>109</v>
      </c>
      <c r="BP31" s="164">
        <v>109</v>
      </c>
      <c r="BQ31" s="159">
        <v>1</v>
      </c>
      <c r="BR31" s="160">
        <v>4</v>
      </c>
      <c r="BS31" s="165">
        <v>5</v>
      </c>
      <c r="BT31" s="162">
        <v>0</v>
      </c>
      <c r="BU31" s="160">
        <v>12</v>
      </c>
      <c r="BV31" s="160">
        <v>10</v>
      </c>
      <c r="BW31" s="160">
        <v>14</v>
      </c>
      <c r="BX31" s="160">
        <v>3</v>
      </c>
      <c r="BY31" s="160">
        <v>1</v>
      </c>
      <c r="BZ31" s="165">
        <v>40</v>
      </c>
      <c r="CA31" s="164">
        <v>45</v>
      </c>
      <c r="CB31" s="159">
        <v>0</v>
      </c>
      <c r="CC31" s="160">
        <v>0</v>
      </c>
      <c r="CD31" s="165">
        <v>0</v>
      </c>
      <c r="CE31" s="162">
        <v>0</v>
      </c>
      <c r="CF31" s="160">
        <v>3</v>
      </c>
      <c r="CG31" s="160">
        <v>10</v>
      </c>
      <c r="CH31" s="160">
        <v>13</v>
      </c>
      <c r="CI31" s="160">
        <v>7</v>
      </c>
      <c r="CJ31" s="160">
        <v>8</v>
      </c>
      <c r="CK31" s="165">
        <v>41</v>
      </c>
      <c r="CL31" s="164">
        <v>41</v>
      </c>
      <c r="CM31" s="159">
        <v>0</v>
      </c>
      <c r="CN31" s="160">
        <v>0</v>
      </c>
      <c r="CO31" s="165">
        <v>0</v>
      </c>
      <c r="CP31" s="162">
        <v>0</v>
      </c>
      <c r="CQ31" s="160">
        <v>1</v>
      </c>
      <c r="CR31" s="160">
        <v>3</v>
      </c>
      <c r="CS31" s="160">
        <v>0</v>
      </c>
      <c r="CT31" s="160">
        <v>1</v>
      </c>
      <c r="CU31" s="160">
        <v>1</v>
      </c>
      <c r="CV31" s="165">
        <v>6</v>
      </c>
      <c r="CW31" s="164">
        <v>6</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7</v>
      </c>
      <c r="DU31" s="160">
        <v>30</v>
      </c>
      <c r="DV31" s="165">
        <v>57</v>
      </c>
      <c r="DW31" s="162">
        <v>0</v>
      </c>
      <c r="DX31" s="160">
        <v>42</v>
      </c>
      <c r="DY31" s="160">
        <v>68</v>
      </c>
      <c r="DZ31" s="160">
        <v>45</v>
      </c>
      <c r="EA31" s="160">
        <v>27</v>
      </c>
      <c r="EB31" s="160">
        <v>22</v>
      </c>
      <c r="EC31" s="165">
        <v>204</v>
      </c>
      <c r="ED31" s="164">
        <v>261</v>
      </c>
      <c r="EE31" s="159">
        <v>3</v>
      </c>
      <c r="EF31" s="160">
        <v>0</v>
      </c>
      <c r="EG31" s="165">
        <v>3</v>
      </c>
      <c r="EH31" s="162">
        <v>0</v>
      </c>
      <c r="EI31" s="160">
        <v>9</v>
      </c>
      <c r="EJ31" s="160">
        <v>6</v>
      </c>
      <c r="EK31" s="160">
        <v>4</v>
      </c>
      <c r="EL31" s="160">
        <v>8</v>
      </c>
      <c r="EM31" s="160">
        <v>6</v>
      </c>
      <c r="EN31" s="165">
        <v>33</v>
      </c>
      <c r="EO31" s="164">
        <v>36</v>
      </c>
      <c r="EP31" s="159">
        <v>29</v>
      </c>
      <c r="EQ31" s="160">
        <v>35</v>
      </c>
      <c r="ER31" s="165">
        <v>64</v>
      </c>
      <c r="ES31" s="162">
        <v>0</v>
      </c>
      <c r="ET31" s="160">
        <v>85</v>
      </c>
      <c r="EU31" s="160">
        <v>92</v>
      </c>
      <c r="EV31" s="160">
        <v>60</v>
      </c>
      <c r="EW31" s="160">
        <v>29</v>
      </c>
      <c r="EX31" s="160">
        <v>25</v>
      </c>
      <c r="EY31" s="165">
        <v>291</v>
      </c>
      <c r="EZ31" s="164">
        <v>355</v>
      </c>
    </row>
    <row r="32" spans="2:156" ht="21" customHeight="1" x14ac:dyDescent="0.2">
      <c r="B32" s="166" t="s">
        <v>30</v>
      </c>
      <c r="C32" s="159">
        <v>0</v>
      </c>
      <c r="D32" s="160">
        <v>0</v>
      </c>
      <c r="E32" s="161">
        <v>0</v>
      </c>
      <c r="F32" s="162">
        <v>0</v>
      </c>
      <c r="G32" s="160">
        <v>19</v>
      </c>
      <c r="H32" s="160">
        <v>16</v>
      </c>
      <c r="I32" s="160">
        <v>11</v>
      </c>
      <c r="J32" s="160">
        <v>14</v>
      </c>
      <c r="K32" s="160">
        <v>10</v>
      </c>
      <c r="L32" s="163">
        <v>70</v>
      </c>
      <c r="M32" s="164">
        <v>70</v>
      </c>
      <c r="N32" s="159">
        <v>0</v>
      </c>
      <c r="O32" s="160">
        <v>0</v>
      </c>
      <c r="P32" s="165">
        <v>0</v>
      </c>
      <c r="Q32" s="162">
        <v>0</v>
      </c>
      <c r="R32" s="160">
        <v>2</v>
      </c>
      <c r="S32" s="160">
        <v>0</v>
      </c>
      <c r="T32" s="160">
        <v>2</v>
      </c>
      <c r="U32" s="160">
        <v>5</v>
      </c>
      <c r="V32" s="160">
        <v>3</v>
      </c>
      <c r="W32" s="165">
        <v>12</v>
      </c>
      <c r="X32" s="164">
        <v>12</v>
      </c>
      <c r="Y32" s="159">
        <v>4</v>
      </c>
      <c r="Z32" s="160">
        <v>10</v>
      </c>
      <c r="AA32" s="165">
        <v>14</v>
      </c>
      <c r="AB32" s="162">
        <v>0</v>
      </c>
      <c r="AC32" s="160">
        <v>23</v>
      </c>
      <c r="AD32" s="160">
        <v>22</v>
      </c>
      <c r="AE32" s="160">
        <v>16</v>
      </c>
      <c r="AF32" s="160">
        <v>12</v>
      </c>
      <c r="AG32" s="160">
        <v>6</v>
      </c>
      <c r="AH32" s="165">
        <v>79</v>
      </c>
      <c r="AI32" s="164">
        <v>93</v>
      </c>
      <c r="AJ32" s="159">
        <v>0</v>
      </c>
      <c r="AK32" s="160">
        <v>0</v>
      </c>
      <c r="AL32" s="165">
        <v>0</v>
      </c>
      <c r="AM32" s="162">
        <v>0</v>
      </c>
      <c r="AN32" s="160">
        <v>4</v>
      </c>
      <c r="AO32" s="160">
        <v>3</v>
      </c>
      <c r="AP32" s="160">
        <v>2</v>
      </c>
      <c r="AQ32" s="160">
        <v>0</v>
      </c>
      <c r="AR32" s="160">
        <v>0</v>
      </c>
      <c r="AS32" s="165">
        <v>9</v>
      </c>
      <c r="AT32" s="164">
        <v>9</v>
      </c>
      <c r="AU32" s="159">
        <v>1</v>
      </c>
      <c r="AV32" s="160">
        <v>2</v>
      </c>
      <c r="AW32" s="165">
        <v>3</v>
      </c>
      <c r="AX32" s="162">
        <v>0</v>
      </c>
      <c r="AY32" s="160">
        <v>26</v>
      </c>
      <c r="AZ32" s="160">
        <v>19</v>
      </c>
      <c r="BA32" s="160">
        <v>20</v>
      </c>
      <c r="BB32" s="160">
        <v>26</v>
      </c>
      <c r="BC32" s="160">
        <v>9</v>
      </c>
      <c r="BD32" s="163">
        <v>100</v>
      </c>
      <c r="BE32" s="164">
        <v>103</v>
      </c>
      <c r="BF32" s="159">
        <v>0</v>
      </c>
      <c r="BG32" s="160">
        <v>0</v>
      </c>
      <c r="BH32" s="165">
        <v>0</v>
      </c>
      <c r="BI32" s="162">
        <v>0</v>
      </c>
      <c r="BJ32" s="160">
        <v>30</v>
      </c>
      <c r="BK32" s="160">
        <v>24</v>
      </c>
      <c r="BL32" s="160">
        <v>12</v>
      </c>
      <c r="BM32" s="160">
        <v>8</v>
      </c>
      <c r="BN32" s="160">
        <v>4</v>
      </c>
      <c r="BO32" s="165">
        <v>78</v>
      </c>
      <c r="BP32" s="164">
        <v>78</v>
      </c>
      <c r="BQ32" s="159">
        <v>5</v>
      </c>
      <c r="BR32" s="160">
        <v>5</v>
      </c>
      <c r="BS32" s="165">
        <v>10</v>
      </c>
      <c r="BT32" s="162">
        <v>0</v>
      </c>
      <c r="BU32" s="160">
        <v>8</v>
      </c>
      <c r="BV32" s="160">
        <v>8</v>
      </c>
      <c r="BW32" s="160">
        <v>3</v>
      </c>
      <c r="BX32" s="160">
        <v>5</v>
      </c>
      <c r="BY32" s="160">
        <v>1</v>
      </c>
      <c r="BZ32" s="165">
        <v>25</v>
      </c>
      <c r="CA32" s="164">
        <v>35</v>
      </c>
      <c r="CB32" s="159">
        <v>0</v>
      </c>
      <c r="CC32" s="160">
        <v>0</v>
      </c>
      <c r="CD32" s="165">
        <v>0</v>
      </c>
      <c r="CE32" s="162">
        <v>0</v>
      </c>
      <c r="CF32" s="160">
        <v>6</v>
      </c>
      <c r="CG32" s="160">
        <v>5</v>
      </c>
      <c r="CH32" s="160">
        <v>7</v>
      </c>
      <c r="CI32" s="160">
        <v>4</v>
      </c>
      <c r="CJ32" s="160">
        <v>0</v>
      </c>
      <c r="CK32" s="165">
        <v>22</v>
      </c>
      <c r="CL32" s="164">
        <v>22</v>
      </c>
      <c r="CM32" s="159">
        <v>0</v>
      </c>
      <c r="CN32" s="160">
        <v>0</v>
      </c>
      <c r="CO32" s="165">
        <v>0</v>
      </c>
      <c r="CP32" s="162">
        <v>0</v>
      </c>
      <c r="CQ32" s="160">
        <v>2</v>
      </c>
      <c r="CR32" s="160">
        <v>2</v>
      </c>
      <c r="CS32" s="160">
        <v>1</v>
      </c>
      <c r="CT32" s="160">
        <v>0</v>
      </c>
      <c r="CU32" s="160">
        <v>1</v>
      </c>
      <c r="CV32" s="165">
        <v>6</v>
      </c>
      <c r="CW32" s="164">
        <v>6</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5</v>
      </c>
      <c r="DU32" s="160">
        <v>27</v>
      </c>
      <c r="DV32" s="165">
        <v>62</v>
      </c>
      <c r="DW32" s="162">
        <v>0</v>
      </c>
      <c r="DX32" s="160">
        <v>55</v>
      </c>
      <c r="DY32" s="160">
        <v>47</v>
      </c>
      <c r="DZ32" s="160">
        <v>36</v>
      </c>
      <c r="EA32" s="160">
        <v>30</v>
      </c>
      <c r="EB32" s="160">
        <v>14</v>
      </c>
      <c r="EC32" s="165">
        <v>182</v>
      </c>
      <c r="ED32" s="164">
        <v>244</v>
      </c>
      <c r="EE32" s="159">
        <v>0</v>
      </c>
      <c r="EF32" s="160">
        <v>0</v>
      </c>
      <c r="EG32" s="165">
        <v>0</v>
      </c>
      <c r="EH32" s="162">
        <v>0</v>
      </c>
      <c r="EI32" s="160">
        <v>8</v>
      </c>
      <c r="EJ32" s="160">
        <v>8</v>
      </c>
      <c r="EK32" s="160">
        <v>8</v>
      </c>
      <c r="EL32" s="160">
        <v>5</v>
      </c>
      <c r="EM32" s="160">
        <v>2</v>
      </c>
      <c r="EN32" s="165">
        <v>31</v>
      </c>
      <c r="EO32" s="164">
        <v>31</v>
      </c>
      <c r="EP32" s="159">
        <v>39</v>
      </c>
      <c r="EQ32" s="160">
        <v>29</v>
      </c>
      <c r="ER32" s="165">
        <v>68</v>
      </c>
      <c r="ES32" s="162">
        <v>0</v>
      </c>
      <c r="ET32" s="160">
        <v>87</v>
      </c>
      <c r="EU32" s="160">
        <v>62</v>
      </c>
      <c r="EV32" s="160">
        <v>45</v>
      </c>
      <c r="EW32" s="160">
        <v>30</v>
      </c>
      <c r="EX32" s="160">
        <v>14</v>
      </c>
      <c r="EY32" s="165">
        <v>238</v>
      </c>
      <c r="EZ32" s="164">
        <v>306</v>
      </c>
    </row>
    <row r="33" spans="2:156" ht="21" customHeight="1" x14ac:dyDescent="0.2">
      <c r="B33" s="166" t="s">
        <v>31</v>
      </c>
      <c r="C33" s="159">
        <v>0</v>
      </c>
      <c r="D33" s="160">
        <v>0</v>
      </c>
      <c r="E33" s="161">
        <v>0</v>
      </c>
      <c r="F33" s="162">
        <v>0</v>
      </c>
      <c r="G33" s="160">
        <v>14</v>
      </c>
      <c r="H33" s="160">
        <v>14</v>
      </c>
      <c r="I33" s="160">
        <v>8</v>
      </c>
      <c r="J33" s="160">
        <v>8</v>
      </c>
      <c r="K33" s="160">
        <v>4</v>
      </c>
      <c r="L33" s="163">
        <v>48</v>
      </c>
      <c r="M33" s="164">
        <v>48</v>
      </c>
      <c r="N33" s="159">
        <v>0</v>
      </c>
      <c r="O33" s="160">
        <v>0</v>
      </c>
      <c r="P33" s="165">
        <v>0</v>
      </c>
      <c r="Q33" s="162">
        <v>0</v>
      </c>
      <c r="R33" s="160">
        <v>2</v>
      </c>
      <c r="S33" s="160">
        <v>1</v>
      </c>
      <c r="T33" s="160">
        <v>4</v>
      </c>
      <c r="U33" s="160">
        <v>8</v>
      </c>
      <c r="V33" s="160">
        <v>2</v>
      </c>
      <c r="W33" s="165">
        <v>17</v>
      </c>
      <c r="X33" s="164">
        <v>17</v>
      </c>
      <c r="Y33" s="159">
        <v>2</v>
      </c>
      <c r="Z33" s="160">
        <v>5</v>
      </c>
      <c r="AA33" s="165">
        <v>7</v>
      </c>
      <c r="AB33" s="162">
        <v>0</v>
      </c>
      <c r="AC33" s="160">
        <v>18</v>
      </c>
      <c r="AD33" s="160">
        <v>17</v>
      </c>
      <c r="AE33" s="160">
        <v>14</v>
      </c>
      <c r="AF33" s="160">
        <v>16</v>
      </c>
      <c r="AG33" s="160">
        <v>4</v>
      </c>
      <c r="AH33" s="165">
        <v>69</v>
      </c>
      <c r="AI33" s="164">
        <v>76</v>
      </c>
      <c r="AJ33" s="159">
        <v>1</v>
      </c>
      <c r="AK33" s="160">
        <v>2</v>
      </c>
      <c r="AL33" s="165">
        <v>3</v>
      </c>
      <c r="AM33" s="162">
        <v>0</v>
      </c>
      <c r="AN33" s="160">
        <v>3</v>
      </c>
      <c r="AO33" s="160">
        <v>1</v>
      </c>
      <c r="AP33" s="160">
        <v>2</v>
      </c>
      <c r="AQ33" s="160">
        <v>3</v>
      </c>
      <c r="AR33" s="160">
        <v>0</v>
      </c>
      <c r="AS33" s="165">
        <v>9</v>
      </c>
      <c r="AT33" s="164">
        <v>12</v>
      </c>
      <c r="AU33" s="159">
        <v>3</v>
      </c>
      <c r="AV33" s="160">
        <v>0</v>
      </c>
      <c r="AW33" s="165">
        <v>3</v>
      </c>
      <c r="AX33" s="162">
        <v>0</v>
      </c>
      <c r="AY33" s="160">
        <v>9</v>
      </c>
      <c r="AZ33" s="160">
        <v>18</v>
      </c>
      <c r="BA33" s="160">
        <v>9</v>
      </c>
      <c r="BB33" s="160">
        <v>18</v>
      </c>
      <c r="BC33" s="160">
        <v>9</v>
      </c>
      <c r="BD33" s="163">
        <v>63</v>
      </c>
      <c r="BE33" s="164">
        <v>66</v>
      </c>
      <c r="BF33" s="159">
        <v>0</v>
      </c>
      <c r="BG33" s="160">
        <v>0</v>
      </c>
      <c r="BH33" s="165">
        <v>0</v>
      </c>
      <c r="BI33" s="162">
        <v>0</v>
      </c>
      <c r="BJ33" s="160">
        <v>46</v>
      </c>
      <c r="BK33" s="160">
        <v>37</v>
      </c>
      <c r="BL33" s="160">
        <v>15</v>
      </c>
      <c r="BM33" s="160">
        <v>11</v>
      </c>
      <c r="BN33" s="160">
        <v>3</v>
      </c>
      <c r="BO33" s="165">
        <v>112</v>
      </c>
      <c r="BP33" s="164">
        <v>112</v>
      </c>
      <c r="BQ33" s="159">
        <v>0</v>
      </c>
      <c r="BR33" s="160">
        <v>3</v>
      </c>
      <c r="BS33" s="165">
        <v>3</v>
      </c>
      <c r="BT33" s="162">
        <v>0</v>
      </c>
      <c r="BU33" s="160">
        <v>7</v>
      </c>
      <c r="BV33" s="160">
        <v>7</v>
      </c>
      <c r="BW33" s="160">
        <v>10</v>
      </c>
      <c r="BX33" s="160">
        <v>2</v>
      </c>
      <c r="BY33" s="160">
        <v>1</v>
      </c>
      <c r="BZ33" s="165">
        <v>27</v>
      </c>
      <c r="CA33" s="164">
        <v>30</v>
      </c>
      <c r="CB33" s="159">
        <v>1</v>
      </c>
      <c r="CC33" s="160">
        <v>1</v>
      </c>
      <c r="CD33" s="165">
        <v>2</v>
      </c>
      <c r="CE33" s="162">
        <v>0</v>
      </c>
      <c r="CF33" s="160">
        <v>6</v>
      </c>
      <c r="CG33" s="160">
        <v>5</v>
      </c>
      <c r="CH33" s="160">
        <v>12</v>
      </c>
      <c r="CI33" s="160">
        <v>7</v>
      </c>
      <c r="CJ33" s="160">
        <v>1</v>
      </c>
      <c r="CK33" s="165">
        <v>31</v>
      </c>
      <c r="CL33" s="164">
        <v>33</v>
      </c>
      <c r="CM33" s="159">
        <v>1</v>
      </c>
      <c r="CN33" s="160">
        <v>0</v>
      </c>
      <c r="CO33" s="165">
        <v>1</v>
      </c>
      <c r="CP33" s="162">
        <v>0</v>
      </c>
      <c r="CQ33" s="160">
        <v>1</v>
      </c>
      <c r="CR33" s="160">
        <v>0</v>
      </c>
      <c r="CS33" s="160">
        <v>0</v>
      </c>
      <c r="CT33" s="160">
        <v>0</v>
      </c>
      <c r="CU33" s="160">
        <v>1</v>
      </c>
      <c r="CV33" s="165">
        <v>2</v>
      </c>
      <c r="CW33" s="164">
        <v>3</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19</v>
      </c>
      <c r="DU33" s="160">
        <v>60</v>
      </c>
      <c r="DV33" s="165">
        <v>79</v>
      </c>
      <c r="DW33" s="162">
        <v>0</v>
      </c>
      <c r="DX33" s="160">
        <v>50</v>
      </c>
      <c r="DY33" s="160">
        <v>62</v>
      </c>
      <c r="DZ33" s="160">
        <v>41</v>
      </c>
      <c r="EA33" s="160">
        <v>28</v>
      </c>
      <c r="EB33" s="160">
        <v>9</v>
      </c>
      <c r="EC33" s="165">
        <v>190</v>
      </c>
      <c r="ED33" s="164">
        <v>269</v>
      </c>
      <c r="EE33" s="159">
        <v>3</v>
      </c>
      <c r="EF33" s="160">
        <v>0</v>
      </c>
      <c r="EG33" s="165">
        <v>3</v>
      </c>
      <c r="EH33" s="162">
        <v>0</v>
      </c>
      <c r="EI33" s="160">
        <v>5</v>
      </c>
      <c r="EJ33" s="160">
        <v>10</v>
      </c>
      <c r="EK33" s="160">
        <v>4</v>
      </c>
      <c r="EL33" s="160">
        <v>5</v>
      </c>
      <c r="EM33" s="160">
        <v>0</v>
      </c>
      <c r="EN33" s="165">
        <v>24</v>
      </c>
      <c r="EO33" s="164">
        <v>27</v>
      </c>
      <c r="EP33" s="159">
        <v>22</v>
      </c>
      <c r="EQ33" s="160">
        <v>63</v>
      </c>
      <c r="ER33" s="165">
        <v>85</v>
      </c>
      <c r="ES33" s="162">
        <v>0</v>
      </c>
      <c r="ET33" s="160">
        <v>97</v>
      </c>
      <c r="EU33" s="160">
        <v>83</v>
      </c>
      <c r="EV33" s="160">
        <v>47</v>
      </c>
      <c r="EW33" s="160">
        <v>26</v>
      </c>
      <c r="EX33" s="160">
        <v>10</v>
      </c>
      <c r="EY33" s="165">
        <v>263</v>
      </c>
      <c r="EZ33" s="164">
        <v>348</v>
      </c>
    </row>
    <row r="34" spans="2:156" ht="21" customHeight="1" x14ac:dyDescent="0.2">
      <c r="B34" s="166" t="s">
        <v>32</v>
      </c>
      <c r="C34" s="159">
        <v>0</v>
      </c>
      <c r="D34" s="160">
        <v>0</v>
      </c>
      <c r="E34" s="161">
        <v>0</v>
      </c>
      <c r="F34" s="162">
        <v>0</v>
      </c>
      <c r="G34" s="160">
        <v>25</v>
      </c>
      <c r="H34" s="160">
        <v>25</v>
      </c>
      <c r="I34" s="160">
        <v>14</v>
      </c>
      <c r="J34" s="160">
        <v>6</v>
      </c>
      <c r="K34" s="160">
        <v>9</v>
      </c>
      <c r="L34" s="163">
        <v>79</v>
      </c>
      <c r="M34" s="164">
        <v>79</v>
      </c>
      <c r="N34" s="159">
        <v>0</v>
      </c>
      <c r="O34" s="160">
        <v>0</v>
      </c>
      <c r="P34" s="165">
        <v>0</v>
      </c>
      <c r="Q34" s="162">
        <v>0</v>
      </c>
      <c r="R34" s="160">
        <v>0</v>
      </c>
      <c r="S34" s="160">
        <v>0</v>
      </c>
      <c r="T34" s="160">
        <v>2</v>
      </c>
      <c r="U34" s="160">
        <v>5</v>
      </c>
      <c r="V34" s="160">
        <v>5</v>
      </c>
      <c r="W34" s="165">
        <v>12</v>
      </c>
      <c r="X34" s="164">
        <v>12</v>
      </c>
      <c r="Y34" s="159">
        <v>6</v>
      </c>
      <c r="Z34" s="160">
        <v>10</v>
      </c>
      <c r="AA34" s="165">
        <v>16</v>
      </c>
      <c r="AB34" s="162">
        <v>0</v>
      </c>
      <c r="AC34" s="160">
        <v>33</v>
      </c>
      <c r="AD34" s="160">
        <v>32</v>
      </c>
      <c r="AE34" s="160">
        <v>11</v>
      </c>
      <c r="AF34" s="160">
        <v>9</v>
      </c>
      <c r="AG34" s="160">
        <v>8</v>
      </c>
      <c r="AH34" s="165">
        <v>93</v>
      </c>
      <c r="AI34" s="164">
        <v>109</v>
      </c>
      <c r="AJ34" s="159">
        <v>0</v>
      </c>
      <c r="AK34" s="160">
        <v>0</v>
      </c>
      <c r="AL34" s="165">
        <v>0</v>
      </c>
      <c r="AM34" s="162">
        <v>0</v>
      </c>
      <c r="AN34" s="160">
        <v>4</v>
      </c>
      <c r="AO34" s="160">
        <v>2</v>
      </c>
      <c r="AP34" s="160">
        <v>0</v>
      </c>
      <c r="AQ34" s="160">
        <v>2</v>
      </c>
      <c r="AR34" s="160">
        <v>2</v>
      </c>
      <c r="AS34" s="165">
        <v>10</v>
      </c>
      <c r="AT34" s="164">
        <v>10</v>
      </c>
      <c r="AU34" s="159">
        <v>6</v>
      </c>
      <c r="AV34" s="160">
        <v>4</v>
      </c>
      <c r="AW34" s="165">
        <v>10</v>
      </c>
      <c r="AX34" s="162">
        <v>0</v>
      </c>
      <c r="AY34" s="160">
        <v>20</v>
      </c>
      <c r="AZ34" s="160">
        <v>22</v>
      </c>
      <c r="BA34" s="160">
        <v>27</v>
      </c>
      <c r="BB34" s="160">
        <v>25</v>
      </c>
      <c r="BC34" s="160">
        <v>21</v>
      </c>
      <c r="BD34" s="163">
        <v>115</v>
      </c>
      <c r="BE34" s="164">
        <v>125</v>
      </c>
      <c r="BF34" s="159">
        <v>0</v>
      </c>
      <c r="BG34" s="160">
        <v>0</v>
      </c>
      <c r="BH34" s="165">
        <v>0</v>
      </c>
      <c r="BI34" s="162">
        <v>0</v>
      </c>
      <c r="BJ34" s="160">
        <v>45</v>
      </c>
      <c r="BK34" s="160">
        <v>49</v>
      </c>
      <c r="BL34" s="160">
        <v>16</v>
      </c>
      <c r="BM34" s="160">
        <v>18</v>
      </c>
      <c r="BN34" s="160">
        <v>6</v>
      </c>
      <c r="BO34" s="165">
        <v>134</v>
      </c>
      <c r="BP34" s="164">
        <v>134</v>
      </c>
      <c r="BQ34" s="159">
        <v>1</v>
      </c>
      <c r="BR34" s="160">
        <v>1</v>
      </c>
      <c r="BS34" s="165">
        <v>2</v>
      </c>
      <c r="BT34" s="162">
        <v>0</v>
      </c>
      <c r="BU34" s="160">
        <v>8</v>
      </c>
      <c r="BV34" s="160">
        <v>14</v>
      </c>
      <c r="BW34" s="160">
        <v>4</v>
      </c>
      <c r="BX34" s="160">
        <v>6</v>
      </c>
      <c r="BY34" s="160">
        <v>3</v>
      </c>
      <c r="BZ34" s="165">
        <v>35</v>
      </c>
      <c r="CA34" s="164">
        <v>37</v>
      </c>
      <c r="CB34" s="159">
        <v>0</v>
      </c>
      <c r="CC34" s="160">
        <v>1</v>
      </c>
      <c r="CD34" s="165">
        <v>1</v>
      </c>
      <c r="CE34" s="162">
        <v>0</v>
      </c>
      <c r="CF34" s="160">
        <v>1</v>
      </c>
      <c r="CG34" s="160">
        <v>13</v>
      </c>
      <c r="CH34" s="160">
        <v>9</v>
      </c>
      <c r="CI34" s="160">
        <v>6</v>
      </c>
      <c r="CJ34" s="160">
        <v>4</v>
      </c>
      <c r="CK34" s="165">
        <v>33</v>
      </c>
      <c r="CL34" s="164">
        <v>34</v>
      </c>
      <c r="CM34" s="159">
        <v>0</v>
      </c>
      <c r="CN34" s="160">
        <v>0</v>
      </c>
      <c r="CO34" s="165">
        <v>0</v>
      </c>
      <c r="CP34" s="162">
        <v>0</v>
      </c>
      <c r="CQ34" s="160">
        <v>1</v>
      </c>
      <c r="CR34" s="160">
        <v>4</v>
      </c>
      <c r="CS34" s="160">
        <v>0</v>
      </c>
      <c r="CT34" s="160">
        <v>2</v>
      </c>
      <c r="CU34" s="160">
        <v>1</v>
      </c>
      <c r="CV34" s="165">
        <v>8</v>
      </c>
      <c r="CW34" s="164">
        <v>8</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4</v>
      </c>
      <c r="DU34" s="160">
        <v>50</v>
      </c>
      <c r="DV34" s="165">
        <v>74</v>
      </c>
      <c r="DW34" s="162">
        <v>0</v>
      </c>
      <c r="DX34" s="160">
        <v>77</v>
      </c>
      <c r="DY34" s="160">
        <v>80</v>
      </c>
      <c r="DZ34" s="160">
        <v>35</v>
      </c>
      <c r="EA34" s="160">
        <v>30</v>
      </c>
      <c r="EB34" s="160">
        <v>19</v>
      </c>
      <c r="EC34" s="165">
        <v>241</v>
      </c>
      <c r="ED34" s="164">
        <v>315</v>
      </c>
      <c r="EE34" s="159">
        <v>4</v>
      </c>
      <c r="EF34" s="160">
        <v>3</v>
      </c>
      <c r="EG34" s="165">
        <v>7</v>
      </c>
      <c r="EH34" s="162">
        <v>0</v>
      </c>
      <c r="EI34" s="160">
        <v>7</v>
      </c>
      <c r="EJ34" s="160">
        <v>7</v>
      </c>
      <c r="EK34" s="160">
        <v>7</v>
      </c>
      <c r="EL34" s="160">
        <v>12</v>
      </c>
      <c r="EM34" s="160">
        <v>6</v>
      </c>
      <c r="EN34" s="165">
        <v>39</v>
      </c>
      <c r="EO34" s="164">
        <v>46</v>
      </c>
      <c r="EP34" s="159">
        <v>29</v>
      </c>
      <c r="EQ34" s="160">
        <v>54</v>
      </c>
      <c r="ER34" s="165">
        <v>83</v>
      </c>
      <c r="ES34" s="162">
        <v>0</v>
      </c>
      <c r="ET34" s="160">
        <v>137</v>
      </c>
      <c r="EU34" s="160">
        <v>113</v>
      </c>
      <c r="EV34" s="160">
        <v>41</v>
      </c>
      <c r="EW34" s="160">
        <v>32</v>
      </c>
      <c r="EX34" s="160">
        <v>21</v>
      </c>
      <c r="EY34" s="165">
        <v>344</v>
      </c>
      <c r="EZ34" s="164">
        <v>427</v>
      </c>
    </row>
    <row r="35" spans="2:156" ht="21" customHeight="1" x14ac:dyDescent="0.2">
      <c r="B35" s="166" t="s">
        <v>33</v>
      </c>
      <c r="C35" s="159">
        <v>0</v>
      </c>
      <c r="D35" s="160">
        <v>0</v>
      </c>
      <c r="E35" s="161">
        <v>0</v>
      </c>
      <c r="F35" s="162">
        <v>0</v>
      </c>
      <c r="G35" s="160">
        <v>28</v>
      </c>
      <c r="H35" s="160">
        <v>12</v>
      </c>
      <c r="I35" s="160">
        <v>10</v>
      </c>
      <c r="J35" s="160">
        <v>2</v>
      </c>
      <c r="K35" s="160">
        <v>9</v>
      </c>
      <c r="L35" s="163">
        <v>61</v>
      </c>
      <c r="M35" s="164">
        <v>61</v>
      </c>
      <c r="N35" s="159">
        <v>0</v>
      </c>
      <c r="O35" s="160">
        <v>0</v>
      </c>
      <c r="P35" s="165">
        <v>0</v>
      </c>
      <c r="Q35" s="162">
        <v>0</v>
      </c>
      <c r="R35" s="160">
        <v>1</v>
      </c>
      <c r="S35" s="160">
        <v>1</v>
      </c>
      <c r="T35" s="160">
        <v>1</v>
      </c>
      <c r="U35" s="160">
        <v>2</v>
      </c>
      <c r="V35" s="160">
        <v>4</v>
      </c>
      <c r="W35" s="165">
        <v>9</v>
      </c>
      <c r="X35" s="164">
        <v>9</v>
      </c>
      <c r="Y35" s="159">
        <v>0</v>
      </c>
      <c r="Z35" s="160">
        <v>4</v>
      </c>
      <c r="AA35" s="165">
        <v>4</v>
      </c>
      <c r="AB35" s="162">
        <v>0</v>
      </c>
      <c r="AC35" s="160">
        <v>22</v>
      </c>
      <c r="AD35" s="160">
        <v>10</v>
      </c>
      <c r="AE35" s="160">
        <v>8</v>
      </c>
      <c r="AF35" s="160">
        <v>8</v>
      </c>
      <c r="AG35" s="160">
        <v>5</v>
      </c>
      <c r="AH35" s="165">
        <v>53</v>
      </c>
      <c r="AI35" s="164">
        <v>57</v>
      </c>
      <c r="AJ35" s="159">
        <v>11</v>
      </c>
      <c r="AK35" s="160">
        <v>20</v>
      </c>
      <c r="AL35" s="165">
        <v>31</v>
      </c>
      <c r="AM35" s="162">
        <v>0</v>
      </c>
      <c r="AN35" s="160">
        <v>33</v>
      </c>
      <c r="AO35" s="160">
        <v>17</v>
      </c>
      <c r="AP35" s="160">
        <v>11</v>
      </c>
      <c r="AQ35" s="160">
        <v>3</v>
      </c>
      <c r="AR35" s="160">
        <v>3</v>
      </c>
      <c r="AS35" s="165">
        <v>67</v>
      </c>
      <c r="AT35" s="164">
        <v>98</v>
      </c>
      <c r="AU35" s="159">
        <v>7</v>
      </c>
      <c r="AV35" s="160">
        <v>7</v>
      </c>
      <c r="AW35" s="165">
        <v>14</v>
      </c>
      <c r="AX35" s="162">
        <v>0</v>
      </c>
      <c r="AY35" s="160">
        <v>37</v>
      </c>
      <c r="AZ35" s="160">
        <v>35</v>
      </c>
      <c r="BA35" s="160">
        <v>35</v>
      </c>
      <c r="BB35" s="160">
        <v>16</v>
      </c>
      <c r="BC35" s="160">
        <v>18</v>
      </c>
      <c r="BD35" s="163">
        <v>141</v>
      </c>
      <c r="BE35" s="164">
        <v>155</v>
      </c>
      <c r="BF35" s="159">
        <v>0</v>
      </c>
      <c r="BG35" s="160">
        <v>0</v>
      </c>
      <c r="BH35" s="165">
        <v>0</v>
      </c>
      <c r="BI35" s="162">
        <v>0</v>
      </c>
      <c r="BJ35" s="160">
        <v>8</v>
      </c>
      <c r="BK35" s="160">
        <v>6</v>
      </c>
      <c r="BL35" s="160">
        <v>4</v>
      </c>
      <c r="BM35" s="160">
        <v>4</v>
      </c>
      <c r="BN35" s="160">
        <v>3</v>
      </c>
      <c r="BO35" s="165">
        <v>25</v>
      </c>
      <c r="BP35" s="164">
        <v>25</v>
      </c>
      <c r="BQ35" s="159">
        <v>6</v>
      </c>
      <c r="BR35" s="160">
        <v>12</v>
      </c>
      <c r="BS35" s="165">
        <v>18</v>
      </c>
      <c r="BT35" s="162">
        <v>0</v>
      </c>
      <c r="BU35" s="160">
        <v>32</v>
      </c>
      <c r="BV35" s="160">
        <v>18</v>
      </c>
      <c r="BW35" s="160">
        <v>7</v>
      </c>
      <c r="BX35" s="160">
        <v>2</v>
      </c>
      <c r="BY35" s="160">
        <v>1</v>
      </c>
      <c r="BZ35" s="165">
        <v>60</v>
      </c>
      <c r="CA35" s="164">
        <v>78</v>
      </c>
      <c r="CB35" s="159">
        <v>0</v>
      </c>
      <c r="CC35" s="160">
        <v>0</v>
      </c>
      <c r="CD35" s="165">
        <v>0</v>
      </c>
      <c r="CE35" s="162">
        <v>0</v>
      </c>
      <c r="CF35" s="160">
        <v>3</v>
      </c>
      <c r="CG35" s="160">
        <v>5</v>
      </c>
      <c r="CH35" s="160">
        <v>6</v>
      </c>
      <c r="CI35" s="160">
        <v>4</v>
      </c>
      <c r="CJ35" s="160">
        <v>2</v>
      </c>
      <c r="CK35" s="165">
        <v>20</v>
      </c>
      <c r="CL35" s="164">
        <v>20</v>
      </c>
      <c r="CM35" s="159">
        <v>0</v>
      </c>
      <c r="CN35" s="160">
        <v>0</v>
      </c>
      <c r="CO35" s="165">
        <v>0</v>
      </c>
      <c r="CP35" s="162">
        <v>0</v>
      </c>
      <c r="CQ35" s="160">
        <v>2</v>
      </c>
      <c r="CR35" s="160">
        <v>1</v>
      </c>
      <c r="CS35" s="160">
        <v>0</v>
      </c>
      <c r="CT35" s="160">
        <v>1</v>
      </c>
      <c r="CU35" s="160">
        <v>0</v>
      </c>
      <c r="CV35" s="165">
        <v>4</v>
      </c>
      <c r="CW35" s="164">
        <v>4</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3</v>
      </c>
      <c r="DU35" s="160">
        <v>29</v>
      </c>
      <c r="DV35" s="165">
        <v>42</v>
      </c>
      <c r="DW35" s="162">
        <v>0</v>
      </c>
      <c r="DX35" s="160">
        <v>63</v>
      </c>
      <c r="DY35" s="160">
        <v>48</v>
      </c>
      <c r="DZ35" s="160">
        <v>27</v>
      </c>
      <c r="EA35" s="160">
        <v>22</v>
      </c>
      <c r="EB35" s="160">
        <v>13</v>
      </c>
      <c r="EC35" s="165">
        <v>173</v>
      </c>
      <c r="ED35" s="164">
        <v>215</v>
      </c>
      <c r="EE35" s="159">
        <v>2</v>
      </c>
      <c r="EF35" s="160">
        <v>4</v>
      </c>
      <c r="EG35" s="165">
        <v>6</v>
      </c>
      <c r="EH35" s="162">
        <v>0</v>
      </c>
      <c r="EI35" s="160">
        <v>15</v>
      </c>
      <c r="EJ35" s="160">
        <v>18</v>
      </c>
      <c r="EK35" s="160">
        <v>18</v>
      </c>
      <c r="EL35" s="160">
        <v>9</v>
      </c>
      <c r="EM35" s="160">
        <v>6</v>
      </c>
      <c r="EN35" s="165">
        <v>66</v>
      </c>
      <c r="EO35" s="164">
        <v>72</v>
      </c>
      <c r="EP35" s="159">
        <v>27</v>
      </c>
      <c r="EQ35" s="160">
        <v>53</v>
      </c>
      <c r="ER35" s="165">
        <v>80</v>
      </c>
      <c r="ES35" s="162">
        <v>0</v>
      </c>
      <c r="ET35" s="160">
        <v>105</v>
      </c>
      <c r="EU35" s="160">
        <v>57</v>
      </c>
      <c r="EV35" s="160">
        <v>36</v>
      </c>
      <c r="EW35" s="160">
        <v>18</v>
      </c>
      <c r="EX35" s="160">
        <v>15</v>
      </c>
      <c r="EY35" s="165">
        <v>231</v>
      </c>
      <c r="EZ35" s="164">
        <v>311</v>
      </c>
    </row>
    <row r="36" spans="2:156" ht="21" customHeight="1" x14ac:dyDescent="0.2">
      <c r="B36" s="166" t="s">
        <v>34</v>
      </c>
      <c r="C36" s="159">
        <v>0</v>
      </c>
      <c r="D36" s="160">
        <v>0</v>
      </c>
      <c r="E36" s="161">
        <v>0</v>
      </c>
      <c r="F36" s="162">
        <v>0</v>
      </c>
      <c r="G36" s="160">
        <v>19</v>
      </c>
      <c r="H36" s="160">
        <v>9</v>
      </c>
      <c r="I36" s="160">
        <v>3</v>
      </c>
      <c r="J36" s="160">
        <v>5</v>
      </c>
      <c r="K36" s="160">
        <v>3</v>
      </c>
      <c r="L36" s="163">
        <v>39</v>
      </c>
      <c r="M36" s="164">
        <v>39</v>
      </c>
      <c r="N36" s="159">
        <v>0</v>
      </c>
      <c r="O36" s="160">
        <v>0</v>
      </c>
      <c r="P36" s="165">
        <v>0</v>
      </c>
      <c r="Q36" s="162">
        <v>0</v>
      </c>
      <c r="R36" s="160">
        <v>0</v>
      </c>
      <c r="S36" s="160">
        <v>1</v>
      </c>
      <c r="T36" s="160">
        <v>0</v>
      </c>
      <c r="U36" s="160">
        <v>1</v>
      </c>
      <c r="V36" s="160">
        <v>7</v>
      </c>
      <c r="W36" s="165">
        <v>9</v>
      </c>
      <c r="X36" s="164">
        <v>9</v>
      </c>
      <c r="Y36" s="159">
        <v>0</v>
      </c>
      <c r="Z36" s="160">
        <v>5</v>
      </c>
      <c r="AA36" s="165">
        <v>5</v>
      </c>
      <c r="AB36" s="162">
        <v>0</v>
      </c>
      <c r="AC36" s="160">
        <v>22</v>
      </c>
      <c r="AD36" s="160">
        <v>11</v>
      </c>
      <c r="AE36" s="160">
        <v>5</v>
      </c>
      <c r="AF36" s="160">
        <v>8</v>
      </c>
      <c r="AG36" s="160">
        <v>6</v>
      </c>
      <c r="AH36" s="165">
        <v>52</v>
      </c>
      <c r="AI36" s="164">
        <v>57</v>
      </c>
      <c r="AJ36" s="159">
        <v>1</v>
      </c>
      <c r="AK36" s="160">
        <v>0</v>
      </c>
      <c r="AL36" s="165">
        <v>1</v>
      </c>
      <c r="AM36" s="162">
        <v>0</v>
      </c>
      <c r="AN36" s="160">
        <v>6</v>
      </c>
      <c r="AO36" s="160">
        <v>2</v>
      </c>
      <c r="AP36" s="160">
        <v>4</v>
      </c>
      <c r="AQ36" s="160">
        <v>0</v>
      </c>
      <c r="AR36" s="160">
        <v>1</v>
      </c>
      <c r="AS36" s="165">
        <v>13</v>
      </c>
      <c r="AT36" s="164">
        <v>14</v>
      </c>
      <c r="AU36" s="159">
        <v>3</v>
      </c>
      <c r="AV36" s="160">
        <v>6</v>
      </c>
      <c r="AW36" s="165">
        <v>9</v>
      </c>
      <c r="AX36" s="162">
        <v>0</v>
      </c>
      <c r="AY36" s="160">
        <v>33</v>
      </c>
      <c r="AZ36" s="160">
        <v>31</v>
      </c>
      <c r="BA36" s="160">
        <v>10</v>
      </c>
      <c r="BB36" s="160">
        <v>14</v>
      </c>
      <c r="BC36" s="160">
        <v>15</v>
      </c>
      <c r="BD36" s="163">
        <v>103</v>
      </c>
      <c r="BE36" s="164">
        <v>112</v>
      </c>
      <c r="BF36" s="159">
        <v>0</v>
      </c>
      <c r="BG36" s="160">
        <v>0</v>
      </c>
      <c r="BH36" s="165">
        <v>0</v>
      </c>
      <c r="BI36" s="162">
        <v>0</v>
      </c>
      <c r="BJ36" s="160">
        <v>28</v>
      </c>
      <c r="BK36" s="160">
        <v>18</v>
      </c>
      <c r="BL36" s="160">
        <v>12</v>
      </c>
      <c r="BM36" s="160">
        <v>7</v>
      </c>
      <c r="BN36" s="160">
        <v>1</v>
      </c>
      <c r="BO36" s="165">
        <v>66</v>
      </c>
      <c r="BP36" s="164">
        <v>66</v>
      </c>
      <c r="BQ36" s="159">
        <v>0</v>
      </c>
      <c r="BR36" s="160">
        <v>3</v>
      </c>
      <c r="BS36" s="165">
        <v>3</v>
      </c>
      <c r="BT36" s="162">
        <v>0</v>
      </c>
      <c r="BU36" s="160">
        <v>8</v>
      </c>
      <c r="BV36" s="160">
        <v>3</v>
      </c>
      <c r="BW36" s="160">
        <v>3</v>
      </c>
      <c r="BX36" s="160">
        <v>2</v>
      </c>
      <c r="BY36" s="160">
        <v>0</v>
      </c>
      <c r="BZ36" s="165">
        <v>16</v>
      </c>
      <c r="CA36" s="164">
        <v>19</v>
      </c>
      <c r="CB36" s="159">
        <v>0</v>
      </c>
      <c r="CC36" s="160">
        <v>0</v>
      </c>
      <c r="CD36" s="165">
        <v>0</v>
      </c>
      <c r="CE36" s="162">
        <v>0</v>
      </c>
      <c r="CF36" s="160">
        <v>3</v>
      </c>
      <c r="CG36" s="160">
        <v>0</v>
      </c>
      <c r="CH36" s="160">
        <v>5</v>
      </c>
      <c r="CI36" s="160">
        <v>2</v>
      </c>
      <c r="CJ36" s="160">
        <v>2</v>
      </c>
      <c r="CK36" s="165">
        <v>12</v>
      </c>
      <c r="CL36" s="164">
        <v>12</v>
      </c>
      <c r="CM36" s="159">
        <v>0</v>
      </c>
      <c r="CN36" s="160">
        <v>0</v>
      </c>
      <c r="CO36" s="165">
        <v>0</v>
      </c>
      <c r="CP36" s="162">
        <v>0</v>
      </c>
      <c r="CQ36" s="160">
        <v>0</v>
      </c>
      <c r="CR36" s="160">
        <v>1</v>
      </c>
      <c r="CS36" s="160">
        <v>0</v>
      </c>
      <c r="CT36" s="160">
        <v>0</v>
      </c>
      <c r="CU36" s="160">
        <v>0</v>
      </c>
      <c r="CV36" s="165">
        <v>1</v>
      </c>
      <c r="CW36" s="164">
        <v>1</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3</v>
      </c>
      <c r="DU36" s="160">
        <v>21</v>
      </c>
      <c r="DV36" s="165">
        <v>34</v>
      </c>
      <c r="DW36" s="162">
        <v>0</v>
      </c>
      <c r="DX36" s="160">
        <v>51</v>
      </c>
      <c r="DY36" s="160">
        <v>51</v>
      </c>
      <c r="DZ36" s="160">
        <v>23</v>
      </c>
      <c r="EA36" s="160">
        <v>17</v>
      </c>
      <c r="EB36" s="160">
        <v>11</v>
      </c>
      <c r="EC36" s="165">
        <v>153</v>
      </c>
      <c r="ED36" s="164">
        <v>187</v>
      </c>
      <c r="EE36" s="159">
        <v>2</v>
      </c>
      <c r="EF36" s="160">
        <v>3</v>
      </c>
      <c r="EG36" s="165">
        <v>5</v>
      </c>
      <c r="EH36" s="162">
        <v>0</v>
      </c>
      <c r="EI36" s="160">
        <v>15</v>
      </c>
      <c r="EJ36" s="160">
        <v>8</v>
      </c>
      <c r="EK36" s="160">
        <v>2</v>
      </c>
      <c r="EL36" s="160">
        <v>5</v>
      </c>
      <c r="EM36" s="160">
        <v>6</v>
      </c>
      <c r="EN36" s="165">
        <v>36</v>
      </c>
      <c r="EO36" s="164">
        <v>41</v>
      </c>
      <c r="EP36" s="159">
        <v>14</v>
      </c>
      <c r="EQ36" s="160">
        <v>23</v>
      </c>
      <c r="ER36" s="165">
        <v>37</v>
      </c>
      <c r="ES36" s="162">
        <v>0</v>
      </c>
      <c r="ET36" s="160">
        <v>80</v>
      </c>
      <c r="EU36" s="160">
        <v>50</v>
      </c>
      <c r="EV36" s="160">
        <v>24</v>
      </c>
      <c r="EW36" s="160">
        <v>17</v>
      </c>
      <c r="EX36" s="160">
        <v>10</v>
      </c>
      <c r="EY36" s="165">
        <v>181</v>
      </c>
      <c r="EZ36" s="164">
        <v>218</v>
      </c>
    </row>
    <row r="37" spans="2:156" ht="21" customHeight="1" x14ac:dyDescent="0.2">
      <c r="B37" s="166" t="s">
        <v>35</v>
      </c>
      <c r="C37" s="159">
        <v>0</v>
      </c>
      <c r="D37" s="160">
        <v>0</v>
      </c>
      <c r="E37" s="161">
        <v>0</v>
      </c>
      <c r="F37" s="162">
        <v>0</v>
      </c>
      <c r="G37" s="160">
        <v>118</v>
      </c>
      <c r="H37" s="160">
        <v>49</v>
      </c>
      <c r="I37" s="160">
        <v>44</v>
      </c>
      <c r="J37" s="160">
        <v>27</v>
      </c>
      <c r="K37" s="160">
        <v>20</v>
      </c>
      <c r="L37" s="163">
        <v>258</v>
      </c>
      <c r="M37" s="164">
        <v>258</v>
      </c>
      <c r="N37" s="159">
        <v>0</v>
      </c>
      <c r="O37" s="160">
        <v>0</v>
      </c>
      <c r="P37" s="165">
        <v>0</v>
      </c>
      <c r="Q37" s="162">
        <v>0</v>
      </c>
      <c r="R37" s="160">
        <v>1</v>
      </c>
      <c r="S37" s="160">
        <v>3</v>
      </c>
      <c r="T37" s="160">
        <v>5</v>
      </c>
      <c r="U37" s="160">
        <v>12</v>
      </c>
      <c r="V37" s="160">
        <v>11</v>
      </c>
      <c r="W37" s="165">
        <v>32</v>
      </c>
      <c r="X37" s="164">
        <v>32</v>
      </c>
      <c r="Y37" s="159">
        <v>8</v>
      </c>
      <c r="Z37" s="160">
        <v>10</v>
      </c>
      <c r="AA37" s="165">
        <v>18</v>
      </c>
      <c r="AB37" s="162">
        <v>0</v>
      </c>
      <c r="AC37" s="160">
        <v>59</v>
      </c>
      <c r="AD37" s="160">
        <v>36</v>
      </c>
      <c r="AE37" s="160">
        <v>37</v>
      </c>
      <c r="AF37" s="160">
        <v>23</v>
      </c>
      <c r="AG37" s="160">
        <v>20</v>
      </c>
      <c r="AH37" s="165">
        <v>175</v>
      </c>
      <c r="AI37" s="164">
        <v>193</v>
      </c>
      <c r="AJ37" s="159">
        <v>7</v>
      </c>
      <c r="AK37" s="160">
        <v>14</v>
      </c>
      <c r="AL37" s="165">
        <v>21</v>
      </c>
      <c r="AM37" s="162">
        <v>0</v>
      </c>
      <c r="AN37" s="160">
        <v>23</v>
      </c>
      <c r="AO37" s="160">
        <v>12</v>
      </c>
      <c r="AP37" s="160">
        <v>5</v>
      </c>
      <c r="AQ37" s="160">
        <v>10</v>
      </c>
      <c r="AR37" s="160">
        <v>8</v>
      </c>
      <c r="AS37" s="165">
        <v>58</v>
      </c>
      <c r="AT37" s="164">
        <v>79</v>
      </c>
      <c r="AU37" s="159">
        <v>13</v>
      </c>
      <c r="AV37" s="160">
        <v>18</v>
      </c>
      <c r="AW37" s="165">
        <v>31</v>
      </c>
      <c r="AX37" s="162">
        <v>0</v>
      </c>
      <c r="AY37" s="160">
        <v>97</v>
      </c>
      <c r="AZ37" s="160">
        <v>68</v>
      </c>
      <c r="BA37" s="160">
        <v>84</v>
      </c>
      <c r="BB37" s="160">
        <v>77</v>
      </c>
      <c r="BC37" s="160">
        <v>46</v>
      </c>
      <c r="BD37" s="163">
        <v>372</v>
      </c>
      <c r="BE37" s="164">
        <v>403</v>
      </c>
      <c r="BF37" s="159">
        <v>0</v>
      </c>
      <c r="BG37" s="160">
        <v>0</v>
      </c>
      <c r="BH37" s="165">
        <v>0</v>
      </c>
      <c r="BI37" s="162">
        <v>0</v>
      </c>
      <c r="BJ37" s="160">
        <v>147</v>
      </c>
      <c r="BK37" s="160">
        <v>75</v>
      </c>
      <c r="BL37" s="160">
        <v>53</v>
      </c>
      <c r="BM37" s="160">
        <v>28</v>
      </c>
      <c r="BN37" s="160">
        <v>18</v>
      </c>
      <c r="BO37" s="165">
        <v>321</v>
      </c>
      <c r="BP37" s="164">
        <v>321</v>
      </c>
      <c r="BQ37" s="159">
        <v>8</v>
      </c>
      <c r="BR37" s="160">
        <v>23</v>
      </c>
      <c r="BS37" s="165">
        <v>31</v>
      </c>
      <c r="BT37" s="162">
        <v>0</v>
      </c>
      <c r="BU37" s="160">
        <v>64</v>
      </c>
      <c r="BV37" s="160">
        <v>29</v>
      </c>
      <c r="BW37" s="160">
        <v>17</v>
      </c>
      <c r="BX37" s="160">
        <v>9</v>
      </c>
      <c r="BY37" s="160">
        <v>1</v>
      </c>
      <c r="BZ37" s="165">
        <v>120</v>
      </c>
      <c r="CA37" s="164">
        <v>151</v>
      </c>
      <c r="CB37" s="159">
        <v>0</v>
      </c>
      <c r="CC37" s="160">
        <v>0</v>
      </c>
      <c r="CD37" s="165">
        <v>0</v>
      </c>
      <c r="CE37" s="162">
        <v>0</v>
      </c>
      <c r="CF37" s="160">
        <v>8</v>
      </c>
      <c r="CG37" s="160">
        <v>6</v>
      </c>
      <c r="CH37" s="160">
        <v>12</v>
      </c>
      <c r="CI37" s="160">
        <v>9</v>
      </c>
      <c r="CJ37" s="160">
        <v>1</v>
      </c>
      <c r="CK37" s="165">
        <v>36</v>
      </c>
      <c r="CL37" s="164">
        <v>36</v>
      </c>
      <c r="CM37" s="159">
        <v>0</v>
      </c>
      <c r="CN37" s="160">
        <v>0</v>
      </c>
      <c r="CO37" s="165">
        <v>0</v>
      </c>
      <c r="CP37" s="162">
        <v>0</v>
      </c>
      <c r="CQ37" s="160">
        <v>5</v>
      </c>
      <c r="CR37" s="160">
        <v>2</v>
      </c>
      <c r="CS37" s="160">
        <v>2</v>
      </c>
      <c r="CT37" s="160">
        <v>2</v>
      </c>
      <c r="CU37" s="160">
        <v>1</v>
      </c>
      <c r="CV37" s="165">
        <v>12</v>
      </c>
      <c r="CW37" s="164">
        <v>12</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56</v>
      </c>
      <c r="DU37" s="160">
        <v>86</v>
      </c>
      <c r="DV37" s="165">
        <v>142</v>
      </c>
      <c r="DW37" s="162">
        <v>0</v>
      </c>
      <c r="DX37" s="160">
        <v>187</v>
      </c>
      <c r="DY37" s="160">
        <v>131</v>
      </c>
      <c r="DZ37" s="160">
        <v>96</v>
      </c>
      <c r="EA37" s="160">
        <v>58</v>
      </c>
      <c r="EB37" s="160">
        <v>39</v>
      </c>
      <c r="EC37" s="165">
        <v>511</v>
      </c>
      <c r="ED37" s="164">
        <v>653</v>
      </c>
      <c r="EE37" s="159">
        <v>15</v>
      </c>
      <c r="EF37" s="160">
        <v>12</v>
      </c>
      <c r="EG37" s="165">
        <v>27</v>
      </c>
      <c r="EH37" s="162">
        <v>0</v>
      </c>
      <c r="EI37" s="160">
        <v>43</v>
      </c>
      <c r="EJ37" s="160">
        <v>16</v>
      </c>
      <c r="EK37" s="160">
        <v>21</v>
      </c>
      <c r="EL37" s="160">
        <v>30</v>
      </c>
      <c r="EM37" s="160">
        <v>11</v>
      </c>
      <c r="EN37" s="165">
        <v>121</v>
      </c>
      <c r="EO37" s="164">
        <v>148</v>
      </c>
      <c r="EP37" s="159">
        <v>73</v>
      </c>
      <c r="EQ37" s="160">
        <v>113</v>
      </c>
      <c r="ER37" s="165">
        <v>186</v>
      </c>
      <c r="ES37" s="162">
        <v>0</v>
      </c>
      <c r="ET37" s="160">
        <v>315</v>
      </c>
      <c r="EU37" s="160">
        <v>167</v>
      </c>
      <c r="EV37" s="160">
        <v>110</v>
      </c>
      <c r="EW37" s="160">
        <v>64</v>
      </c>
      <c r="EX37" s="160">
        <v>40</v>
      </c>
      <c r="EY37" s="165">
        <v>696</v>
      </c>
      <c r="EZ37" s="164">
        <v>882</v>
      </c>
    </row>
    <row r="38" spans="2:156" ht="21" customHeight="1" x14ac:dyDescent="0.2">
      <c r="B38" s="166" t="s">
        <v>36</v>
      </c>
      <c r="C38" s="159">
        <v>0</v>
      </c>
      <c r="D38" s="160">
        <v>0</v>
      </c>
      <c r="E38" s="161">
        <v>0</v>
      </c>
      <c r="F38" s="162">
        <v>0</v>
      </c>
      <c r="G38" s="160">
        <v>54</v>
      </c>
      <c r="H38" s="160">
        <v>75</v>
      </c>
      <c r="I38" s="160">
        <v>44</v>
      </c>
      <c r="J38" s="160">
        <v>25</v>
      </c>
      <c r="K38" s="160">
        <v>42</v>
      </c>
      <c r="L38" s="163">
        <v>240</v>
      </c>
      <c r="M38" s="164">
        <v>240</v>
      </c>
      <c r="N38" s="159">
        <v>0</v>
      </c>
      <c r="O38" s="160">
        <v>1</v>
      </c>
      <c r="P38" s="165">
        <v>1</v>
      </c>
      <c r="Q38" s="162">
        <v>0</v>
      </c>
      <c r="R38" s="160">
        <v>3</v>
      </c>
      <c r="S38" s="160">
        <v>2</v>
      </c>
      <c r="T38" s="160">
        <v>10</v>
      </c>
      <c r="U38" s="160">
        <v>8</v>
      </c>
      <c r="V38" s="160">
        <v>11</v>
      </c>
      <c r="W38" s="165">
        <v>34</v>
      </c>
      <c r="X38" s="164">
        <v>35</v>
      </c>
      <c r="Y38" s="159">
        <v>6</v>
      </c>
      <c r="Z38" s="160">
        <v>21</v>
      </c>
      <c r="AA38" s="165">
        <v>27</v>
      </c>
      <c r="AB38" s="162">
        <v>0</v>
      </c>
      <c r="AC38" s="160">
        <v>47</v>
      </c>
      <c r="AD38" s="160">
        <v>58</v>
      </c>
      <c r="AE38" s="160">
        <v>43</v>
      </c>
      <c r="AF38" s="160">
        <v>27</v>
      </c>
      <c r="AG38" s="160">
        <v>34</v>
      </c>
      <c r="AH38" s="165">
        <v>209</v>
      </c>
      <c r="AI38" s="164">
        <v>236</v>
      </c>
      <c r="AJ38" s="159">
        <v>3</v>
      </c>
      <c r="AK38" s="160">
        <v>9</v>
      </c>
      <c r="AL38" s="165">
        <v>12</v>
      </c>
      <c r="AM38" s="162">
        <v>0</v>
      </c>
      <c r="AN38" s="160">
        <v>21</v>
      </c>
      <c r="AO38" s="160">
        <v>19</v>
      </c>
      <c r="AP38" s="160">
        <v>8</v>
      </c>
      <c r="AQ38" s="160">
        <v>8</v>
      </c>
      <c r="AR38" s="160">
        <v>7</v>
      </c>
      <c r="AS38" s="165">
        <v>63</v>
      </c>
      <c r="AT38" s="164">
        <v>75</v>
      </c>
      <c r="AU38" s="159">
        <v>6</v>
      </c>
      <c r="AV38" s="160">
        <v>7</v>
      </c>
      <c r="AW38" s="165">
        <v>13</v>
      </c>
      <c r="AX38" s="162">
        <v>0</v>
      </c>
      <c r="AY38" s="160">
        <v>45</v>
      </c>
      <c r="AZ38" s="160">
        <v>89</v>
      </c>
      <c r="BA38" s="160">
        <v>67</v>
      </c>
      <c r="BB38" s="160">
        <v>44</v>
      </c>
      <c r="BC38" s="160">
        <v>56</v>
      </c>
      <c r="BD38" s="163">
        <v>301</v>
      </c>
      <c r="BE38" s="164">
        <v>314</v>
      </c>
      <c r="BF38" s="159">
        <v>0</v>
      </c>
      <c r="BG38" s="160">
        <v>0</v>
      </c>
      <c r="BH38" s="165">
        <v>0</v>
      </c>
      <c r="BI38" s="162">
        <v>0</v>
      </c>
      <c r="BJ38" s="160">
        <v>77</v>
      </c>
      <c r="BK38" s="160">
        <v>99</v>
      </c>
      <c r="BL38" s="160">
        <v>46</v>
      </c>
      <c r="BM38" s="160">
        <v>31</v>
      </c>
      <c r="BN38" s="160">
        <v>19</v>
      </c>
      <c r="BO38" s="165">
        <v>272</v>
      </c>
      <c r="BP38" s="164">
        <v>272</v>
      </c>
      <c r="BQ38" s="159">
        <v>10</v>
      </c>
      <c r="BR38" s="160">
        <v>6</v>
      </c>
      <c r="BS38" s="165">
        <v>16</v>
      </c>
      <c r="BT38" s="162">
        <v>0</v>
      </c>
      <c r="BU38" s="160">
        <v>24</v>
      </c>
      <c r="BV38" s="160">
        <v>33</v>
      </c>
      <c r="BW38" s="160">
        <v>19</v>
      </c>
      <c r="BX38" s="160">
        <v>7</v>
      </c>
      <c r="BY38" s="160">
        <v>3</v>
      </c>
      <c r="BZ38" s="165">
        <v>86</v>
      </c>
      <c r="CA38" s="164">
        <v>102</v>
      </c>
      <c r="CB38" s="159">
        <v>0</v>
      </c>
      <c r="CC38" s="160">
        <v>0</v>
      </c>
      <c r="CD38" s="165">
        <v>0</v>
      </c>
      <c r="CE38" s="162">
        <v>0</v>
      </c>
      <c r="CF38" s="160">
        <v>9</v>
      </c>
      <c r="CG38" s="160">
        <v>24</v>
      </c>
      <c r="CH38" s="160">
        <v>19</v>
      </c>
      <c r="CI38" s="160">
        <v>17</v>
      </c>
      <c r="CJ38" s="160">
        <v>17</v>
      </c>
      <c r="CK38" s="165">
        <v>86</v>
      </c>
      <c r="CL38" s="164">
        <v>86</v>
      </c>
      <c r="CM38" s="159">
        <v>0</v>
      </c>
      <c r="CN38" s="160">
        <v>0</v>
      </c>
      <c r="CO38" s="165">
        <v>0</v>
      </c>
      <c r="CP38" s="162">
        <v>0</v>
      </c>
      <c r="CQ38" s="160">
        <v>1</v>
      </c>
      <c r="CR38" s="160">
        <v>2</v>
      </c>
      <c r="CS38" s="160">
        <v>0</v>
      </c>
      <c r="CT38" s="160">
        <v>0</v>
      </c>
      <c r="CU38" s="160">
        <v>0</v>
      </c>
      <c r="CV38" s="165">
        <v>3</v>
      </c>
      <c r="CW38" s="164">
        <v>3</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7</v>
      </c>
      <c r="DU38" s="160">
        <v>114</v>
      </c>
      <c r="DV38" s="165">
        <v>151</v>
      </c>
      <c r="DW38" s="162">
        <v>0</v>
      </c>
      <c r="DX38" s="160">
        <v>160</v>
      </c>
      <c r="DY38" s="160">
        <v>204</v>
      </c>
      <c r="DZ38" s="160">
        <v>113</v>
      </c>
      <c r="EA38" s="160">
        <v>71</v>
      </c>
      <c r="EB38" s="160">
        <v>68</v>
      </c>
      <c r="EC38" s="165">
        <v>616</v>
      </c>
      <c r="ED38" s="164">
        <v>767</v>
      </c>
      <c r="EE38" s="159">
        <v>4</v>
      </c>
      <c r="EF38" s="160">
        <v>1</v>
      </c>
      <c r="EG38" s="165">
        <v>5</v>
      </c>
      <c r="EH38" s="162">
        <v>0</v>
      </c>
      <c r="EI38" s="160">
        <v>17</v>
      </c>
      <c r="EJ38" s="160">
        <v>13</v>
      </c>
      <c r="EK38" s="160">
        <v>12</v>
      </c>
      <c r="EL38" s="160">
        <v>4</v>
      </c>
      <c r="EM38" s="160">
        <v>3</v>
      </c>
      <c r="EN38" s="165">
        <v>49</v>
      </c>
      <c r="EO38" s="164">
        <v>54</v>
      </c>
      <c r="EP38" s="159">
        <v>49</v>
      </c>
      <c r="EQ38" s="160">
        <v>132</v>
      </c>
      <c r="ER38" s="165">
        <v>181</v>
      </c>
      <c r="ES38" s="162">
        <v>0</v>
      </c>
      <c r="ET38" s="160">
        <v>263</v>
      </c>
      <c r="EU38" s="160">
        <v>261</v>
      </c>
      <c r="EV38" s="160">
        <v>138</v>
      </c>
      <c r="EW38" s="160">
        <v>81</v>
      </c>
      <c r="EX38" s="160">
        <v>78</v>
      </c>
      <c r="EY38" s="165">
        <v>821</v>
      </c>
      <c r="EZ38" s="164">
        <v>1002</v>
      </c>
    </row>
    <row r="39" spans="2:156" ht="21" customHeight="1" thickBot="1" x14ac:dyDescent="0.25">
      <c r="B39" s="167" t="s">
        <v>37</v>
      </c>
      <c r="C39" s="168">
        <v>0</v>
      </c>
      <c r="D39" s="169">
        <v>0</v>
      </c>
      <c r="E39" s="170">
        <v>0</v>
      </c>
      <c r="F39" s="171">
        <v>0</v>
      </c>
      <c r="G39" s="169">
        <v>5</v>
      </c>
      <c r="H39" s="169">
        <v>6</v>
      </c>
      <c r="I39" s="169">
        <v>4</v>
      </c>
      <c r="J39" s="169">
        <v>2</v>
      </c>
      <c r="K39" s="169">
        <v>4</v>
      </c>
      <c r="L39" s="172">
        <v>21</v>
      </c>
      <c r="M39" s="173">
        <v>21</v>
      </c>
      <c r="N39" s="168">
        <v>0</v>
      </c>
      <c r="O39" s="169">
        <v>0</v>
      </c>
      <c r="P39" s="174">
        <v>0</v>
      </c>
      <c r="Q39" s="171">
        <v>0</v>
      </c>
      <c r="R39" s="169">
        <v>0</v>
      </c>
      <c r="S39" s="169">
        <v>0</v>
      </c>
      <c r="T39" s="169">
        <v>0</v>
      </c>
      <c r="U39" s="169">
        <v>0</v>
      </c>
      <c r="V39" s="169">
        <v>0</v>
      </c>
      <c r="W39" s="174">
        <v>0</v>
      </c>
      <c r="X39" s="173">
        <v>0</v>
      </c>
      <c r="Y39" s="168">
        <v>3</v>
      </c>
      <c r="Z39" s="169">
        <v>0</v>
      </c>
      <c r="AA39" s="174">
        <v>3</v>
      </c>
      <c r="AB39" s="171">
        <v>0</v>
      </c>
      <c r="AC39" s="169">
        <v>4</v>
      </c>
      <c r="AD39" s="169">
        <v>5</v>
      </c>
      <c r="AE39" s="169">
        <v>3</v>
      </c>
      <c r="AF39" s="169">
        <v>6</v>
      </c>
      <c r="AG39" s="169">
        <v>4</v>
      </c>
      <c r="AH39" s="174">
        <v>22</v>
      </c>
      <c r="AI39" s="173">
        <v>25</v>
      </c>
      <c r="AJ39" s="168">
        <v>0</v>
      </c>
      <c r="AK39" s="169">
        <v>0</v>
      </c>
      <c r="AL39" s="174">
        <v>0</v>
      </c>
      <c r="AM39" s="171">
        <v>0</v>
      </c>
      <c r="AN39" s="169">
        <v>1</v>
      </c>
      <c r="AO39" s="169">
        <v>1</v>
      </c>
      <c r="AP39" s="169">
        <v>0</v>
      </c>
      <c r="AQ39" s="169">
        <v>1</v>
      </c>
      <c r="AR39" s="169">
        <v>1</v>
      </c>
      <c r="AS39" s="174">
        <v>4</v>
      </c>
      <c r="AT39" s="173">
        <v>4</v>
      </c>
      <c r="AU39" s="168">
        <v>3</v>
      </c>
      <c r="AV39" s="169">
        <v>0</v>
      </c>
      <c r="AW39" s="174">
        <v>3</v>
      </c>
      <c r="AX39" s="171">
        <v>0</v>
      </c>
      <c r="AY39" s="169">
        <v>4</v>
      </c>
      <c r="AZ39" s="169">
        <v>2</v>
      </c>
      <c r="BA39" s="169">
        <v>5</v>
      </c>
      <c r="BB39" s="169">
        <v>9</v>
      </c>
      <c r="BC39" s="169">
        <v>6</v>
      </c>
      <c r="BD39" s="172">
        <v>26</v>
      </c>
      <c r="BE39" s="173">
        <v>29</v>
      </c>
      <c r="BF39" s="168">
        <v>0</v>
      </c>
      <c r="BG39" s="169">
        <v>0</v>
      </c>
      <c r="BH39" s="174">
        <v>0</v>
      </c>
      <c r="BI39" s="171">
        <v>0</v>
      </c>
      <c r="BJ39" s="169">
        <v>6</v>
      </c>
      <c r="BK39" s="169">
        <v>5</v>
      </c>
      <c r="BL39" s="169">
        <v>4</v>
      </c>
      <c r="BM39" s="169">
        <v>6</v>
      </c>
      <c r="BN39" s="169">
        <v>1</v>
      </c>
      <c r="BO39" s="174">
        <v>22</v>
      </c>
      <c r="BP39" s="173">
        <v>22</v>
      </c>
      <c r="BQ39" s="168">
        <v>2</v>
      </c>
      <c r="BR39" s="169">
        <v>1</v>
      </c>
      <c r="BS39" s="174">
        <v>3</v>
      </c>
      <c r="BT39" s="171">
        <v>0</v>
      </c>
      <c r="BU39" s="169">
        <v>4</v>
      </c>
      <c r="BV39" s="169">
        <v>5</v>
      </c>
      <c r="BW39" s="169">
        <v>1</v>
      </c>
      <c r="BX39" s="169">
        <v>2</v>
      </c>
      <c r="BY39" s="169">
        <v>2</v>
      </c>
      <c r="BZ39" s="174">
        <v>14</v>
      </c>
      <c r="CA39" s="173">
        <v>17</v>
      </c>
      <c r="CB39" s="168">
        <v>0</v>
      </c>
      <c r="CC39" s="169">
        <v>0</v>
      </c>
      <c r="CD39" s="174">
        <v>0</v>
      </c>
      <c r="CE39" s="171">
        <v>0</v>
      </c>
      <c r="CF39" s="169">
        <v>0</v>
      </c>
      <c r="CG39" s="169">
        <v>2</v>
      </c>
      <c r="CH39" s="169">
        <v>2</v>
      </c>
      <c r="CI39" s="169">
        <v>1</v>
      </c>
      <c r="CJ39" s="169">
        <v>0</v>
      </c>
      <c r="CK39" s="174">
        <v>5</v>
      </c>
      <c r="CL39" s="173">
        <v>5</v>
      </c>
      <c r="CM39" s="168">
        <v>0</v>
      </c>
      <c r="CN39" s="169">
        <v>0</v>
      </c>
      <c r="CO39" s="174">
        <v>0</v>
      </c>
      <c r="CP39" s="171">
        <v>0</v>
      </c>
      <c r="CQ39" s="169">
        <v>0</v>
      </c>
      <c r="CR39" s="169">
        <v>0</v>
      </c>
      <c r="CS39" s="169">
        <v>0</v>
      </c>
      <c r="CT39" s="169">
        <v>1</v>
      </c>
      <c r="CU39" s="169">
        <v>1</v>
      </c>
      <c r="CV39" s="174">
        <v>2</v>
      </c>
      <c r="CW39" s="173">
        <v>2</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14</v>
      </c>
      <c r="DU39" s="169">
        <v>1</v>
      </c>
      <c r="DV39" s="174">
        <v>15</v>
      </c>
      <c r="DW39" s="171">
        <v>0</v>
      </c>
      <c r="DX39" s="169">
        <v>19</v>
      </c>
      <c r="DY39" s="169">
        <v>17</v>
      </c>
      <c r="DZ39" s="169">
        <v>11</v>
      </c>
      <c r="EA39" s="169">
        <v>10</v>
      </c>
      <c r="EB39" s="169">
        <v>6</v>
      </c>
      <c r="EC39" s="174">
        <v>63</v>
      </c>
      <c r="ED39" s="173">
        <v>78</v>
      </c>
      <c r="EE39" s="168">
        <v>0</v>
      </c>
      <c r="EF39" s="169">
        <v>0</v>
      </c>
      <c r="EG39" s="174">
        <v>0</v>
      </c>
      <c r="EH39" s="171">
        <v>0</v>
      </c>
      <c r="EI39" s="169">
        <v>0</v>
      </c>
      <c r="EJ39" s="169">
        <v>0</v>
      </c>
      <c r="EK39" s="169">
        <v>0</v>
      </c>
      <c r="EL39" s="169">
        <v>0</v>
      </c>
      <c r="EM39" s="169">
        <v>0</v>
      </c>
      <c r="EN39" s="174">
        <v>0</v>
      </c>
      <c r="EO39" s="173">
        <v>0</v>
      </c>
      <c r="EP39" s="168">
        <v>19</v>
      </c>
      <c r="EQ39" s="169">
        <v>1</v>
      </c>
      <c r="ER39" s="174">
        <v>20</v>
      </c>
      <c r="ES39" s="171">
        <v>0</v>
      </c>
      <c r="ET39" s="169">
        <v>24</v>
      </c>
      <c r="EU39" s="169">
        <v>20</v>
      </c>
      <c r="EV39" s="169">
        <v>14</v>
      </c>
      <c r="EW39" s="169">
        <v>11</v>
      </c>
      <c r="EX39" s="169">
        <v>6</v>
      </c>
      <c r="EY39" s="174">
        <v>75</v>
      </c>
      <c r="EZ39" s="173">
        <v>95</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6">
        <f>第１表!F2</f>
        <v>6</v>
      </c>
      <c r="J1" s="446"/>
      <c r="K1" s="18">
        <f>第１表!G2</f>
        <v>5</v>
      </c>
      <c r="L1" s="465">
        <f>IF(K1&lt;3,K1+12-2,K1-2)</f>
        <v>3</v>
      </c>
      <c r="M1" s="465"/>
    </row>
    <row r="2" spans="2:156" ht="24" customHeight="1" thickBot="1" x14ac:dyDescent="0.25">
      <c r="B2" s="142" t="s">
        <v>128</v>
      </c>
      <c r="G2" s="17"/>
      <c r="H2" s="18"/>
      <c r="J2" s="68"/>
      <c r="K2" s="68"/>
    </row>
    <row r="3" spans="2:156" ht="21" customHeight="1" thickBot="1" x14ac:dyDescent="0.25">
      <c r="B3" s="459"/>
      <c r="C3" s="462" t="s">
        <v>70</v>
      </c>
      <c r="D3" s="463"/>
      <c r="E3" s="463"/>
      <c r="F3" s="463"/>
      <c r="G3" s="463"/>
      <c r="H3" s="463"/>
      <c r="I3" s="463"/>
      <c r="J3" s="463"/>
      <c r="K3" s="463"/>
      <c r="L3" s="463"/>
      <c r="M3" s="464"/>
      <c r="N3" s="462" t="s">
        <v>71</v>
      </c>
      <c r="O3" s="463"/>
      <c r="P3" s="463"/>
      <c r="Q3" s="463"/>
      <c r="R3" s="463"/>
      <c r="S3" s="463"/>
      <c r="T3" s="463"/>
      <c r="U3" s="463"/>
      <c r="V3" s="463"/>
      <c r="W3" s="463"/>
      <c r="X3" s="464"/>
      <c r="Y3" s="462" t="s">
        <v>72</v>
      </c>
      <c r="Z3" s="463"/>
      <c r="AA3" s="463"/>
      <c r="AB3" s="463"/>
      <c r="AC3" s="463"/>
      <c r="AD3" s="463"/>
      <c r="AE3" s="463"/>
      <c r="AF3" s="463"/>
      <c r="AG3" s="463"/>
      <c r="AH3" s="463"/>
      <c r="AI3" s="464"/>
      <c r="AJ3" s="462" t="s">
        <v>73</v>
      </c>
      <c r="AK3" s="463"/>
      <c r="AL3" s="463"/>
      <c r="AM3" s="463"/>
      <c r="AN3" s="463"/>
      <c r="AO3" s="463"/>
      <c r="AP3" s="463"/>
      <c r="AQ3" s="463"/>
      <c r="AR3" s="463"/>
      <c r="AS3" s="463"/>
      <c r="AT3" s="464"/>
      <c r="AU3" s="462" t="s">
        <v>74</v>
      </c>
      <c r="AV3" s="463"/>
      <c r="AW3" s="463"/>
      <c r="AX3" s="463"/>
      <c r="AY3" s="463"/>
      <c r="AZ3" s="463"/>
      <c r="BA3" s="463"/>
      <c r="BB3" s="463"/>
      <c r="BC3" s="463"/>
      <c r="BD3" s="463"/>
      <c r="BE3" s="464"/>
      <c r="BF3" s="462" t="s">
        <v>75</v>
      </c>
      <c r="BG3" s="463"/>
      <c r="BH3" s="463"/>
      <c r="BI3" s="463"/>
      <c r="BJ3" s="463"/>
      <c r="BK3" s="463"/>
      <c r="BL3" s="463"/>
      <c r="BM3" s="463"/>
      <c r="BN3" s="463"/>
      <c r="BO3" s="463"/>
      <c r="BP3" s="464"/>
      <c r="BQ3" s="462" t="s">
        <v>76</v>
      </c>
      <c r="BR3" s="463"/>
      <c r="BS3" s="463"/>
      <c r="BT3" s="463"/>
      <c r="BU3" s="463"/>
      <c r="BV3" s="463"/>
      <c r="BW3" s="463"/>
      <c r="BX3" s="463"/>
      <c r="BY3" s="463"/>
      <c r="BZ3" s="463"/>
      <c r="CA3" s="464"/>
      <c r="CB3" s="462" t="s">
        <v>77</v>
      </c>
      <c r="CC3" s="463"/>
      <c r="CD3" s="463"/>
      <c r="CE3" s="463"/>
      <c r="CF3" s="463"/>
      <c r="CG3" s="463"/>
      <c r="CH3" s="463"/>
      <c r="CI3" s="463"/>
      <c r="CJ3" s="463"/>
      <c r="CK3" s="463"/>
      <c r="CL3" s="464"/>
      <c r="CM3" s="462" t="s">
        <v>78</v>
      </c>
      <c r="CN3" s="463"/>
      <c r="CO3" s="463"/>
      <c r="CP3" s="463"/>
      <c r="CQ3" s="463"/>
      <c r="CR3" s="463"/>
      <c r="CS3" s="463"/>
      <c r="CT3" s="463"/>
      <c r="CU3" s="463"/>
      <c r="CV3" s="463"/>
      <c r="CW3" s="464"/>
      <c r="CX3" s="462" t="s">
        <v>79</v>
      </c>
      <c r="CY3" s="463"/>
      <c r="CZ3" s="463"/>
      <c r="DA3" s="463"/>
      <c r="DB3" s="463"/>
      <c r="DC3" s="463"/>
      <c r="DD3" s="463"/>
      <c r="DE3" s="463"/>
      <c r="DF3" s="463"/>
      <c r="DG3" s="463"/>
      <c r="DH3" s="464"/>
      <c r="DI3" s="462" t="s">
        <v>149</v>
      </c>
      <c r="DJ3" s="463"/>
      <c r="DK3" s="463"/>
      <c r="DL3" s="463"/>
      <c r="DM3" s="463"/>
      <c r="DN3" s="463"/>
      <c r="DO3" s="463"/>
      <c r="DP3" s="463"/>
      <c r="DQ3" s="463"/>
      <c r="DR3" s="463"/>
      <c r="DS3" s="464"/>
      <c r="DT3" s="462" t="s">
        <v>80</v>
      </c>
      <c r="DU3" s="463"/>
      <c r="DV3" s="463"/>
      <c r="DW3" s="463"/>
      <c r="DX3" s="463"/>
      <c r="DY3" s="463"/>
      <c r="DZ3" s="463"/>
      <c r="EA3" s="463"/>
      <c r="EB3" s="463"/>
      <c r="EC3" s="463"/>
      <c r="ED3" s="464"/>
      <c r="EE3" s="462" t="s">
        <v>68</v>
      </c>
      <c r="EF3" s="463"/>
      <c r="EG3" s="463"/>
      <c r="EH3" s="463"/>
      <c r="EI3" s="463"/>
      <c r="EJ3" s="463"/>
      <c r="EK3" s="463"/>
      <c r="EL3" s="463"/>
      <c r="EM3" s="463"/>
      <c r="EN3" s="463"/>
      <c r="EO3" s="464"/>
      <c r="EP3" s="466" t="s">
        <v>69</v>
      </c>
      <c r="EQ3" s="467"/>
      <c r="ER3" s="467"/>
      <c r="ES3" s="467"/>
      <c r="ET3" s="467"/>
      <c r="EU3" s="467"/>
      <c r="EV3" s="467"/>
      <c r="EW3" s="467"/>
      <c r="EX3" s="467"/>
      <c r="EY3" s="467"/>
      <c r="EZ3" s="468"/>
    </row>
    <row r="4" spans="2:156" ht="21" customHeight="1" x14ac:dyDescent="0.2">
      <c r="B4" s="460"/>
      <c r="C4" s="454" t="s">
        <v>61</v>
      </c>
      <c r="D4" s="455"/>
      <c r="E4" s="456"/>
      <c r="F4" s="457" t="s">
        <v>62</v>
      </c>
      <c r="G4" s="455"/>
      <c r="H4" s="455"/>
      <c r="I4" s="455"/>
      <c r="J4" s="455"/>
      <c r="K4" s="455"/>
      <c r="L4" s="458"/>
      <c r="M4" s="452" t="s">
        <v>52</v>
      </c>
      <c r="N4" s="454" t="s">
        <v>61</v>
      </c>
      <c r="O4" s="455"/>
      <c r="P4" s="456"/>
      <c r="Q4" s="457" t="s">
        <v>62</v>
      </c>
      <c r="R4" s="455"/>
      <c r="S4" s="455"/>
      <c r="T4" s="455"/>
      <c r="U4" s="455"/>
      <c r="V4" s="455"/>
      <c r="W4" s="456"/>
      <c r="X4" s="452" t="s">
        <v>52</v>
      </c>
      <c r="Y4" s="454" t="s">
        <v>61</v>
      </c>
      <c r="Z4" s="455"/>
      <c r="AA4" s="456"/>
      <c r="AB4" s="457" t="s">
        <v>62</v>
      </c>
      <c r="AC4" s="455"/>
      <c r="AD4" s="455"/>
      <c r="AE4" s="455"/>
      <c r="AF4" s="455"/>
      <c r="AG4" s="455"/>
      <c r="AH4" s="456"/>
      <c r="AI4" s="452" t="s">
        <v>52</v>
      </c>
      <c r="AJ4" s="454" t="s">
        <v>61</v>
      </c>
      <c r="AK4" s="455"/>
      <c r="AL4" s="456"/>
      <c r="AM4" s="457" t="s">
        <v>62</v>
      </c>
      <c r="AN4" s="455"/>
      <c r="AO4" s="455"/>
      <c r="AP4" s="455"/>
      <c r="AQ4" s="455"/>
      <c r="AR4" s="455"/>
      <c r="AS4" s="456"/>
      <c r="AT4" s="452" t="s">
        <v>52</v>
      </c>
      <c r="AU4" s="454" t="s">
        <v>61</v>
      </c>
      <c r="AV4" s="455"/>
      <c r="AW4" s="456"/>
      <c r="AX4" s="457" t="s">
        <v>62</v>
      </c>
      <c r="AY4" s="455"/>
      <c r="AZ4" s="455"/>
      <c r="BA4" s="455"/>
      <c r="BB4" s="455"/>
      <c r="BC4" s="455"/>
      <c r="BD4" s="458"/>
      <c r="BE4" s="452" t="s">
        <v>52</v>
      </c>
      <c r="BF4" s="454" t="s">
        <v>61</v>
      </c>
      <c r="BG4" s="455"/>
      <c r="BH4" s="456"/>
      <c r="BI4" s="457" t="s">
        <v>62</v>
      </c>
      <c r="BJ4" s="455"/>
      <c r="BK4" s="455"/>
      <c r="BL4" s="455"/>
      <c r="BM4" s="455"/>
      <c r="BN4" s="455"/>
      <c r="BO4" s="456"/>
      <c r="BP4" s="452" t="s">
        <v>52</v>
      </c>
      <c r="BQ4" s="454" t="s">
        <v>61</v>
      </c>
      <c r="BR4" s="455"/>
      <c r="BS4" s="456"/>
      <c r="BT4" s="457" t="s">
        <v>62</v>
      </c>
      <c r="BU4" s="455"/>
      <c r="BV4" s="455"/>
      <c r="BW4" s="455"/>
      <c r="BX4" s="455"/>
      <c r="BY4" s="455"/>
      <c r="BZ4" s="456"/>
      <c r="CA4" s="452" t="s">
        <v>52</v>
      </c>
      <c r="CB4" s="454" t="s">
        <v>61</v>
      </c>
      <c r="CC4" s="455"/>
      <c r="CD4" s="456"/>
      <c r="CE4" s="457" t="s">
        <v>62</v>
      </c>
      <c r="CF4" s="455"/>
      <c r="CG4" s="455"/>
      <c r="CH4" s="455"/>
      <c r="CI4" s="455"/>
      <c r="CJ4" s="455"/>
      <c r="CK4" s="456"/>
      <c r="CL4" s="452" t="s">
        <v>52</v>
      </c>
      <c r="CM4" s="454" t="s">
        <v>61</v>
      </c>
      <c r="CN4" s="455"/>
      <c r="CO4" s="456"/>
      <c r="CP4" s="457" t="s">
        <v>62</v>
      </c>
      <c r="CQ4" s="455"/>
      <c r="CR4" s="455"/>
      <c r="CS4" s="455"/>
      <c r="CT4" s="455"/>
      <c r="CU4" s="455"/>
      <c r="CV4" s="456"/>
      <c r="CW4" s="452" t="s">
        <v>52</v>
      </c>
      <c r="CX4" s="454" t="s">
        <v>61</v>
      </c>
      <c r="CY4" s="455"/>
      <c r="CZ4" s="456"/>
      <c r="DA4" s="457" t="s">
        <v>62</v>
      </c>
      <c r="DB4" s="455"/>
      <c r="DC4" s="455"/>
      <c r="DD4" s="455"/>
      <c r="DE4" s="455"/>
      <c r="DF4" s="455"/>
      <c r="DG4" s="456"/>
      <c r="DH4" s="452" t="s">
        <v>52</v>
      </c>
      <c r="DI4" s="454" t="s">
        <v>61</v>
      </c>
      <c r="DJ4" s="455"/>
      <c r="DK4" s="456"/>
      <c r="DL4" s="457" t="s">
        <v>62</v>
      </c>
      <c r="DM4" s="455"/>
      <c r="DN4" s="455"/>
      <c r="DO4" s="455"/>
      <c r="DP4" s="455"/>
      <c r="DQ4" s="455"/>
      <c r="DR4" s="456"/>
      <c r="DS4" s="452" t="s">
        <v>52</v>
      </c>
      <c r="DT4" s="454" t="s">
        <v>61</v>
      </c>
      <c r="DU4" s="455"/>
      <c r="DV4" s="456"/>
      <c r="DW4" s="457" t="s">
        <v>62</v>
      </c>
      <c r="DX4" s="455"/>
      <c r="DY4" s="455"/>
      <c r="DZ4" s="455"/>
      <c r="EA4" s="455"/>
      <c r="EB4" s="455"/>
      <c r="EC4" s="456"/>
      <c r="ED4" s="452" t="s">
        <v>52</v>
      </c>
      <c r="EE4" s="454" t="s">
        <v>61</v>
      </c>
      <c r="EF4" s="455"/>
      <c r="EG4" s="456"/>
      <c r="EH4" s="457" t="s">
        <v>62</v>
      </c>
      <c r="EI4" s="455"/>
      <c r="EJ4" s="455"/>
      <c r="EK4" s="455"/>
      <c r="EL4" s="455"/>
      <c r="EM4" s="455"/>
      <c r="EN4" s="456"/>
      <c r="EO4" s="452" t="s">
        <v>52</v>
      </c>
      <c r="EP4" s="454" t="s">
        <v>61</v>
      </c>
      <c r="EQ4" s="455"/>
      <c r="ER4" s="456"/>
      <c r="ES4" s="457" t="s">
        <v>62</v>
      </c>
      <c r="ET4" s="455"/>
      <c r="EU4" s="455"/>
      <c r="EV4" s="455"/>
      <c r="EW4" s="455"/>
      <c r="EX4" s="455"/>
      <c r="EY4" s="456"/>
      <c r="EZ4" s="452" t="s">
        <v>52</v>
      </c>
    </row>
    <row r="5" spans="2:156" ht="30" customHeight="1" thickBot="1" x14ac:dyDescent="0.25">
      <c r="B5" s="461"/>
      <c r="C5" s="144" t="s">
        <v>43</v>
      </c>
      <c r="D5" s="145" t="s">
        <v>44</v>
      </c>
      <c r="E5" s="146" t="s">
        <v>45</v>
      </c>
      <c r="F5" s="147" t="s">
        <v>83</v>
      </c>
      <c r="G5" s="145" t="s">
        <v>47</v>
      </c>
      <c r="H5" s="145" t="s">
        <v>48</v>
      </c>
      <c r="I5" s="145" t="s">
        <v>49</v>
      </c>
      <c r="J5" s="145" t="s">
        <v>50</v>
      </c>
      <c r="K5" s="145" t="s">
        <v>51</v>
      </c>
      <c r="L5" s="148" t="s">
        <v>45</v>
      </c>
      <c r="M5" s="453"/>
      <c r="N5" s="144" t="s">
        <v>43</v>
      </c>
      <c r="O5" s="145" t="s">
        <v>44</v>
      </c>
      <c r="P5" s="149" t="s">
        <v>45</v>
      </c>
      <c r="Q5" s="147" t="s">
        <v>83</v>
      </c>
      <c r="R5" s="145" t="s">
        <v>47</v>
      </c>
      <c r="S5" s="145" t="s">
        <v>48</v>
      </c>
      <c r="T5" s="145" t="s">
        <v>49</v>
      </c>
      <c r="U5" s="145" t="s">
        <v>50</v>
      </c>
      <c r="V5" s="145" t="s">
        <v>51</v>
      </c>
      <c r="W5" s="149" t="s">
        <v>45</v>
      </c>
      <c r="X5" s="453"/>
      <c r="Y5" s="144" t="s">
        <v>43</v>
      </c>
      <c r="Z5" s="145" t="s">
        <v>44</v>
      </c>
      <c r="AA5" s="149" t="s">
        <v>45</v>
      </c>
      <c r="AB5" s="147" t="s">
        <v>83</v>
      </c>
      <c r="AC5" s="145" t="s">
        <v>47</v>
      </c>
      <c r="AD5" s="145" t="s">
        <v>48</v>
      </c>
      <c r="AE5" s="145" t="s">
        <v>49</v>
      </c>
      <c r="AF5" s="145" t="s">
        <v>50</v>
      </c>
      <c r="AG5" s="145" t="s">
        <v>51</v>
      </c>
      <c r="AH5" s="149" t="s">
        <v>45</v>
      </c>
      <c r="AI5" s="453"/>
      <c r="AJ5" s="144" t="s">
        <v>43</v>
      </c>
      <c r="AK5" s="145" t="s">
        <v>44</v>
      </c>
      <c r="AL5" s="149" t="s">
        <v>45</v>
      </c>
      <c r="AM5" s="147" t="s">
        <v>83</v>
      </c>
      <c r="AN5" s="145" t="s">
        <v>47</v>
      </c>
      <c r="AO5" s="145" t="s">
        <v>48</v>
      </c>
      <c r="AP5" s="145" t="s">
        <v>49</v>
      </c>
      <c r="AQ5" s="145" t="s">
        <v>50</v>
      </c>
      <c r="AR5" s="145" t="s">
        <v>51</v>
      </c>
      <c r="AS5" s="149" t="s">
        <v>45</v>
      </c>
      <c r="AT5" s="453"/>
      <c r="AU5" s="144" t="s">
        <v>43</v>
      </c>
      <c r="AV5" s="145" t="s">
        <v>44</v>
      </c>
      <c r="AW5" s="149" t="s">
        <v>45</v>
      </c>
      <c r="AX5" s="147" t="s">
        <v>83</v>
      </c>
      <c r="AY5" s="145" t="s">
        <v>47</v>
      </c>
      <c r="AZ5" s="145" t="s">
        <v>48</v>
      </c>
      <c r="BA5" s="145" t="s">
        <v>49</v>
      </c>
      <c r="BB5" s="145" t="s">
        <v>50</v>
      </c>
      <c r="BC5" s="145" t="s">
        <v>51</v>
      </c>
      <c r="BD5" s="148" t="s">
        <v>45</v>
      </c>
      <c r="BE5" s="453"/>
      <c r="BF5" s="144" t="s">
        <v>43</v>
      </c>
      <c r="BG5" s="145" t="s">
        <v>44</v>
      </c>
      <c r="BH5" s="149" t="s">
        <v>45</v>
      </c>
      <c r="BI5" s="147" t="s">
        <v>83</v>
      </c>
      <c r="BJ5" s="145" t="s">
        <v>47</v>
      </c>
      <c r="BK5" s="145" t="s">
        <v>48</v>
      </c>
      <c r="BL5" s="145" t="s">
        <v>49</v>
      </c>
      <c r="BM5" s="145" t="s">
        <v>50</v>
      </c>
      <c r="BN5" s="145" t="s">
        <v>51</v>
      </c>
      <c r="BO5" s="149" t="s">
        <v>45</v>
      </c>
      <c r="BP5" s="453"/>
      <c r="BQ5" s="144" t="s">
        <v>43</v>
      </c>
      <c r="BR5" s="145" t="s">
        <v>44</v>
      </c>
      <c r="BS5" s="149" t="s">
        <v>45</v>
      </c>
      <c r="BT5" s="147" t="s">
        <v>83</v>
      </c>
      <c r="BU5" s="145" t="s">
        <v>47</v>
      </c>
      <c r="BV5" s="145" t="s">
        <v>48</v>
      </c>
      <c r="BW5" s="145" t="s">
        <v>49</v>
      </c>
      <c r="BX5" s="145" t="s">
        <v>50</v>
      </c>
      <c r="BY5" s="145" t="s">
        <v>51</v>
      </c>
      <c r="BZ5" s="149" t="s">
        <v>45</v>
      </c>
      <c r="CA5" s="453"/>
      <c r="CB5" s="144" t="s">
        <v>43</v>
      </c>
      <c r="CC5" s="145" t="s">
        <v>44</v>
      </c>
      <c r="CD5" s="149" t="s">
        <v>45</v>
      </c>
      <c r="CE5" s="147" t="s">
        <v>83</v>
      </c>
      <c r="CF5" s="145" t="s">
        <v>47</v>
      </c>
      <c r="CG5" s="145" t="s">
        <v>48</v>
      </c>
      <c r="CH5" s="145" t="s">
        <v>49</v>
      </c>
      <c r="CI5" s="145" t="s">
        <v>50</v>
      </c>
      <c r="CJ5" s="145" t="s">
        <v>51</v>
      </c>
      <c r="CK5" s="149" t="s">
        <v>45</v>
      </c>
      <c r="CL5" s="453"/>
      <c r="CM5" s="144" t="s">
        <v>43</v>
      </c>
      <c r="CN5" s="145" t="s">
        <v>44</v>
      </c>
      <c r="CO5" s="149" t="s">
        <v>45</v>
      </c>
      <c r="CP5" s="147" t="s">
        <v>83</v>
      </c>
      <c r="CQ5" s="145" t="s">
        <v>47</v>
      </c>
      <c r="CR5" s="145" t="s">
        <v>48</v>
      </c>
      <c r="CS5" s="145" t="s">
        <v>49</v>
      </c>
      <c r="CT5" s="145" t="s">
        <v>50</v>
      </c>
      <c r="CU5" s="145" t="s">
        <v>51</v>
      </c>
      <c r="CV5" s="149" t="s">
        <v>45</v>
      </c>
      <c r="CW5" s="453"/>
      <c r="CX5" s="144" t="s">
        <v>43</v>
      </c>
      <c r="CY5" s="145" t="s">
        <v>44</v>
      </c>
      <c r="CZ5" s="149" t="s">
        <v>45</v>
      </c>
      <c r="DA5" s="147" t="s">
        <v>83</v>
      </c>
      <c r="DB5" s="145" t="s">
        <v>47</v>
      </c>
      <c r="DC5" s="145" t="s">
        <v>48</v>
      </c>
      <c r="DD5" s="145" t="s">
        <v>49</v>
      </c>
      <c r="DE5" s="145" t="s">
        <v>50</v>
      </c>
      <c r="DF5" s="145" t="s">
        <v>51</v>
      </c>
      <c r="DG5" s="149" t="s">
        <v>45</v>
      </c>
      <c r="DH5" s="453"/>
      <c r="DI5" s="144" t="s">
        <v>43</v>
      </c>
      <c r="DJ5" s="145" t="s">
        <v>44</v>
      </c>
      <c r="DK5" s="149" t="s">
        <v>45</v>
      </c>
      <c r="DL5" s="147" t="s">
        <v>83</v>
      </c>
      <c r="DM5" s="145" t="s">
        <v>47</v>
      </c>
      <c r="DN5" s="145" t="s">
        <v>48</v>
      </c>
      <c r="DO5" s="145" t="s">
        <v>49</v>
      </c>
      <c r="DP5" s="145" t="s">
        <v>50</v>
      </c>
      <c r="DQ5" s="145" t="s">
        <v>51</v>
      </c>
      <c r="DR5" s="149" t="s">
        <v>45</v>
      </c>
      <c r="DS5" s="453"/>
      <c r="DT5" s="144" t="s">
        <v>43</v>
      </c>
      <c r="DU5" s="145" t="s">
        <v>44</v>
      </c>
      <c r="DV5" s="149" t="s">
        <v>45</v>
      </c>
      <c r="DW5" s="147" t="s">
        <v>83</v>
      </c>
      <c r="DX5" s="145" t="s">
        <v>47</v>
      </c>
      <c r="DY5" s="145" t="s">
        <v>48</v>
      </c>
      <c r="DZ5" s="145" t="s">
        <v>49</v>
      </c>
      <c r="EA5" s="145" t="s">
        <v>50</v>
      </c>
      <c r="EB5" s="145" t="s">
        <v>51</v>
      </c>
      <c r="EC5" s="149" t="s">
        <v>45</v>
      </c>
      <c r="ED5" s="453"/>
      <c r="EE5" s="144" t="s">
        <v>43</v>
      </c>
      <c r="EF5" s="145" t="s">
        <v>44</v>
      </c>
      <c r="EG5" s="149" t="s">
        <v>45</v>
      </c>
      <c r="EH5" s="147" t="s">
        <v>83</v>
      </c>
      <c r="EI5" s="145" t="s">
        <v>47</v>
      </c>
      <c r="EJ5" s="145" t="s">
        <v>48</v>
      </c>
      <c r="EK5" s="145" t="s">
        <v>49</v>
      </c>
      <c r="EL5" s="145" t="s">
        <v>50</v>
      </c>
      <c r="EM5" s="145" t="s">
        <v>51</v>
      </c>
      <c r="EN5" s="149" t="s">
        <v>45</v>
      </c>
      <c r="EO5" s="453"/>
      <c r="EP5" s="144" t="s">
        <v>43</v>
      </c>
      <c r="EQ5" s="145" t="s">
        <v>44</v>
      </c>
      <c r="ER5" s="149" t="s">
        <v>45</v>
      </c>
      <c r="ES5" s="147" t="s">
        <v>83</v>
      </c>
      <c r="ET5" s="145" t="s">
        <v>47</v>
      </c>
      <c r="EU5" s="145" t="s">
        <v>48</v>
      </c>
      <c r="EV5" s="145" t="s">
        <v>49</v>
      </c>
      <c r="EW5" s="145" t="s">
        <v>50</v>
      </c>
      <c r="EX5" s="145" t="s">
        <v>51</v>
      </c>
      <c r="EY5" s="149" t="s">
        <v>45</v>
      </c>
      <c r="EZ5" s="453"/>
    </row>
    <row r="6" spans="2:156" ht="21" customHeight="1" x14ac:dyDescent="0.2">
      <c r="B6" s="150" t="s">
        <v>4</v>
      </c>
      <c r="C6" s="151">
        <v>0</v>
      </c>
      <c r="D6" s="152">
        <v>0</v>
      </c>
      <c r="E6" s="153">
        <v>0</v>
      </c>
      <c r="F6" s="154">
        <v>0</v>
      </c>
      <c r="G6" s="152">
        <v>1205</v>
      </c>
      <c r="H6" s="152">
        <v>1322</v>
      </c>
      <c r="I6" s="152">
        <v>696</v>
      </c>
      <c r="J6" s="152">
        <v>553</v>
      </c>
      <c r="K6" s="152">
        <v>412</v>
      </c>
      <c r="L6" s="155">
        <v>4188</v>
      </c>
      <c r="M6" s="156">
        <v>4188</v>
      </c>
      <c r="N6" s="151">
        <v>0</v>
      </c>
      <c r="O6" s="152">
        <v>1</v>
      </c>
      <c r="P6" s="157">
        <v>1</v>
      </c>
      <c r="Q6" s="154">
        <v>0</v>
      </c>
      <c r="R6" s="152">
        <v>6</v>
      </c>
      <c r="S6" s="152">
        <v>28</v>
      </c>
      <c r="T6" s="152">
        <v>52</v>
      </c>
      <c r="U6" s="152">
        <v>109</v>
      </c>
      <c r="V6" s="152">
        <v>186</v>
      </c>
      <c r="W6" s="157">
        <v>381</v>
      </c>
      <c r="X6" s="156">
        <v>382</v>
      </c>
      <c r="Y6" s="151">
        <v>182</v>
      </c>
      <c r="Z6" s="152">
        <v>430</v>
      </c>
      <c r="AA6" s="157">
        <v>612</v>
      </c>
      <c r="AB6" s="154">
        <v>0</v>
      </c>
      <c r="AC6" s="152">
        <v>950</v>
      </c>
      <c r="AD6" s="152">
        <v>1308</v>
      </c>
      <c r="AE6" s="152">
        <v>776</v>
      </c>
      <c r="AF6" s="152">
        <v>571</v>
      </c>
      <c r="AG6" s="152">
        <v>364</v>
      </c>
      <c r="AH6" s="157">
        <v>3969</v>
      </c>
      <c r="AI6" s="156">
        <v>4581</v>
      </c>
      <c r="AJ6" s="151">
        <v>26</v>
      </c>
      <c r="AK6" s="152">
        <v>60</v>
      </c>
      <c r="AL6" s="157">
        <v>86</v>
      </c>
      <c r="AM6" s="154">
        <v>0</v>
      </c>
      <c r="AN6" s="152">
        <v>87</v>
      </c>
      <c r="AO6" s="152">
        <v>100</v>
      </c>
      <c r="AP6" s="152">
        <v>73</v>
      </c>
      <c r="AQ6" s="152">
        <v>60</v>
      </c>
      <c r="AR6" s="152">
        <v>36</v>
      </c>
      <c r="AS6" s="157">
        <v>356</v>
      </c>
      <c r="AT6" s="156">
        <v>442</v>
      </c>
      <c r="AU6" s="151">
        <v>288</v>
      </c>
      <c r="AV6" s="152">
        <v>371</v>
      </c>
      <c r="AW6" s="157">
        <v>659</v>
      </c>
      <c r="AX6" s="154">
        <v>0</v>
      </c>
      <c r="AY6" s="152">
        <v>1368</v>
      </c>
      <c r="AZ6" s="152">
        <v>1689</v>
      </c>
      <c r="BA6" s="152">
        <v>1445</v>
      </c>
      <c r="BB6" s="152">
        <v>1272</v>
      </c>
      <c r="BC6" s="152">
        <v>807</v>
      </c>
      <c r="BD6" s="155">
        <v>6581</v>
      </c>
      <c r="BE6" s="156">
        <v>7240</v>
      </c>
      <c r="BF6" s="151">
        <v>0</v>
      </c>
      <c r="BG6" s="152">
        <v>0</v>
      </c>
      <c r="BH6" s="157">
        <v>0</v>
      </c>
      <c r="BI6" s="154">
        <v>0</v>
      </c>
      <c r="BJ6" s="152">
        <v>1623</v>
      </c>
      <c r="BK6" s="152">
        <v>1454</v>
      </c>
      <c r="BL6" s="152">
        <v>710</v>
      </c>
      <c r="BM6" s="152">
        <v>347</v>
      </c>
      <c r="BN6" s="152">
        <v>139</v>
      </c>
      <c r="BO6" s="157">
        <v>4273</v>
      </c>
      <c r="BP6" s="156">
        <v>4273</v>
      </c>
      <c r="BQ6" s="151">
        <v>145</v>
      </c>
      <c r="BR6" s="152">
        <v>180</v>
      </c>
      <c r="BS6" s="157">
        <v>325</v>
      </c>
      <c r="BT6" s="154">
        <v>0</v>
      </c>
      <c r="BU6" s="152">
        <v>383</v>
      </c>
      <c r="BV6" s="152">
        <v>522</v>
      </c>
      <c r="BW6" s="152">
        <v>300</v>
      </c>
      <c r="BX6" s="152">
        <v>174</v>
      </c>
      <c r="BY6" s="152">
        <v>47</v>
      </c>
      <c r="BZ6" s="157">
        <v>1426</v>
      </c>
      <c r="CA6" s="156">
        <v>1751</v>
      </c>
      <c r="CB6" s="151">
        <v>6</v>
      </c>
      <c r="CC6" s="152">
        <v>16</v>
      </c>
      <c r="CD6" s="157">
        <v>22</v>
      </c>
      <c r="CE6" s="154">
        <v>0</v>
      </c>
      <c r="CF6" s="152">
        <v>147</v>
      </c>
      <c r="CG6" s="152">
        <v>262</v>
      </c>
      <c r="CH6" s="152">
        <v>276</v>
      </c>
      <c r="CI6" s="152">
        <v>210</v>
      </c>
      <c r="CJ6" s="152">
        <v>88</v>
      </c>
      <c r="CK6" s="157">
        <v>983</v>
      </c>
      <c r="CL6" s="156">
        <v>1005</v>
      </c>
      <c r="CM6" s="151">
        <v>0</v>
      </c>
      <c r="CN6" s="152">
        <v>5</v>
      </c>
      <c r="CO6" s="157">
        <v>5</v>
      </c>
      <c r="CP6" s="154">
        <v>0</v>
      </c>
      <c r="CQ6" s="152">
        <v>18</v>
      </c>
      <c r="CR6" s="152">
        <v>33</v>
      </c>
      <c r="CS6" s="152">
        <v>60</v>
      </c>
      <c r="CT6" s="152">
        <v>43</v>
      </c>
      <c r="CU6" s="152">
        <v>13</v>
      </c>
      <c r="CV6" s="157">
        <v>167</v>
      </c>
      <c r="CW6" s="156">
        <v>172</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50</v>
      </c>
      <c r="DU6" s="152">
        <v>1367</v>
      </c>
      <c r="DV6" s="157">
        <v>2017</v>
      </c>
      <c r="DW6" s="154">
        <v>0</v>
      </c>
      <c r="DX6" s="152">
        <v>1765</v>
      </c>
      <c r="DY6" s="152">
        <v>3098</v>
      </c>
      <c r="DZ6" s="152">
        <v>1750</v>
      </c>
      <c r="EA6" s="152">
        <v>1242</v>
      </c>
      <c r="EB6" s="152">
        <v>705</v>
      </c>
      <c r="EC6" s="157">
        <v>8560</v>
      </c>
      <c r="ED6" s="156">
        <v>10577</v>
      </c>
      <c r="EE6" s="151">
        <v>183</v>
      </c>
      <c r="EF6" s="152">
        <v>131</v>
      </c>
      <c r="EG6" s="157">
        <v>314</v>
      </c>
      <c r="EH6" s="154">
        <v>0</v>
      </c>
      <c r="EI6" s="152">
        <v>563</v>
      </c>
      <c r="EJ6" s="152">
        <v>522</v>
      </c>
      <c r="EK6" s="152">
        <v>439</v>
      </c>
      <c r="EL6" s="152">
        <v>464</v>
      </c>
      <c r="EM6" s="152">
        <v>236</v>
      </c>
      <c r="EN6" s="157">
        <v>2224</v>
      </c>
      <c r="EO6" s="156">
        <v>2538</v>
      </c>
      <c r="EP6" s="151">
        <v>932</v>
      </c>
      <c r="EQ6" s="152">
        <v>1740</v>
      </c>
      <c r="ER6" s="157">
        <v>2672</v>
      </c>
      <c r="ES6" s="154">
        <v>0</v>
      </c>
      <c r="ET6" s="152">
        <v>4183</v>
      </c>
      <c r="EU6" s="152">
        <v>4263</v>
      </c>
      <c r="EV6" s="152">
        <v>2140</v>
      </c>
      <c r="EW6" s="152">
        <v>1326</v>
      </c>
      <c r="EX6" s="152">
        <v>717</v>
      </c>
      <c r="EY6" s="157">
        <v>12629</v>
      </c>
      <c r="EZ6" s="156">
        <v>15301</v>
      </c>
    </row>
    <row r="7" spans="2:156" ht="21" customHeight="1" x14ac:dyDescent="0.2">
      <c r="B7" s="158" t="s">
        <v>5</v>
      </c>
      <c r="C7" s="159">
        <v>0</v>
      </c>
      <c r="D7" s="160">
        <v>0</v>
      </c>
      <c r="E7" s="161">
        <v>0</v>
      </c>
      <c r="F7" s="162">
        <v>0</v>
      </c>
      <c r="G7" s="160">
        <v>487</v>
      </c>
      <c r="H7" s="160">
        <v>672</v>
      </c>
      <c r="I7" s="160">
        <v>333</v>
      </c>
      <c r="J7" s="160">
        <v>255</v>
      </c>
      <c r="K7" s="160">
        <v>181</v>
      </c>
      <c r="L7" s="163">
        <v>1928</v>
      </c>
      <c r="M7" s="164">
        <v>1928</v>
      </c>
      <c r="N7" s="159">
        <v>0</v>
      </c>
      <c r="O7" s="160">
        <v>1</v>
      </c>
      <c r="P7" s="165">
        <v>1</v>
      </c>
      <c r="Q7" s="162">
        <v>0</v>
      </c>
      <c r="R7" s="160">
        <v>3</v>
      </c>
      <c r="S7" s="160">
        <v>7</v>
      </c>
      <c r="T7" s="160">
        <v>21</v>
      </c>
      <c r="U7" s="160">
        <v>55</v>
      </c>
      <c r="V7" s="160">
        <v>84</v>
      </c>
      <c r="W7" s="165">
        <v>170</v>
      </c>
      <c r="X7" s="164">
        <v>171</v>
      </c>
      <c r="Y7" s="159">
        <v>86</v>
      </c>
      <c r="Z7" s="160">
        <v>249</v>
      </c>
      <c r="AA7" s="165">
        <v>335</v>
      </c>
      <c r="AB7" s="162">
        <v>0</v>
      </c>
      <c r="AC7" s="160">
        <v>378</v>
      </c>
      <c r="AD7" s="160">
        <v>691</v>
      </c>
      <c r="AE7" s="160">
        <v>393</v>
      </c>
      <c r="AF7" s="160">
        <v>280</v>
      </c>
      <c r="AG7" s="160">
        <v>161</v>
      </c>
      <c r="AH7" s="165">
        <v>1903</v>
      </c>
      <c r="AI7" s="164">
        <v>2238</v>
      </c>
      <c r="AJ7" s="159">
        <v>9</v>
      </c>
      <c r="AK7" s="160">
        <v>32</v>
      </c>
      <c r="AL7" s="165">
        <v>41</v>
      </c>
      <c r="AM7" s="162">
        <v>0</v>
      </c>
      <c r="AN7" s="160">
        <v>25</v>
      </c>
      <c r="AO7" s="160">
        <v>45</v>
      </c>
      <c r="AP7" s="160">
        <v>31</v>
      </c>
      <c r="AQ7" s="160">
        <v>22</v>
      </c>
      <c r="AR7" s="160">
        <v>15</v>
      </c>
      <c r="AS7" s="165">
        <v>138</v>
      </c>
      <c r="AT7" s="164">
        <v>179</v>
      </c>
      <c r="AU7" s="159">
        <v>125</v>
      </c>
      <c r="AV7" s="160">
        <v>219</v>
      </c>
      <c r="AW7" s="165">
        <v>344</v>
      </c>
      <c r="AX7" s="162">
        <v>0</v>
      </c>
      <c r="AY7" s="160">
        <v>500</v>
      </c>
      <c r="AZ7" s="160">
        <v>779</v>
      </c>
      <c r="BA7" s="160">
        <v>662</v>
      </c>
      <c r="BB7" s="160">
        <v>554</v>
      </c>
      <c r="BC7" s="160">
        <v>349</v>
      </c>
      <c r="BD7" s="163">
        <v>2844</v>
      </c>
      <c r="BE7" s="164">
        <v>3188</v>
      </c>
      <c r="BF7" s="159">
        <v>0</v>
      </c>
      <c r="BG7" s="160">
        <v>0</v>
      </c>
      <c r="BH7" s="165">
        <v>0</v>
      </c>
      <c r="BI7" s="162">
        <v>0</v>
      </c>
      <c r="BJ7" s="160">
        <v>568</v>
      </c>
      <c r="BK7" s="160">
        <v>608</v>
      </c>
      <c r="BL7" s="160">
        <v>294</v>
      </c>
      <c r="BM7" s="160">
        <v>135</v>
      </c>
      <c r="BN7" s="160">
        <v>67</v>
      </c>
      <c r="BO7" s="165">
        <v>1672</v>
      </c>
      <c r="BP7" s="164">
        <v>1672</v>
      </c>
      <c r="BQ7" s="159">
        <v>71</v>
      </c>
      <c r="BR7" s="160">
        <v>95</v>
      </c>
      <c r="BS7" s="165">
        <v>166</v>
      </c>
      <c r="BT7" s="162">
        <v>0</v>
      </c>
      <c r="BU7" s="160">
        <v>128</v>
      </c>
      <c r="BV7" s="160">
        <v>252</v>
      </c>
      <c r="BW7" s="160">
        <v>148</v>
      </c>
      <c r="BX7" s="160">
        <v>90</v>
      </c>
      <c r="BY7" s="160">
        <v>22</v>
      </c>
      <c r="BZ7" s="165">
        <v>640</v>
      </c>
      <c r="CA7" s="164">
        <v>806</v>
      </c>
      <c r="CB7" s="159">
        <v>3</v>
      </c>
      <c r="CC7" s="160">
        <v>6</v>
      </c>
      <c r="CD7" s="165">
        <v>9</v>
      </c>
      <c r="CE7" s="162">
        <v>0</v>
      </c>
      <c r="CF7" s="160">
        <v>52</v>
      </c>
      <c r="CG7" s="160">
        <v>102</v>
      </c>
      <c r="CH7" s="160">
        <v>108</v>
      </c>
      <c r="CI7" s="160">
        <v>84</v>
      </c>
      <c r="CJ7" s="160">
        <v>36</v>
      </c>
      <c r="CK7" s="165">
        <v>382</v>
      </c>
      <c r="CL7" s="164">
        <v>391</v>
      </c>
      <c r="CM7" s="159">
        <v>0</v>
      </c>
      <c r="CN7" s="160">
        <v>4</v>
      </c>
      <c r="CO7" s="165">
        <v>4</v>
      </c>
      <c r="CP7" s="162">
        <v>0</v>
      </c>
      <c r="CQ7" s="160">
        <v>7</v>
      </c>
      <c r="CR7" s="160">
        <v>23</v>
      </c>
      <c r="CS7" s="160">
        <v>35</v>
      </c>
      <c r="CT7" s="160">
        <v>27</v>
      </c>
      <c r="CU7" s="160">
        <v>10</v>
      </c>
      <c r="CV7" s="165">
        <v>102</v>
      </c>
      <c r="CW7" s="164">
        <v>106</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39</v>
      </c>
      <c r="DU7" s="160">
        <v>660</v>
      </c>
      <c r="DV7" s="165">
        <v>899</v>
      </c>
      <c r="DW7" s="162">
        <v>0</v>
      </c>
      <c r="DX7" s="160">
        <v>569</v>
      </c>
      <c r="DY7" s="160">
        <v>1434</v>
      </c>
      <c r="DZ7" s="160">
        <v>805</v>
      </c>
      <c r="EA7" s="160">
        <v>561</v>
      </c>
      <c r="EB7" s="160">
        <v>308</v>
      </c>
      <c r="EC7" s="165">
        <v>3677</v>
      </c>
      <c r="ED7" s="164">
        <v>4576</v>
      </c>
      <c r="EE7" s="159">
        <v>69</v>
      </c>
      <c r="EF7" s="160">
        <v>76</v>
      </c>
      <c r="EG7" s="165">
        <v>145</v>
      </c>
      <c r="EH7" s="162">
        <v>0</v>
      </c>
      <c r="EI7" s="160">
        <v>196</v>
      </c>
      <c r="EJ7" s="160">
        <v>250</v>
      </c>
      <c r="EK7" s="160">
        <v>189</v>
      </c>
      <c r="EL7" s="160">
        <v>206</v>
      </c>
      <c r="EM7" s="160">
        <v>105</v>
      </c>
      <c r="EN7" s="165">
        <v>946</v>
      </c>
      <c r="EO7" s="164">
        <v>1091</v>
      </c>
      <c r="EP7" s="159">
        <v>379</v>
      </c>
      <c r="EQ7" s="160">
        <v>867</v>
      </c>
      <c r="ER7" s="165">
        <v>1246</v>
      </c>
      <c r="ES7" s="162">
        <v>0</v>
      </c>
      <c r="ET7" s="160">
        <v>1523</v>
      </c>
      <c r="EU7" s="160">
        <v>2011</v>
      </c>
      <c r="EV7" s="160">
        <v>991</v>
      </c>
      <c r="EW7" s="160">
        <v>608</v>
      </c>
      <c r="EX7" s="160">
        <v>316</v>
      </c>
      <c r="EY7" s="165">
        <v>5449</v>
      </c>
      <c r="EZ7" s="164">
        <v>6695</v>
      </c>
    </row>
    <row r="8" spans="2:156" ht="21" customHeight="1" x14ac:dyDescent="0.2">
      <c r="B8" s="166" t="s">
        <v>6</v>
      </c>
      <c r="C8" s="159">
        <v>0</v>
      </c>
      <c r="D8" s="160">
        <v>0</v>
      </c>
      <c r="E8" s="161">
        <v>0</v>
      </c>
      <c r="F8" s="162">
        <v>0</v>
      </c>
      <c r="G8" s="160">
        <v>183</v>
      </c>
      <c r="H8" s="160">
        <v>160</v>
      </c>
      <c r="I8" s="160">
        <v>66</v>
      </c>
      <c r="J8" s="160">
        <v>59</v>
      </c>
      <c r="K8" s="160">
        <v>46</v>
      </c>
      <c r="L8" s="163">
        <v>514</v>
      </c>
      <c r="M8" s="164">
        <v>514</v>
      </c>
      <c r="N8" s="159">
        <v>0</v>
      </c>
      <c r="O8" s="160">
        <v>0</v>
      </c>
      <c r="P8" s="165">
        <v>0</v>
      </c>
      <c r="Q8" s="162">
        <v>0</v>
      </c>
      <c r="R8" s="160">
        <v>1</v>
      </c>
      <c r="S8" s="160">
        <v>1</v>
      </c>
      <c r="T8" s="160">
        <v>3</v>
      </c>
      <c r="U8" s="160">
        <v>4</v>
      </c>
      <c r="V8" s="160">
        <v>22</v>
      </c>
      <c r="W8" s="165">
        <v>31</v>
      </c>
      <c r="X8" s="164">
        <v>31</v>
      </c>
      <c r="Y8" s="159">
        <v>16</v>
      </c>
      <c r="Z8" s="160">
        <v>47</v>
      </c>
      <c r="AA8" s="165">
        <v>63</v>
      </c>
      <c r="AB8" s="162">
        <v>0</v>
      </c>
      <c r="AC8" s="160">
        <v>149</v>
      </c>
      <c r="AD8" s="160">
        <v>168</v>
      </c>
      <c r="AE8" s="160">
        <v>72</v>
      </c>
      <c r="AF8" s="160">
        <v>61</v>
      </c>
      <c r="AG8" s="160">
        <v>43</v>
      </c>
      <c r="AH8" s="165">
        <v>493</v>
      </c>
      <c r="AI8" s="164">
        <v>556</v>
      </c>
      <c r="AJ8" s="159">
        <v>2</v>
      </c>
      <c r="AK8" s="160">
        <v>4</v>
      </c>
      <c r="AL8" s="165">
        <v>6</v>
      </c>
      <c r="AM8" s="162">
        <v>0</v>
      </c>
      <c r="AN8" s="160">
        <v>16</v>
      </c>
      <c r="AO8" s="160">
        <v>13</v>
      </c>
      <c r="AP8" s="160">
        <v>9</v>
      </c>
      <c r="AQ8" s="160">
        <v>7</v>
      </c>
      <c r="AR8" s="160">
        <v>5</v>
      </c>
      <c r="AS8" s="165">
        <v>50</v>
      </c>
      <c r="AT8" s="164">
        <v>56</v>
      </c>
      <c r="AU8" s="159">
        <v>48</v>
      </c>
      <c r="AV8" s="160">
        <v>50</v>
      </c>
      <c r="AW8" s="165">
        <v>98</v>
      </c>
      <c r="AX8" s="162">
        <v>0</v>
      </c>
      <c r="AY8" s="160">
        <v>249</v>
      </c>
      <c r="AZ8" s="160">
        <v>240</v>
      </c>
      <c r="BA8" s="160">
        <v>169</v>
      </c>
      <c r="BB8" s="160">
        <v>177</v>
      </c>
      <c r="BC8" s="160">
        <v>110</v>
      </c>
      <c r="BD8" s="163">
        <v>945</v>
      </c>
      <c r="BE8" s="164">
        <v>1043</v>
      </c>
      <c r="BF8" s="159">
        <v>0</v>
      </c>
      <c r="BG8" s="160">
        <v>0</v>
      </c>
      <c r="BH8" s="165">
        <v>0</v>
      </c>
      <c r="BI8" s="162">
        <v>0</v>
      </c>
      <c r="BJ8" s="160">
        <v>245</v>
      </c>
      <c r="BK8" s="160">
        <v>204</v>
      </c>
      <c r="BL8" s="160">
        <v>85</v>
      </c>
      <c r="BM8" s="160">
        <v>50</v>
      </c>
      <c r="BN8" s="160">
        <v>21</v>
      </c>
      <c r="BO8" s="165">
        <v>605</v>
      </c>
      <c r="BP8" s="164">
        <v>605</v>
      </c>
      <c r="BQ8" s="159">
        <v>12</v>
      </c>
      <c r="BR8" s="160">
        <v>11</v>
      </c>
      <c r="BS8" s="165">
        <v>23</v>
      </c>
      <c r="BT8" s="162">
        <v>0</v>
      </c>
      <c r="BU8" s="160">
        <v>51</v>
      </c>
      <c r="BV8" s="160">
        <v>58</v>
      </c>
      <c r="BW8" s="160">
        <v>31</v>
      </c>
      <c r="BX8" s="160">
        <v>17</v>
      </c>
      <c r="BY8" s="160">
        <v>5</v>
      </c>
      <c r="BZ8" s="165">
        <v>162</v>
      </c>
      <c r="CA8" s="164">
        <v>185</v>
      </c>
      <c r="CB8" s="159">
        <v>0</v>
      </c>
      <c r="CC8" s="160">
        <v>2</v>
      </c>
      <c r="CD8" s="165">
        <v>2</v>
      </c>
      <c r="CE8" s="162">
        <v>0</v>
      </c>
      <c r="CF8" s="160">
        <v>14</v>
      </c>
      <c r="CG8" s="160">
        <v>25</v>
      </c>
      <c r="CH8" s="160">
        <v>26</v>
      </c>
      <c r="CI8" s="160">
        <v>19</v>
      </c>
      <c r="CJ8" s="160">
        <v>12</v>
      </c>
      <c r="CK8" s="165">
        <v>96</v>
      </c>
      <c r="CL8" s="164">
        <v>98</v>
      </c>
      <c r="CM8" s="159">
        <v>0</v>
      </c>
      <c r="CN8" s="160">
        <v>0</v>
      </c>
      <c r="CO8" s="165">
        <v>0</v>
      </c>
      <c r="CP8" s="162">
        <v>0</v>
      </c>
      <c r="CQ8" s="160">
        <v>3</v>
      </c>
      <c r="CR8" s="160">
        <v>2</v>
      </c>
      <c r="CS8" s="160">
        <v>5</v>
      </c>
      <c r="CT8" s="160">
        <v>7</v>
      </c>
      <c r="CU8" s="160">
        <v>2</v>
      </c>
      <c r="CV8" s="165">
        <v>19</v>
      </c>
      <c r="CW8" s="164">
        <v>19</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7</v>
      </c>
      <c r="DU8" s="160">
        <v>126</v>
      </c>
      <c r="DV8" s="165">
        <v>203</v>
      </c>
      <c r="DW8" s="162">
        <v>0</v>
      </c>
      <c r="DX8" s="160">
        <v>272</v>
      </c>
      <c r="DY8" s="160">
        <v>373</v>
      </c>
      <c r="DZ8" s="160">
        <v>181</v>
      </c>
      <c r="EA8" s="160">
        <v>150</v>
      </c>
      <c r="EB8" s="160">
        <v>91</v>
      </c>
      <c r="EC8" s="165">
        <v>1067</v>
      </c>
      <c r="ED8" s="164">
        <v>1270</v>
      </c>
      <c r="EE8" s="159">
        <v>28</v>
      </c>
      <c r="EF8" s="160">
        <v>12</v>
      </c>
      <c r="EG8" s="165">
        <v>40</v>
      </c>
      <c r="EH8" s="162">
        <v>0</v>
      </c>
      <c r="EI8" s="160">
        <v>93</v>
      </c>
      <c r="EJ8" s="160">
        <v>63</v>
      </c>
      <c r="EK8" s="160">
        <v>58</v>
      </c>
      <c r="EL8" s="160">
        <v>64</v>
      </c>
      <c r="EM8" s="160">
        <v>33</v>
      </c>
      <c r="EN8" s="165">
        <v>311</v>
      </c>
      <c r="EO8" s="164">
        <v>351</v>
      </c>
      <c r="EP8" s="159">
        <v>97</v>
      </c>
      <c r="EQ8" s="160">
        <v>167</v>
      </c>
      <c r="ER8" s="165">
        <v>264</v>
      </c>
      <c r="ES8" s="162">
        <v>0</v>
      </c>
      <c r="ET8" s="160">
        <v>599</v>
      </c>
      <c r="EU8" s="160">
        <v>507</v>
      </c>
      <c r="EV8" s="160">
        <v>215</v>
      </c>
      <c r="EW8" s="160">
        <v>149</v>
      </c>
      <c r="EX8" s="160">
        <v>90</v>
      </c>
      <c r="EY8" s="165">
        <v>1560</v>
      </c>
      <c r="EZ8" s="164">
        <v>1824</v>
      </c>
    </row>
    <row r="9" spans="2:156" ht="21" customHeight="1" x14ac:dyDescent="0.2">
      <c r="B9" s="166" t="s">
        <v>14</v>
      </c>
      <c r="C9" s="159">
        <v>0</v>
      </c>
      <c r="D9" s="160">
        <v>0</v>
      </c>
      <c r="E9" s="161">
        <v>0</v>
      </c>
      <c r="F9" s="162">
        <v>0</v>
      </c>
      <c r="G9" s="160">
        <v>57</v>
      </c>
      <c r="H9" s="160">
        <v>97</v>
      </c>
      <c r="I9" s="160">
        <v>58</v>
      </c>
      <c r="J9" s="160">
        <v>41</v>
      </c>
      <c r="K9" s="160">
        <v>27</v>
      </c>
      <c r="L9" s="163">
        <v>280</v>
      </c>
      <c r="M9" s="164">
        <v>280</v>
      </c>
      <c r="N9" s="159">
        <v>0</v>
      </c>
      <c r="O9" s="160">
        <v>0</v>
      </c>
      <c r="P9" s="165">
        <v>0</v>
      </c>
      <c r="Q9" s="162">
        <v>0</v>
      </c>
      <c r="R9" s="160">
        <v>0</v>
      </c>
      <c r="S9" s="160">
        <v>2</v>
      </c>
      <c r="T9" s="160">
        <v>4</v>
      </c>
      <c r="U9" s="160">
        <v>7</v>
      </c>
      <c r="V9" s="160">
        <v>4</v>
      </c>
      <c r="W9" s="165">
        <v>17</v>
      </c>
      <c r="X9" s="164">
        <v>17</v>
      </c>
      <c r="Y9" s="159">
        <v>13</v>
      </c>
      <c r="Z9" s="160">
        <v>29</v>
      </c>
      <c r="AA9" s="165">
        <v>42</v>
      </c>
      <c r="AB9" s="162">
        <v>0</v>
      </c>
      <c r="AC9" s="160">
        <v>51</v>
      </c>
      <c r="AD9" s="160">
        <v>90</v>
      </c>
      <c r="AE9" s="160">
        <v>59</v>
      </c>
      <c r="AF9" s="160">
        <v>40</v>
      </c>
      <c r="AG9" s="160">
        <v>25</v>
      </c>
      <c r="AH9" s="165">
        <v>265</v>
      </c>
      <c r="AI9" s="164">
        <v>307</v>
      </c>
      <c r="AJ9" s="159">
        <v>1</v>
      </c>
      <c r="AK9" s="160">
        <v>3</v>
      </c>
      <c r="AL9" s="165">
        <v>4</v>
      </c>
      <c r="AM9" s="162">
        <v>0</v>
      </c>
      <c r="AN9" s="160">
        <v>0</v>
      </c>
      <c r="AO9" s="160">
        <v>3</v>
      </c>
      <c r="AP9" s="160">
        <v>2</v>
      </c>
      <c r="AQ9" s="160">
        <v>5</v>
      </c>
      <c r="AR9" s="160">
        <v>0</v>
      </c>
      <c r="AS9" s="165">
        <v>10</v>
      </c>
      <c r="AT9" s="164">
        <v>14</v>
      </c>
      <c r="AU9" s="159">
        <v>21</v>
      </c>
      <c r="AV9" s="160">
        <v>22</v>
      </c>
      <c r="AW9" s="165">
        <v>43</v>
      </c>
      <c r="AX9" s="162">
        <v>0</v>
      </c>
      <c r="AY9" s="160">
        <v>81</v>
      </c>
      <c r="AZ9" s="160">
        <v>114</v>
      </c>
      <c r="BA9" s="160">
        <v>106</v>
      </c>
      <c r="BB9" s="160">
        <v>89</v>
      </c>
      <c r="BC9" s="160">
        <v>52</v>
      </c>
      <c r="BD9" s="163">
        <v>442</v>
      </c>
      <c r="BE9" s="164">
        <v>485</v>
      </c>
      <c r="BF9" s="159">
        <v>0</v>
      </c>
      <c r="BG9" s="160">
        <v>0</v>
      </c>
      <c r="BH9" s="165">
        <v>0</v>
      </c>
      <c r="BI9" s="162">
        <v>0</v>
      </c>
      <c r="BJ9" s="160">
        <v>109</v>
      </c>
      <c r="BK9" s="160">
        <v>124</v>
      </c>
      <c r="BL9" s="160">
        <v>80</v>
      </c>
      <c r="BM9" s="160">
        <v>32</v>
      </c>
      <c r="BN9" s="160">
        <v>10</v>
      </c>
      <c r="BO9" s="165">
        <v>355</v>
      </c>
      <c r="BP9" s="164">
        <v>355</v>
      </c>
      <c r="BQ9" s="159">
        <v>5</v>
      </c>
      <c r="BR9" s="160">
        <v>13</v>
      </c>
      <c r="BS9" s="165">
        <v>18</v>
      </c>
      <c r="BT9" s="162">
        <v>0</v>
      </c>
      <c r="BU9" s="160">
        <v>12</v>
      </c>
      <c r="BV9" s="160">
        <v>30</v>
      </c>
      <c r="BW9" s="160">
        <v>14</v>
      </c>
      <c r="BX9" s="160">
        <v>9</v>
      </c>
      <c r="BY9" s="160">
        <v>1</v>
      </c>
      <c r="BZ9" s="165">
        <v>66</v>
      </c>
      <c r="CA9" s="164">
        <v>84</v>
      </c>
      <c r="CB9" s="159">
        <v>0</v>
      </c>
      <c r="CC9" s="160">
        <v>0</v>
      </c>
      <c r="CD9" s="165">
        <v>0</v>
      </c>
      <c r="CE9" s="162">
        <v>0</v>
      </c>
      <c r="CF9" s="160">
        <v>9</v>
      </c>
      <c r="CG9" s="160">
        <v>28</v>
      </c>
      <c r="CH9" s="160">
        <v>27</v>
      </c>
      <c r="CI9" s="160">
        <v>15</v>
      </c>
      <c r="CJ9" s="160">
        <v>4</v>
      </c>
      <c r="CK9" s="165">
        <v>83</v>
      </c>
      <c r="CL9" s="164">
        <v>83</v>
      </c>
      <c r="CM9" s="159">
        <v>0</v>
      </c>
      <c r="CN9" s="160">
        <v>0</v>
      </c>
      <c r="CO9" s="165">
        <v>0</v>
      </c>
      <c r="CP9" s="162">
        <v>0</v>
      </c>
      <c r="CQ9" s="160">
        <v>0</v>
      </c>
      <c r="CR9" s="160">
        <v>0</v>
      </c>
      <c r="CS9" s="160">
        <v>3</v>
      </c>
      <c r="CT9" s="160">
        <v>1</v>
      </c>
      <c r="CU9" s="160">
        <v>0</v>
      </c>
      <c r="CV9" s="165">
        <v>4</v>
      </c>
      <c r="CW9" s="164">
        <v>4</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6</v>
      </c>
      <c r="DU9" s="160">
        <v>111</v>
      </c>
      <c r="DV9" s="165">
        <v>147</v>
      </c>
      <c r="DW9" s="162">
        <v>0</v>
      </c>
      <c r="DX9" s="160">
        <v>115</v>
      </c>
      <c r="DY9" s="160">
        <v>246</v>
      </c>
      <c r="DZ9" s="160">
        <v>154</v>
      </c>
      <c r="EA9" s="160">
        <v>98</v>
      </c>
      <c r="EB9" s="160">
        <v>43</v>
      </c>
      <c r="EC9" s="165">
        <v>656</v>
      </c>
      <c r="ED9" s="164">
        <v>803</v>
      </c>
      <c r="EE9" s="159">
        <v>13</v>
      </c>
      <c r="EF9" s="160">
        <v>7</v>
      </c>
      <c r="EG9" s="165">
        <v>20</v>
      </c>
      <c r="EH9" s="162">
        <v>0</v>
      </c>
      <c r="EI9" s="160">
        <v>32</v>
      </c>
      <c r="EJ9" s="160">
        <v>33</v>
      </c>
      <c r="EK9" s="160">
        <v>25</v>
      </c>
      <c r="EL9" s="160">
        <v>23</v>
      </c>
      <c r="EM9" s="160">
        <v>13</v>
      </c>
      <c r="EN9" s="165">
        <v>126</v>
      </c>
      <c r="EO9" s="164">
        <v>146</v>
      </c>
      <c r="EP9" s="159">
        <v>48</v>
      </c>
      <c r="EQ9" s="160">
        <v>135</v>
      </c>
      <c r="ER9" s="165">
        <v>183</v>
      </c>
      <c r="ES9" s="162">
        <v>0</v>
      </c>
      <c r="ET9" s="160">
        <v>261</v>
      </c>
      <c r="EU9" s="160">
        <v>339</v>
      </c>
      <c r="EV9" s="160">
        <v>188</v>
      </c>
      <c r="EW9" s="160">
        <v>106</v>
      </c>
      <c r="EX9" s="160">
        <v>43</v>
      </c>
      <c r="EY9" s="165">
        <v>937</v>
      </c>
      <c r="EZ9" s="164">
        <v>1120</v>
      </c>
    </row>
    <row r="10" spans="2:156" ht="21" customHeight="1" x14ac:dyDescent="0.2">
      <c r="B10" s="166" t="s">
        <v>7</v>
      </c>
      <c r="C10" s="159">
        <v>0</v>
      </c>
      <c r="D10" s="160">
        <v>0</v>
      </c>
      <c r="E10" s="161">
        <v>0</v>
      </c>
      <c r="F10" s="162">
        <v>0</v>
      </c>
      <c r="G10" s="160">
        <v>111</v>
      </c>
      <c r="H10" s="160">
        <v>77</v>
      </c>
      <c r="I10" s="160">
        <v>41</v>
      </c>
      <c r="J10" s="160">
        <v>31</v>
      </c>
      <c r="K10" s="160">
        <v>25</v>
      </c>
      <c r="L10" s="163">
        <v>285</v>
      </c>
      <c r="M10" s="164">
        <v>285</v>
      </c>
      <c r="N10" s="159">
        <v>0</v>
      </c>
      <c r="O10" s="160">
        <v>0</v>
      </c>
      <c r="P10" s="165">
        <v>0</v>
      </c>
      <c r="Q10" s="162">
        <v>0</v>
      </c>
      <c r="R10" s="160">
        <v>0</v>
      </c>
      <c r="S10" s="160">
        <v>7</v>
      </c>
      <c r="T10" s="160">
        <v>5</v>
      </c>
      <c r="U10" s="160">
        <v>7</v>
      </c>
      <c r="V10" s="160">
        <v>16</v>
      </c>
      <c r="W10" s="165">
        <v>35</v>
      </c>
      <c r="X10" s="164">
        <v>35</v>
      </c>
      <c r="Y10" s="159">
        <v>4</v>
      </c>
      <c r="Z10" s="160">
        <v>3</v>
      </c>
      <c r="AA10" s="165">
        <v>7</v>
      </c>
      <c r="AB10" s="162">
        <v>0</v>
      </c>
      <c r="AC10" s="160">
        <v>55</v>
      </c>
      <c r="AD10" s="160">
        <v>44</v>
      </c>
      <c r="AE10" s="160">
        <v>30</v>
      </c>
      <c r="AF10" s="160">
        <v>17</v>
      </c>
      <c r="AG10" s="160">
        <v>22</v>
      </c>
      <c r="AH10" s="165">
        <v>168</v>
      </c>
      <c r="AI10" s="164">
        <v>175</v>
      </c>
      <c r="AJ10" s="159">
        <v>1</v>
      </c>
      <c r="AK10" s="160">
        <v>0</v>
      </c>
      <c r="AL10" s="165">
        <v>1</v>
      </c>
      <c r="AM10" s="162">
        <v>0</v>
      </c>
      <c r="AN10" s="160">
        <v>9</v>
      </c>
      <c r="AO10" s="160">
        <v>7</v>
      </c>
      <c r="AP10" s="160">
        <v>5</v>
      </c>
      <c r="AQ10" s="160">
        <v>4</v>
      </c>
      <c r="AR10" s="160">
        <v>1</v>
      </c>
      <c r="AS10" s="165">
        <v>26</v>
      </c>
      <c r="AT10" s="164">
        <v>27</v>
      </c>
      <c r="AU10" s="159">
        <v>13</v>
      </c>
      <c r="AV10" s="160">
        <v>14</v>
      </c>
      <c r="AW10" s="165">
        <v>27</v>
      </c>
      <c r="AX10" s="162">
        <v>0</v>
      </c>
      <c r="AY10" s="160">
        <v>105</v>
      </c>
      <c r="AZ10" s="160">
        <v>124</v>
      </c>
      <c r="BA10" s="160">
        <v>97</v>
      </c>
      <c r="BB10" s="160">
        <v>65</v>
      </c>
      <c r="BC10" s="160">
        <v>52</v>
      </c>
      <c r="BD10" s="163">
        <v>443</v>
      </c>
      <c r="BE10" s="164">
        <v>470</v>
      </c>
      <c r="BF10" s="159">
        <v>0</v>
      </c>
      <c r="BG10" s="160">
        <v>0</v>
      </c>
      <c r="BH10" s="165">
        <v>0</v>
      </c>
      <c r="BI10" s="162">
        <v>0</v>
      </c>
      <c r="BJ10" s="160">
        <v>154</v>
      </c>
      <c r="BK10" s="160">
        <v>100</v>
      </c>
      <c r="BL10" s="160">
        <v>43</v>
      </c>
      <c r="BM10" s="160">
        <v>13</v>
      </c>
      <c r="BN10" s="160">
        <v>7</v>
      </c>
      <c r="BO10" s="165">
        <v>317</v>
      </c>
      <c r="BP10" s="164">
        <v>317</v>
      </c>
      <c r="BQ10" s="159">
        <v>3</v>
      </c>
      <c r="BR10" s="160">
        <v>3</v>
      </c>
      <c r="BS10" s="165">
        <v>6</v>
      </c>
      <c r="BT10" s="162">
        <v>0</v>
      </c>
      <c r="BU10" s="160">
        <v>22</v>
      </c>
      <c r="BV10" s="160">
        <v>20</v>
      </c>
      <c r="BW10" s="160">
        <v>9</v>
      </c>
      <c r="BX10" s="160">
        <v>4</v>
      </c>
      <c r="BY10" s="160">
        <v>2</v>
      </c>
      <c r="BZ10" s="165">
        <v>57</v>
      </c>
      <c r="CA10" s="164">
        <v>63</v>
      </c>
      <c r="CB10" s="159">
        <v>0</v>
      </c>
      <c r="CC10" s="160">
        <v>0</v>
      </c>
      <c r="CD10" s="165">
        <v>0</v>
      </c>
      <c r="CE10" s="162">
        <v>0</v>
      </c>
      <c r="CF10" s="160">
        <v>15</v>
      </c>
      <c r="CG10" s="160">
        <v>31</v>
      </c>
      <c r="CH10" s="160">
        <v>29</v>
      </c>
      <c r="CI10" s="160">
        <v>15</v>
      </c>
      <c r="CJ10" s="160">
        <v>9</v>
      </c>
      <c r="CK10" s="165">
        <v>99</v>
      </c>
      <c r="CL10" s="164">
        <v>99</v>
      </c>
      <c r="CM10" s="159">
        <v>0</v>
      </c>
      <c r="CN10" s="160">
        <v>0</v>
      </c>
      <c r="CO10" s="165">
        <v>0</v>
      </c>
      <c r="CP10" s="162">
        <v>0</v>
      </c>
      <c r="CQ10" s="160">
        <v>1</v>
      </c>
      <c r="CR10" s="160">
        <v>1</v>
      </c>
      <c r="CS10" s="160">
        <v>3</v>
      </c>
      <c r="CT10" s="160">
        <v>1</v>
      </c>
      <c r="CU10" s="160">
        <v>0</v>
      </c>
      <c r="CV10" s="165">
        <v>6</v>
      </c>
      <c r="CW10" s="164">
        <v>6</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1</v>
      </c>
      <c r="DU10" s="160">
        <v>41</v>
      </c>
      <c r="DV10" s="165">
        <v>72</v>
      </c>
      <c r="DW10" s="162">
        <v>0</v>
      </c>
      <c r="DX10" s="160">
        <v>146</v>
      </c>
      <c r="DY10" s="160">
        <v>191</v>
      </c>
      <c r="DZ10" s="160">
        <v>98</v>
      </c>
      <c r="EA10" s="160">
        <v>54</v>
      </c>
      <c r="EB10" s="160">
        <v>40</v>
      </c>
      <c r="EC10" s="165">
        <v>529</v>
      </c>
      <c r="ED10" s="164">
        <v>601</v>
      </c>
      <c r="EE10" s="159">
        <v>8</v>
      </c>
      <c r="EF10" s="160">
        <v>11</v>
      </c>
      <c r="EG10" s="165">
        <v>19</v>
      </c>
      <c r="EH10" s="162">
        <v>0</v>
      </c>
      <c r="EI10" s="160">
        <v>49</v>
      </c>
      <c r="EJ10" s="160">
        <v>33</v>
      </c>
      <c r="EK10" s="160">
        <v>34</v>
      </c>
      <c r="EL10" s="160">
        <v>23</v>
      </c>
      <c r="EM10" s="160">
        <v>15</v>
      </c>
      <c r="EN10" s="165">
        <v>154</v>
      </c>
      <c r="EO10" s="164">
        <v>173</v>
      </c>
      <c r="EP10" s="159">
        <v>39</v>
      </c>
      <c r="EQ10" s="160">
        <v>44</v>
      </c>
      <c r="ER10" s="165">
        <v>83</v>
      </c>
      <c r="ES10" s="162">
        <v>0</v>
      </c>
      <c r="ET10" s="160">
        <v>362</v>
      </c>
      <c r="EU10" s="160">
        <v>254</v>
      </c>
      <c r="EV10" s="160">
        <v>119</v>
      </c>
      <c r="EW10" s="160">
        <v>65</v>
      </c>
      <c r="EX10" s="160">
        <v>41</v>
      </c>
      <c r="EY10" s="165">
        <v>841</v>
      </c>
      <c r="EZ10" s="164">
        <v>924</v>
      </c>
    </row>
    <row r="11" spans="2:156" ht="21" customHeight="1" x14ac:dyDescent="0.2">
      <c r="B11" s="166" t="s">
        <v>8</v>
      </c>
      <c r="C11" s="159">
        <v>0</v>
      </c>
      <c r="D11" s="160">
        <v>0</v>
      </c>
      <c r="E11" s="161">
        <v>0</v>
      </c>
      <c r="F11" s="162">
        <v>0</v>
      </c>
      <c r="G11" s="160">
        <v>21</v>
      </c>
      <c r="H11" s="160">
        <v>23</v>
      </c>
      <c r="I11" s="160">
        <v>27</v>
      </c>
      <c r="J11" s="160">
        <v>8</v>
      </c>
      <c r="K11" s="160">
        <v>13</v>
      </c>
      <c r="L11" s="163">
        <v>92</v>
      </c>
      <c r="M11" s="164">
        <v>92</v>
      </c>
      <c r="N11" s="159">
        <v>0</v>
      </c>
      <c r="O11" s="160">
        <v>0</v>
      </c>
      <c r="P11" s="165">
        <v>0</v>
      </c>
      <c r="Q11" s="162">
        <v>0</v>
      </c>
      <c r="R11" s="160">
        <v>0</v>
      </c>
      <c r="S11" s="160">
        <v>1</v>
      </c>
      <c r="T11" s="160">
        <v>4</v>
      </c>
      <c r="U11" s="160">
        <v>0</v>
      </c>
      <c r="V11" s="160">
        <v>7</v>
      </c>
      <c r="W11" s="165">
        <v>12</v>
      </c>
      <c r="X11" s="164">
        <v>12</v>
      </c>
      <c r="Y11" s="159">
        <v>4</v>
      </c>
      <c r="Z11" s="160">
        <v>3</v>
      </c>
      <c r="AA11" s="165">
        <v>7</v>
      </c>
      <c r="AB11" s="162">
        <v>0</v>
      </c>
      <c r="AC11" s="160">
        <v>18</v>
      </c>
      <c r="AD11" s="160">
        <v>26</v>
      </c>
      <c r="AE11" s="160">
        <v>31</v>
      </c>
      <c r="AF11" s="160">
        <v>9</v>
      </c>
      <c r="AG11" s="160">
        <v>12</v>
      </c>
      <c r="AH11" s="165">
        <v>96</v>
      </c>
      <c r="AI11" s="164">
        <v>103</v>
      </c>
      <c r="AJ11" s="159">
        <v>0</v>
      </c>
      <c r="AK11" s="160">
        <v>0</v>
      </c>
      <c r="AL11" s="165">
        <v>0</v>
      </c>
      <c r="AM11" s="162">
        <v>0</v>
      </c>
      <c r="AN11" s="160">
        <v>6</v>
      </c>
      <c r="AO11" s="160">
        <v>0</v>
      </c>
      <c r="AP11" s="160">
        <v>7</v>
      </c>
      <c r="AQ11" s="160">
        <v>1</v>
      </c>
      <c r="AR11" s="160">
        <v>2</v>
      </c>
      <c r="AS11" s="165">
        <v>16</v>
      </c>
      <c r="AT11" s="164">
        <v>16</v>
      </c>
      <c r="AU11" s="159">
        <v>10</v>
      </c>
      <c r="AV11" s="160">
        <v>3</v>
      </c>
      <c r="AW11" s="165">
        <v>13</v>
      </c>
      <c r="AX11" s="162">
        <v>0</v>
      </c>
      <c r="AY11" s="160">
        <v>34</v>
      </c>
      <c r="AZ11" s="160">
        <v>34</v>
      </c>
      <c r="BA11" s="160">
        <v>47</v>
      </c>
      <c r="BB11" s="160">
        <v>23</v>
      </c>
      <c r="BC11" s="160">
        <v>23</v>
      </c>
      <c r="BD11" s="163">
        <v>161</v>
      </c>
      <c r="BE11" s="164">
        <v>174</v>
      </c>
      <c r="BF11" s="159">
        <v>0</v>
      </c>
      <c r="BG11" s="160">
        <v>0</v>
      </c>
      <c r="BH11" s="165">
        <v>0</v>
      </c>
      <c r="BI11" s="162">
        <v>0</v>
      </c>
      <c r="BJ11" s="160">
        <v>33</v>
      </c>
      <c r="BK11" s="160">
        <v>37</v>
      </c>
      <c r="BL11" s="160">
        <v>19</v>
      </c>
      <c r="BM11" s="160">
        <v>13</v>
      </c>
      <c r="BN11" s="160">
        <v>4</v>
      </c>
      <c r="BO11" s="165">
        <v>106</v>
      </c>
      <c r="BP11" s="164">
        <v>106</v>
      </c>
      <c r="BQ11" s="159">
        <v>6</v>
      </c>
      <c r="BR11" s="160">
        <v>1</v>
      </c>
      <c r="BS11" s="165">
        <v>7</v>
      </c>
      <c r="BT11" s="162">
        <v>0</v>
      </c>
      <c r="BU11" s="160">
        <v>10</v>
      </c>
      <c r="BV11" s="160">
        <v>8</v>
      </c>
      <c r="BW11" s="160">
        <v>8</v>
      </c>
      <c r="BX11" s="160">
        <v>1</v>
      </c>
      <c r="BY11" s="160">
        <v>1</v>
      </c>
      <c r="BZ11" s="165">
        <v>28</v>
      </c>
      <c r="CA11" s="164">
        <v>35</v>
      </c>
      <c r="CB11" s="159">
        <v>1</v>
      </c>
      <c r="CC11" s="160">
        <v>1</v>
      </c>
      <c r="CD11" s="165">
        <v>2</v>
      </c>
      <c r="CE11" s="162">
        <v>0</v>
      </c>
      <c r="CF11" s="160">
        <v>4</v>
      </c>
      <c r="CG11" s="160">
        <v>5</v>
      </c>
      <c r="CH11" s="160">
        <v>12</v>
      </c>
      <c r="CI11" s="160">
        <v>6</v>
      </c>
      <c r="CJ11" s="160">
        <v>2</v>
      </c>
      <c r="CK11" s="165">
        <v>29</v>
      </c>
      <c r="CL11" s="164">
        <v>31</v>
      </c>
      <c r="CM11" s="159">
        <v>0</v>
      </c>
      <c r="CN11" s="160">
        <v>0</v>
      </c>
      <c r="CO11" s="165">
        <v>0</v>
      </c>
      <c r="CP11" s="162">
        <v>0</v>
      </c>
      <c r="CQ11" s="160">
        <v>0</v>
      </c>
      <c r="CR11" s="160">
        <v>0</v>
      </c>
      <c r="CS11" s="160">
        <v>2</v>
      </c>
      <c r="CT11" s="160">
        <v>0</v>
      </c>
      <c r="CU11" s="160">
        <v>0</v>
      </c>
      <c r="CV11" s="165">
        <v>2</v>
      </c>
      <c r="CW11" s="164">
        <v>2</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24</v>
      </c>
      <c r="DU11" s="160">
        <v>27</v>
      </c>
      <c r="DV11" s="165">
        <v>51</v>
      </c>
      <c r="DW11" s="162">
        <v>0</v>
      </c>
      <c r="DX11" s="160">
        <v>47</v>
      </c>
      <c r="DY11" s="160">
        <v>81</v>
      </c>
      <c r="DZ11" s="160">
        <v>61</v>
      </c>
      <c r="EA11" s="160">
        <v>30</v>
      </c>
      <c r="EB11" s="160">
        <v>24</v>
      </c>
      <c r="EC11" s="165">
        <v>243</v>
      </c>
      <c r="ED11" s="164">
        <v>294</v>
      </c>
      <c r="EE11" s="159">
        <v>8</v>
      </c>
      <c r="EF11" s="160">
        <v>1</v>
      </c>
      <c r="EG11" s="165">
        <v>9</v>
      </c>
      <c r="EH11" s="162">
        <v>0</v>
      </c>
      <c r="EI11" s="160">
        <v>17</v>
      </c>
      <c r="EJ11" s="160">
        <v>8</v>
      </c>
      <c r="EK11" s="160">
        <v>13</v>
      </c>
      <c r="EL11" s="160">
        <v>6</v>
      </c>
      <c r="EM11" s="160">
        <v>6</v>
      </c>
      <c r="EN11" s="165">
        <v>50</v>
      </c>
      <c r="EO11" s="164">
        <v>59</v>
      </c>
      <c r="EP11" s="159">
        <v>32</v>
      </c>
      <c r="EQ11" s="160">
        <v>27</v>
      </c>
      <c r="ER11" s="165">
        <v>59</v>
      </c>
      <c r="ES11" s="162">
        <v>0</v>
      </c>
      <c r="ET11" s="160">
        <v>103</v>
      </c>
      <c r="EU11" s="160">
        <v>103</v>
      </c>
      <c r="EV11" s="160">
        <v>69</v>
      </c>
      <c r="EW11" s="160">
        <v>28</v>
      </c>
      <c r="EX11" s="160">
        <v>24</v>
      </c>
      <c r="EY11" s="165">
        <v>327</v>
      </c>
      <c r="EZ11" s="164">
        <v>386</v>
      </c>
    </row>
    <row r="12" spans="2:156" ht="21" customHeight="1" x14ac:dyDescent="0.2">
      <c r="B12" s="166" t="s">
        <v>9</v>
      </c>
      <c r="C12" s="159">
        <v>0</v>
      </c>
      <c r="D12" s="160">
        <v>0</v>
      </c>
      <c r="E12" s="161">
        <v>0</v>
      </c>
      <c r="F12" s="162">
        <v>0</v>
      </c>
      <c r="G12" s="160">
        <v>54</v>
      </c>
      <c r="H12" s="160">
        <v>34</v>
      </c>
      <c r="I12" s="160">
        <v>29</v>
      </c>
      <c r="J12" s="160">
        <v>24</v>
      </c>
      <c r="K12" s="160">
        <v>18</v>
      </c>
      <c r="L12" s="163">
        <v>159</v>
      </c>
      <c r="M12" s="164">
        <v>159</v>
      </c>
      <c r="N12" s="159">
        <v>0</v>
      </c>
      <c r="O12" s="160">
        <v>0</v>
      </c>
      <c r="P12" s="165">
        <v>0</v>
      </c>
      <c r="Q12" s="162">
        <v>0</v>
      </c>
      <c r="R12" s="160">
        <v>0</v>
      </c>
      <c r="S12" s="160">
        <v>1</v>
      </c>
      <c r="T12" s="160">
        <v>2</v>
      </c>
      <c r="U12" s="160">
        <v>0</v>
      </c>
      <c r="V12" s="160">
        <v>6</v>
      </c>
      <c r="W12" s="165">
        <v>9</v>
      </c>
      <c r="X12" s="164">
        <v>9</v>
      </c>
      <c r="Y12" s="159">
        <v>3</v>
      </c>
      <c r="Z12" s="160">
        <v>7</v>
      </c>
      <c r="AA12" s="165">
        <v>10</v>
      </c>
      <c r="AB12" s="162">
        <v>0</v>
      </c>
      <c r="AC12" s="160">
        <v>46</v>
      </c>
      <c r="AD12" s="160">
        <v>24</v>
      </c>
      <c r="AE12" s="160">
        <v>27</v>
      </c>
      <c r="AF12" s="160">
        <v>26</v>
      </c>
      <c r="AG12" s="160">
        <v>19</v>
      </c>
      <c r="AH12" s="165">
        <v>142</v>
      </c>
      <c r="AI12" s="164">
        <v>152</v>
      </c>
      <c r="AJ12" s="159">
        <v>0</v>
      </c>
      <c r="AK12" s="160">
        <v>1</v>
      </c>
      <c r="AL12" s="165">
        <v>1</v>
      </c>
      <c r="AM12" s="162">
        <v>0</v>
      </c>
      <c r="AN12" s="160">
        <v>2</v>
      </c>
      <c r="AO12" s="160">
        <v>3</v>
      </c>
      <c r="AP12" s="160">
        <v>3</v>
      </c>
      <c r="AQ12" s="160">
        <v>3</v>
      </c>
      <c r="AR12" s="160">
        <v>3</v>
      </c>
      <c r="AS12" s="165">
        <v>14</v>
      </c>
      <c r="AT12" s="164">
        <v>15</v>
      </c>
      <c r="AU12" s="159">
        <v>8</v>
      </c>
      <c r="AV12" s="160">
        <v>5</v>
      </c>
      <c r="AW12" s="165">
        <v>13</v>
      </c>
      <c r="AX12" s="162">
        <v>0</v>
      </c>
      <c r="AY12" s="160">
        <v>54</v>
      </c>
      <c r="AZ12" s="160">
        <v>48</v>
      </c>
      <c r="BA12" s="160">
        <v>55</v>
      </c>
      <c r="BB12" s="160">
        <v>42</v>
      </c>
      <c r="BC12" s="160">
        <v>27</v>
      </c>
      <c r="BD12" s="163">
        <v>226</v>
      </c>
      <c r="BE12" s="164">
        <v>239</v>
      </c>
      <c r="BF12" s="159">
        <v>0</v>
      </c>
      <c r="BG12" s="160">
        <v>0</v>
      </c>
      <c r="BH12" s="165">
        <v>0</v>
      </c>
      <c r="BI12" s="162">
        <v>0</v>
      </c>
      <c r="BJ12" s="160">
        <v>55</v>
      </c>
      <c r="BK12" s="160">
        <v>39</v>
      </c>
      <c r="BL12" s="160">
        <v>19</v>
      </c>
      <c r="BM12" s="160">
        <v>13</v>
      </c>
      <c r="BN12" s="160">
        <v>3</v>
      </c>
      <c r="BO12" s="165">
        <v>129</v>
      </c>
      <c r="BP12" s="164">
        <v>129</v>
      </c>
      <c r="BQ12" s="159">
        <v>6</v>
      </c>
      <c r="BR12" s="160">
        <v>6</v>
      </c>
      <c r="BS12" s="165">
        <v>12</v>
      </c>
      <c r="BT12" s="162">
        <v>0</v>
      </c>
      <c r="BU12" s="160">
        <v>17</v>
      </c>
      <c r="BV12" s="160">
        <v>9</v>
      </c>
      <c r="BW12" s="160">
        <v>13</v>
      </c>
      <c r="BX12" s="160">
        <v>8</v>
      </c>
      <c r="BY12" s="160">
        <v>2</v>
      </c>
      <c r="BZ12" s="165">
        <v>49</v>
      </c>
      <c r="CA12" s="164">
        <v>61</v>
      </c>
      <c r="CB12" s="159">
        <v>1</v>
      </c>
      <c r="CC12" s="160">
        <v>0</v>
      </c>
      <c r="CD12" s="165">
        <v>1</v>
      </c>
      <c r="CE12" s="162">
        <v>0</v>
      </c>
      <c r="CF12" s="160">
        <v>5</v>
      </c>
      <c r="CG12" s="160">
        <v>5</v>
      </c>
      <c r="CH12" s="160">
        <v>12</v>
      </c>
      <c r="CI12" s="160">
        <v>7</v>
      </c>
      <c r="CJ12" s="160">
        <v>1</v>
      </c>
      <c r="CK12" s="165">
        <v>30</v>
      </c>
      <c r="CL12" s="164">
        <v>31</v>
      </c>
      <c r="CM12" s="159">
        <v>0</v>
      </c>
      <c r="CN12" s="160">
        <v>0</v>
      </c>
      <c r="CO12" s="165">
        <v>0</v>
      </c>
      <c r="CP12" s="162">
        <v>0</v>
      </c>
      <c r="CQ12" s="160">
        <v>0</v>
      </c>
      <c r="CR12" s="160">
        <v>1</v>
      </c>
      <c r="CS12" s="160">
        <v>3</v>
      </c>
      <c r="CT12" s="160">
        <v>2</v>
      </c>
      <c r="CU12" s="160">
        <v>1</v>
      </c>
      <c r="CV12" s="165">
        <v>7</v>
      </c>
      <c r="CW12" s="164">
        <v>7</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25</v>
      </c>
      <c r="DU12" s="160">
        <v>31</v>
      </c>
      <c r="DV12" s="165">
        <v>56</v>
      </c>
      <c r="DW12" s="162">
        <v>0</v>
      </c>
      <c r="DX12" s="160">
        <v>86</v>
      </c>
      <c r="DY12" s="160">
        <v>67</v>
      </c>
      <c r="DZ12" s="160">
        <v>57</v>
      </c>
      <c r="EA12" s="160">
        <v>43</v>
      </c>
      <c r="EB12" s="160">
        <v>23</v>
      </c>
      <c r="EC12" s="165">
        <v>276</v>
      </c>
      <c r="ED12" s="164">
        <v>332</v>
      </c>
      <c r="EE12" s="159">
        <v>6</v>
      </c>
      <c r="EF12" s="160">
        <v>2</v>
      </c>
      <c r="EG12" s="165">
        <v>8</v>
      </c>
      <c r="EH12" s="162">
        <v>0</v>
      </c>
      <c r="EI12" s="160">
        <v>19</v>
      </c>
      <c r="EJ12" s="160">
        <v>16</v>
      </c>
      <c r="EK12" s="160">
        <v>15</v>
      </c>
      <c r="EL12" s="160">
        <v>13</v>
      </c>
      <c r="EM12" s="160">
        <v>9</v>
      </c>
      <c r="EN12" s="165">
        <v>72</v>
      </c>
      <c r="EO12" s="164">
        <v>80</v>
      </c>
      <c r="EP12" s="159">
        <v>30</v>
      </c>
      <c r="EQ12" s="160">
        <v>41</v>
      </c>
      <c r="ER12" s="165">
        <v>71</v>
      </c>
      <c r="ES12" s="162">
        <v>0</v>
      </c>
      <c r="ET12" s="160">
        <v>161</v>
      </c>
      <c r="EU12" s="160">
        <v>102</v>
      </c>
      <c r="EV12" s="160">
        <v>73</v>
      </c>
      <c r="EW12" s="160">
        <v>48</v>
      </c>
      <c r="EX12" s="160">
        <v>26</v>
      </c>
      <c r="EY12" s="165">
        <v>410</v>
      </c>
      <c r="EZ12" s="164">
        <v>481</v>
      </c>
    </row>
    <row r="13" spans="2:156" ht="21" customHeight="1" x14ac:dyDescent="0.2">
      <c r="B13" s="166" t="s">
        <v>10</v>
      </c>
      <c r="C13" s="159">
        <v>0</v>
      </c>
      <c r="D13" s="160">
        <v>0</v>
      </c>
      <c r="E13" s="161">
        <v>0</v>
      </c>
      <c r="F13" s="162">
        <v>0</v>
      </c>
      <c r="G13" s="160">
        <v>81</v>
      </c>
      <c r="H13" s="160">
        <v>50</v>
      </c>
      <c r="I13" s="160">
        <v>31</v>
      </c>
      <c r="J13" s="160">
        <v>39</v>
      </c>
      <c r="K13" s="160">
        <v>18</v>
      </c>
      <c r="L13" s="163">
        <v>219</v>
      </c>
      <c r="M13" s="164">
        <v>219</v>
      </c>
      <c r="N13" s="159">
        <v>0</v>
      </c>
      <c r="O13" s="160">
        <v>0</v>
      </c>
      <c r="P13" s="165">
        <v>0</v>
      </c>
      <c r="Q13" s="162">
        <v>0</v>
      </c>
      <c r="R13" s="160">
        <v>2</v>
      </c>
      <c r="S13" s="160">
        <v>3</v>
      </c>
      <c r="T13" s="160">
        <v>2</v>
      </c>
      <c r="U13" s="160">
        <v>6</v>
      </c>
      <c r="V13" s="160">
        <v>12</v>
      </c>
      <c r="W13" s="165">
        <v>25</v>
      </c>
      <c r="X13" s="164">
        <v>25</v>
      </c>
      <c r="Y13" s="159">
        <v>18</v>
      </c>
      <c r="Z13" s="160">
        <v>18</v>
      </c>
      <c r="AA13" s="165">
        <v>36</v>
      </c>
      <c r="AB13" s="162">
        <v>0</v>
      </c>
      <c r="AC13" s="160">
        <v>63</v>
      </c>
      <c r="AD13" s="160">
        <v>34</v>
      </c>
      <c r="AE13" s="160">
        <v>25</v>
      </c>
      <c r="AF13" s="160">
        <v>30</v>
      </c>
      <c r="AG13" s="160">
        <v>11</v>
      </c>
      <c r="AH13" s="165">
        <v>163</v>
      </c>
      <c r="AI13" s="164">
        <v>199</v>
      </c>
      <c r="AJ13" s="159">
        <v>4</v>
      </c>
      <c r="AK13" s="160">
        <v>4</v>
      </c>
      <c r="AL13" s="165">
        <v>8</v>
      </c>
      <c r="AM13" s="162">
        <v>0</v>
      </c>
      <c r="AN13" s="160">
        <v>7</v>
      </c>
      <c r="AO13" s="160">
        <v>1</v>
      </c>
      <c r="AP13" s="160">
        <v>1</v>
      </c>
      <c r="AQ13" s="160">
        <v>4</v>
      </c>
      <c r="AR13" s="160">
        <v>2</v>
      </c>
      <c r="AS13" s="165">
        <v>15</v>
      </c>
      <c r="AT13" s="164">
        <v>23</v>
      </c>
      <c r="AU13" s="159">
        <v>15</v>
      </c>
      <c r="AV13" s="160">
        <v>14</v>
      </c>
      <c r="AW13" s="165">
        <v>29</v>
      </c>
      <c r="AX13" s="162">
        <v>0</v>
      </c>
      <c r="AY13" s="160">
        <v>94</v>
      </c>
      <c r="AZ13" s="160">
        <v>61</v>
      </c>
      <c r="BA13" s="160">
        <v>66</v>
      </c>
      <c r="BB13" s="160">
        <v>83</v>
      </c>
      <c r="BC13" s="160">
        <v>47</v>
      </c>
      <c r="BD13" s="163">
        <v>351</v>
      </c>
      <c r="BE13" s="164">
        <v>380</v>
      </c>
      <c r="BF13" s="159">
        <v>0</v>
      </c>
      <c r="BG13" s="160">
        <v>0</v>
      </c>
      <c r="BH13" s="165">
        <v>0</v>
      </c>
      <c r="BI13" s="162">
        <v>0</v>
      </c>
      <c r="BJ13" s="160">
        <v>113</v>
      </c>
      <c r="BK13" s="160">
        <v>56</v>
      </c>
      <c r="BL13" s="160">
        <v>32</v>
      </c>
      <c r="BM13" s="160">
        <v>22</v>
      </c>
      <c r="BN13" s="160">
        <v>6</v>
      </c>
      <c r="BO13" s="165">
        <v>229</v>
      </c>
      <c r="BP13" s="164">
        <v>229</v>
      </c>
      <c r="BQ13" s="159">
        <v>4</v>
      </c>
      <c r="BR13" s="160">
        <v>5</v>
      </c>
      <c r="BS13" s="165">
        <v>9</v>
      </c>
      <c r="BT13" s="162">
        <v>0</v>
      </c>
      <c r="BU13" s="160">
        <v>27</v>
      </c>
      <c r="BV13" s="160">
        <v>15</v>
      </c>
      <c r="BW13" s="160">
        <v>2</v>
      </c>
      <c r="BX13" s="160">
        <v>6</v>
      </c>
      <c r="BY13" s="160">
        <v>3</v>
      </c>
      <c r="BZ13" s="165">
        <v>53</v>
      </c>
      <c r="CA13" s="164">
        <v>62</v>
      </c>
      <c r="CB13" s="159">
        <v>0</v>
      </c>
      <c r="CC13" s="160">
        <v>2</v>
      </c>
      <c r="CD13" s="165">
        <v>2</v>
      </c>
      <c r="CE13" s="162">
        <v>0</v>
      </c>
      <c r="CF13" s="160">
        <v>10</v>
      </c>
      <c r="CG13" s="160">
        <v>11</v>
      </c>
      <c r="CH13" s="160">
        <v>12</v>
      </c>
      <c r="CI13" s="160">
        <v>12</v>
      </c>
      <c r="CJ13" s="160">
        <v>5</v>
      </c>
      <c r="CK13" s="165">
        <v>50</v>
      </c>
      <c r="CL13" s="164">
        <v>52</v>
      </c>
      <c r="CM13" s="159">
        <v>0</v>
      </c>
      <c r="CN13" s="160">
        <v>0</v>
      </c>
      <c r="CO13" s="165">
        <v>0</v>
      </c>
      <c r="CP13" s="162">
        <v>0</v>
      </c>
      <c r="CQ13" s="160">
        <v>2</v>
      </c>
      <c r="CR13" s="160">
        <v>1</v>
      </c>
      <c r="CS13" s="160">
        <v>2</v>
      </c>
      <c r="CT13" s="160">
        <v>0</v>
      </c>
      <c r="CU13" s="160">
        <v>0</v>
      </c>
      <c r="CV13" s="165">
        <v>5</v>
      </c>
      <c r="CW13" s="164">
        <v>5</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62</v>
      </c>
      <c r="DU13" s="160">
        <v>85</v>
      </c>
      <c r="DV13" s="165">
        <v>147</v>
      </c>
      <c r="DW13" s="162">
        <v>0</v>
      </c>
      <c r="DX13" s="160">
        <v>137</v>
      </c>
      <c r="DY13" s="160">
        <v>99</v>
      </c>
      <c r="DZ13" s="160">
        <v>64</v>
      </c>
      <c r="EA13" s="160">
        <v>72</v>
      </c>
      <c r="EB13" s="160">
        <v>35</v>
      </c>
      <c r="EC13" s="165">
        <v>407</v>
      </c>
      <c r="ED13" s="164">
        <v>554</v>
      </c>
      <c r="EE13" s="159">
        <v>11</v>
      </c>
      <c r="EF13" s="160">
        <v>0</v>
      </c>
      <c r="EG13" s="165">
        <v>11</v>
      </c>
      <c r="EH13" s="162">
        <v>0</v>
      </c>
      <c r="EI13" s="160">
        <v>24</v>
      </c>
      <c r="EJ13" s="160">
        <v>13</v>
      </c>
      <c r="EK13" s="160">
        <v>20</v>
      </c>
      <c r="EL13" s="160">
        <v>25</v>
      </c>
      <c r="EM13" s="160">
        <v>15</v>
      </c>
      <c r="EN13" s="165">
        <v>97</v>
      </c>
      <c r="EO13" s="164">
        <v>108</v>
      </c>
      <c r="EP13" s="159">
        <v>81</v>
      </c>
      <c r="EQ13" s="160">
        <v>96</v>
      </c>
      <c r="ER13" s="165">
        <v>177</v>
      </c>
      <c r="ES13" s="162">
        <v>0</v>
      </c>
      <c r="ET13" s="160">
        <v>272</v>
      </c>
      <c r="EU13" s="160">
        <v>129</v>
      </c>
      <c r="EV13" s="160">
        <v>77</v>
      </c>
      <c r="EW13" s="160">
        <v>71</v>
      </c>
      <c r="EX13" s="160">
        <v>35</v>
      </c>
      <c r="EY13" s="165">
        <v>584</v>
      </c>
      <c r="EZ13" s="164">
        <v>761</v>
      </c>
    </row>
    <row r="14" spans="2:156" ht="21" customHeight="1" x14ac:dyDescent="0.2">
      <c r="B14" s="166" t="s">
        <v>11</v>
      </c>
      <c r="C14" s="159">
        <v>0</v>
      </c>
      <c r="D14" s="160">
        <v>0</v>
      </c>
      <c r="E14" s="161">
        <v>0</v>
      </c>
      <c r="F14" s="162">
        <v>0</v>
      </c>
      <c r="G14" s="160">
        <v>17</v>
      </c>
      <c r="H14" s="160">
        <v>12</v>
      </c>
      <c r="I14" s="160">
        <v>9</v>
      </c>
      <c r="J14" s="160">
        <v>13</v>
      </c>
      <c r="K14" s="160">
        <v>11</v>
      </c>
      <c r="L14" s="163">
        <v>62</v>
      </c>
      <c r="M14" s="164">
        <v>62</v>
      </c>
      <c r="N14" s="159">
        <v>0</v>
      </c>
      <c r="O14" s="160">
        <v>0</v>
      </c>
      <c r="P14" s="165">
        <v>0</v>
      </c>
      <c r="Q14" s="162">
        <v>0</v>
      </c>
      <c r="R14" s="160">
        <v>0</v>
      </c>
      <c r="S14" s="160">
        <v>2</v>
      </c>
      <c r="T14" s="160">
        <v>1</v>
      </c>
      <c r="U14" s="160">
        <v>3</v>
      </c>
      <c r="V14" s="160">
        <v>4</v>
      </c>
      <c r="W14" s="165">
        <v>10</v>
      </c>
      <c r="X14" s="164">
        <v>10</v>
      </c>
      <c r="Y14" s="159">
        <v>7</v>
      </c>
      <c r="Z14" s="160">
        <v>4</v>
      </c>
      <c r="AA14" s="165">
        <v>11</v>
      </c>
      <c r="AB14" s="162">
        <v>0</v>
      </c>
      <c r="AC14" s="160">
        <v>21</v>
      </c>
      <c r="AD14" s="160">
        <v>10</v>
      </c>
      <c r="AE14" s="160">
        <v>12</v>
      </c>
      <c r="AF14" s="160">
        <v>19</v>
      </c>
      <c r="AG14" s="160">
        <v>9</v>
      </c>
      <c r="AH14" s="165">
        <v>71</v>
      </c>
      <c r="AI14" s="164">
        <v>82</v>
      </c>
      <c r="AJ14" s="159">
        <v>0</v>
      </c>
      <c r="AK14" s="160">
        <v>2</v>
      </c>
      <c r="AL14" s="165">
        <v>2</v>
      </c>
      <c r="AM14" s="162">
        <v>0</v>
      </c>
      <c r="AN14" s="160">
        <v>2</v>
      </c>
      <c r="AO14" s="160">
        <v>2</v>
      </c>
      <c r="AP14" s="160">
        <v>0</v>
      </c>
      <c r="AQ14" s="160">
        <v>3</v>
      </c>
      <c r="AR14" s="160">
        <v>0</v>
      </c>
      <c r="AS14" s="165">
        <v>7</v>
      </c>
      <c r="AT14" s="164">
        <v>9</v>
      </c>
      <c r="AU14" s="159">
        <v>3</v>
      </c>
      <c r="AV14" s="160">
        <v>5</v>
      </c>
      <c r="AW14" s="165">
        <v>8</v>
      </c>
      <c r="AX14" s="162">
        <v>0</v>
      </c>
      <c r="AY14" s="160">
        <v>19</v>
      </c>
      <c r="AZ14" s="160">
        <v>35</v>
      </c>
      <c r="BA14" s="160">
        <v>13</v>
      </c>
      <c r="BB14" s="160">
        <v>31</v>
      </c>
      <c r="BC14" s="160">
        <v>12</v>
      </c>
      <c r="BD14" s="163">
        <v>110</v>
      </c>
      <c r="BE14" s="164">
        <v>118</v>
      </c>
      <c r="BF14" s="159">
        <v>0</v>
      </c>
      <c r="BG14" s="160">
        <v>0</v>
      </c>
      <c r="BH14" s="165">
        <v>0</v>
      </c>
      <c r="BI14" s="162">
        <v>0</v>
      </c>
      <c r="BJ14" s="160">
        <v>43</v>
      </c>
      <c r="BK14" s="160">
        <v>25</v>
      </c>
      <c r="BL14" s="160">
        <v>13</v>
      </c>
      <c r="BM14" s="160">
        <v>9</v>
      </c>
      <c r="BN14" s="160">
        <v>2</v>
      </c>
      <c r="BO14" s="165">
        <v>92</v>
      </c>
      <c r="BP14" s="164">
        <v>92</v>
      </c>
      <c r="BQ14" s="159">
        <v>6</v>
      </c>
      <c r="BR14" s="160">
        <v>3</v>
      </c>
      <c r="BS14" s="165">
        <v>9</v>
      </c>
      <c r="BT14" s="162">
        <v>0</v>
      </c>
      <c r="BU14" s="160">
        <v>22</v>
      </c>
      <c r="BV14" s="160">
        <v>11</v>
      </c>
      <c r="BW14" s="160">
        <v>8</v>
      </c>
      <c r="BX14" s="160">
        <v>11</v>
      </c>
      <c r="BY14" s="160">
        <v>0</v>
      </c>
      <c r="BZ14" s="165">
        <v>52</v>
      </c>
      <c r="CA14" s="164">
        <v>61</v>
      </c>
      <c r="CB14" s="159">
        <v>0</v>
      </c>
      <c r="CC14" s="160">
        <v>0</v>
      </c>
      <c r="CD14" s="165">
        <v>0</v>
      </c>
      <c r="CE14" s="162">
        <v>0</v>
      </c>
      <c r="CF14" s="160">
        <v>6</v>
      </c>
      <c r="CG14" s="160">
        <v>7</v>
      </c>
      <c r="CH14" s="160">
        <v>4</v>
      </c>
      <c r="CI14" s="160">
        <v>6</v>
      </c>
      <c r="CJ14" s="160">
        <v>2</v>
      </c>
      <c r="CK14" s="165">
        <v>25</v>
      </c>
      <c r="CL14" s="164">
        <v>25</v>
      </c>
      <c r="CM14" s="159">
        <v>0</v>
      </c>
      <c r="CN14" s="160">
        <v>0</v>
      </c>
      <c r="CO14" s="165">
        <v>0</v>
      </c>
      <c r="CP14" s="162">
        <v>0</v>
      </c>
      <c r="CQ14" s="160">
        <v>1</v>
      </c>
      <c r="CR14" s="160">
        <v>1</v>
      </c>
      <c r="CS14" s="160">
        <v>0</v>
      </c>
      <c r="CT14" s="160">
        <v>1</v>
      </c>
      <c r="CU14" s="160">
        <v>0</v>
      </c>
      <c r="CV14" s="165">
        <v>3</v>
      </c>
      <c r="CW14" s="164">
        <v>3</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4</v>
      </c>
      <c r="DU14" s="160">
        <v>26</v>
      </c>
      <c r="DV14" s="165">
        <v>40</v>
      </c>
      <c r="DW14" s="162">
        <v>0</v>
      </c>
      <c r="DX14" s="160">
        <v>48</v>
      </c>
      <c r="DY14" s="160">
        <v>50</v>
      </c>
      <c r="DZ14" s="160">
        <v>29</v>
      </c>
      <c r="EA14" s="160">
        <v>32</v>
      </c>
      <c r="EB14" s="160">
        <v>14</v>
      </c>
      <c r="EC14" s="165">
        <v>173</v>
      </c>
      <c r="ED14" s="164">
        <v>213</v>
      </c>
      <c r="EE14" s="159">
        <v>6</v>
      </c>
      <c r="EF14" s="160">
        <v>1</v>
      </c>
      <c r="EG14" s="165">
        <v>7</v>
      </c>
      <c r="EH14" s="162">
        <v>0</v>
      </c>
      <c r="EI14" s="160">
        <v>14</v>
      </c>
      <c r="EJ14" s="160">
        <v>13</v>
      </c>
      <c r="EK14" s="160">
        <v>7</v>
      </c>
      <c r="EL14" s="160">
        <v>16</v>
      </c>
      <c r="EM14" s="160">
        <v>2</v>
      </c>
      <c r="EN14" s="165">
        <v>52</v>
      </c>
      <c r="EO14" s="164">
        <v>59</v>
      </c>
      <c r="EP14" s="159">
        <v>23</v>
      </c>
      <c r="EQ14" s="160">
        <v>30</v>
      </c>
      <c r="ER14" s="165">
        <v>53</v>
      </c>
      <c r="ES14" s="162">
        <v>0</v>
      </c>
      <c r="ET14" s="160">
        <v>99</v>
      </c>
      <c r="EU14" s="160">
        <v>65</v>
      </c>
      <c r="EV14" s="160">
        <v>36</v>
      </c>
      <c r="EW14" s="160">
        <v>34</v>
      </c>
      <c r="EX14" s="160">
        <v>15</v>
      </c>
      <c r="EY14" s="165">
        <v>249</v>
      </c>
      <c r="EZ14" s="164">
        <v>302</v>
      </c>
    </row>
    <row r="15" spans="2:156" ht="21" customHeight="1" x14ac:dyDescent="0.2">
      <c r="B15" s="166" t="s">
        <v>12</v>
      </c>
      <c r="C15" s="159">
        <v>0</v>
      </c>
      <c r="D15" s="160">
        <v>0</v>
      </c>
      <c r="E15" s="161">
        <v>0</v>
      </c>
      <c r="F15" s="162">
        <v>0</v>
      </c>
      <c r="G15" s="160">
        <v>34</v>
      </c>
      <c r="H15" s="160">
        <v>37</v>
      </c>
      <c r="I15" s="160">
        <v>17</v>
      </c>
      <c r="J15" s="160">
        <v>24</v>
      </c>
      <c r="K15" s="160">
        <v>10</v>
      </c>
      <c r="L15" s="163">
        <v>122</v>
      </c>
      <c r="M15" s="164">
        <v>122</v>
      </c>
      <c r="N15" s="159">
        <v>0</v>
      </c>
      <c r="O15" s="160">
        <v>0</v>
      </c>
      <c r="P15" s="165">
        <v>0</v>
      </c>
      <c r="Q15" s="162">
        <v>0</v>
      </c>
      <c r="R15" s="160">
        <v>0</v>
      </c>
      <c r="S15" s="160">
        <v>0</v>
      </c>
      <c r="T15" s="160">
        <v>1</v>
      </c>
      <c r="U15" s="160">
        <v>8</v>
      </c>
      <c r="V15" s="160">
        <v>3</v>
      </c>
      <c r="W15" s="165">
        <v>12</v>
      </c>
      <c r="X15" s="164">
        <v>12</v>
      </c>
      <c r="Y15" s="159">
        <v>10</v>
      </c>
      <c r="Z15" s="160">
        <v>25</v>
      </c>
      <c r="AA15" s="165">
        <v>35</v>
      </c>
      <c r="AB15" s="162">
        <v>0</v>
      </c>
      <c r="AC15" s="160">
        <v>22</v>
      </c>
      <c r="AD15" s="160">
        <v>39</v>
      </c>
      <c r="AE15" s="160">
        <v>13</v>
      </c>
      <c r="AF15" s="160">
        <v>18</v>
      </c>
      <c r="AG15" s="160">
        <v>7</v>
      </c>
      <c r="AH15" s="165">
        <v>99</v>
      </c>
      <c r="AI15" s="164">
        <v>134</v>
      </c>
      <c r="AJ15" s="159">
        <v>0</v>
      </c>
      <c r="AK15" s="160">
        <v>1</v>
      </c>
      <c r="AL15" s="165">
        <v>1</v>
      </c>
      <c r="AM15" s="162">
        <v>0</v>
      </c>
      <c r="AN15" s="160">
        <v>2</v>
      </c>
      <c r="AO15" s="160">
        <v>2</v>
      </c>
      <c r="AP15" s="160">
        <v>0</v>
      </c>
      <c r="AQ15" s="160">
        <v>2</v>
      </c>
      <c r="AR15" s="160">
        <v>1</v>
      </c>
      <c r="AS15" s="165">
        <v>7</v>
      </c>
      <c r="AT15" s="164">
        <v>8</v>
      </c>
      <c r="AU15" s="159">
        <v>6</v>
      </c>
      <c r="AV15" s="160">
        <v>10</v>
      </c>
      <c r="AW15" s="165">
        <v>16</v>
      </c>
      <c r="AX15" s="162">
        <v>0</v>
      </c>
      <c r="AY15" s="160">
        <v>19</v>
      </c>
      <c r="AZ15" s="160">
        <v>38</v>
      </c>
      <c r="BA15" s="160">
        <v>28</v>
      </c>
      <c r="BB15" s="160">
        <v>41</v>
      </c>
      <c r="BC15" s="160">
        <v>15</v>
      </c>
      <c r="BD15" s="163">
        <v>141</v>
      </c>
      <c r="BE15" s="164">
        <v>157</v>
      </c>
      <c r="BF15" s="159">
        <v>0</v>
      </c>
      <c r="BG15" s="160">
        <v>0</v>
      </c>
      <c r="BH15" s="165">
        <v>0</v>
      </c>
      <c r="BI15" s="162">
        <v>0</v>
      </c>
      <c r="BJ15" s="160">
        <v>57</v>
      </c>
      <c r="BK15" s="160">
        <v>38</v>
      </c>
      <c r="BL15" s="160">
        <v>21</v>
      </c>
      <c r="BM15" s="160">
        <v>16</v>
      </c>
      <c r="BN15" s="160">
        <v>2</v>
      </c>
      <c r="BO15" s="165">
        <v>134</v>
      </c>
      <c r="BP15" s="164">
        <v>134</v>
      </c>
      <c r="BQ15" s="159">
        <v>7</v>
      </c>
      <c r="BR15" s="160">
        <v>13</v>
      </c>
      <c r="BS15" s="165">
        <v>20</v>
      </c>
      <c r="BT15" s="162">
        <v>0</v>
      </c>
      <c r="BU15" s="160">
        <v>10</v>
      </c>
      <c r="BV15" s="160">
        <v>16</v>
      </c>
      <c r="BW15" s="160">
        <v>10</v>
      </c>
      <c r="BX15" s="160">
        <v>10</v>
      </c>
      <c r="BY15" s="160">
        <v>2</v>
      </c>
      <c r="BZ15" s="165">
        <v>48</v>
      </c>
      <c r="CA15" s="164">
        <v>68</v>
      </c>
      <c r="CB15" s="159">
        <v>1</v>
      </c>
      <c r="CC15" s="160">
        <v>2</v>
      </c>
      <c r="CD15" s="165">
        <v>3</v>
      </c>
      <c r="CE15" s="162">
        <v>0</v>
      </c>
      <c r="CF15" s="160">
        <v>7</v>
      </c>
      <c r="CG15" s="160">
        <v>7</v>
      </c>
      <c r="CH15" s="160">
        <v>10</v>
      </c>
      <c r="CI15" s="160">
        <v>11</v>
      </c>
      <c r="CJ15" s="160">
        <v>3</v>
      </c>
      <c r="CK15" s="165">
        <v>38</v>
      </c>
      <c r="CL15" s="164">
        <v>41</v>
      </c>
      <c r="CM15" s="159">
        <v>0</v>
      </c>
      <c r="CN15" s="160">
        <v>0</v>
      </c>
      <c r="CO15" s="165">
        <v>0</v>
      </c>
      <c r="CP15" s="162">
        <v>0</v>
      </c>
      <c r="CQ15" s="160">
        <v>0</v>
      </c>
      <c r="CR15" s="160">
        <v>0</v>
      </c>
      <c r="CS15" s="160">
        <v>0</v>
      </c>
      <c r="CT15" s="160">
        <v>1</v>
      </c>
      <c r="CU15" s="160">
        <v>0</v>
      </c>
      <c r="CV15" s="165">
        <v>1</v>
      </c>
      <c r="CW15" s="164">
        <v>1</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29</v>
      </c>
      <c r="DU15" s="160">
        <v>56</v>
      </c>
      <c r="DV15" s="165">
        <v>85</v>
      </c>
      <c r="DW15" s="162">
        <v>0</v>
      </c>
      <c r="DX15" s="160">
        <v>37</v>
      </c>
      <c r="DY15" s="160">
        <v>88</v>
      </c>
      <c r="DZ15" s="160">
        <v>46</v>
      </c>
      <c r="EA15" s="160">
        <v>50</v>
      </c>
      <c r="EB15" s="160">
        <v>18</v>
      </c>
      <c r="EC15" s="165">
        <v>239</v>
      </c>
      <c r="ED15" s="164">
        <v>324</v>
      </c>
      <c r="EE15" s="159">
        <v>4</v>
      </c>
      <c r="EF15" s="160">
        <v>6</v>
      </c>
      <c r="EG15" s="165">
        <v>10</v>
      </c>
      <c r="EH15" s="162">
        <v>0</v>
      </c>
      <c r="EI15" s="160">
        <v>11</v>
      </c>
      <c r="EJ15" s="160">
        <v>14</v>
      </c>
      <c r="EK15" s="160">
        <v>10</v>
      </c>
      <c r="EL15" s="160">
        <v>15</v>
      </c>
      <c r="EM15" s="160">
        <v>4</v>
      </c>
      <c r="EN15" s="165">
        <v>54</v>
      </c>
      <c r="EO15" s="164">
        <v>64</v>
      </c>
      <c r="EP15" s="159">
        <v>43</v>
      </c>
      <c r="EQ15" s="160">
        <v>81</v>
      </c>
      <c r="ER15" s="165">
        <v>124</v>
      </c>
      <c r="ES15" s="162">
        <v>0</v>
      </c>
      <c r="ET15" s="160">
        <v>119</v>
      </c>
      <c r="EU15" s="160">
        <v>109</v>
      </c>
      <c r="EV15" s="160">
        <v>55</v>
      </c>
      <c r="EW15" s="160">
        <v>50</v>
      </c>
      <c r="EX15" s="160">
        <v>17</v>
      </c>
      <c r="EY15" s="165">
        <v>350</v>
      </c>
      <c r="EZ15" s="164">
        <v>474</v>
      </c>
    </row>
    <row r="16" spans="2:156" ht="21" customHeight="1" x14ac:dyDescent="0.2">
      <c r="B16" s="166" t="s">
        <v>13</v>
      </c>
      <c r="C16" s="159">
        <v>0</v>
      </c>
      <c r="D16" s="160">
        <v>0</v>
      </c>
      <c r="E16" s="161">
        <v>0</v>
      </c>
      <c r="F16" s="162">
        <v>0</v>
      </c>
      <c r="G16" s="160">
        <v>15</v>
      </c>
      <c r="H16" s="160">
        <v>20</v>
      </c>
      <c r="I16" s="160">
        <v>9</v>
      </c>
      <c r="J16" s="160">
        <v>8</v>
      </c>
      <c r="K16" s="160">
        <v>9</v>
      </c>
      <c r="L16" s="163">
        <v>61</v>
      </c>
      <c r="M16" s="164">
        <v>61</v>
      </c>
      <c r="N16" s="159">
        <v>0</v>
      </c>
      <c r="O16" s="160">
        <v>0</v>
      </c>
      <c r="P16" s="165">
        <v>0</v>
      </c>
      <c r="Q16" s="162">
        <v>0</v>
      </c>
      <c r="R16" s="160">
        <v>0</v>
      </c>
      <c r="S16" s="160">
        <v>0</v>
      </c>
      <c r="T16" s="160">
        <v>0</v>
      </c>
      <c r="U16" s="160">
        <v>2</v>
      </c>
      <c r="V16" s="160">
        <v>5</v>
      </c>
      <c r="W16" s="165">
        <v>7</v>
      </c>
      <c r="X16" s="164">
        <v>7</v>
      </c>
      <c r="Y16" s="159">
        <v>0</v>
      </c>
      <c r="Z16" s="160">
        <v>2</v>
      </c>
      <c r="AA16" s="165">
        <v>2</v>
      </c>
      <c r="AB16" s="162">
        <v>0</v>
      </c>
      <c r="AC16" s="160">
        <v>6</v>
      </c>
      <c r="AD16" s="160">
        <v>24</v>
      </c>
      <c r="AE16" s="160">
        <v>13</v>
      </c>
      <c r="AF16" s="160">
        <v>5</v>
      </c>
      <c r="AG16" s="160">
        <v>11</v>
      </c>
      <c r="AH16" s="165">
        <v>59</v>
      </c>
      <c r="AI16" s="164">
        <v>61</v>
      </c>
      <c r="AJ16" s="159">
        <v>1</v>
      </c>
      <c r="AK16" s="160">
        <v>0</v>
      </c>
      <c r="AL16" s="165">
        <v>1</v>
      </c>
      <c r="AM16" s="162">
        <v>0</v>
      </c>
      <c r="AN16" s="160">
        <v>1</v>
      </c>
      <c r="AO16" s="160">
        <v>1</v>
      </c>
      <c r="AP16" s="160">
        <v>1</v>
      </c>
      <c r="AQ16" s="160">
        <v>1</v>
      </c>
      <c r="AR16" s="160">
        <v>2</v>
      </c>
      <c r="AS16" s="165">
        <v>6</v>
      </c>
      <c r="AT16" s="164">
        <v>7</v>
      </c>
      <c r="AU16" s="159">
        <v>1</v>
      </c>
      <c r="AV16" s="160">
        <v>0</v>
      </c>
      <c r="AW16" s="165">
        <v>1</v>
      </c>
      <c r="AX16" s="162">
        <v>0</v>
      </c>
      <c r="AY16" s="160">
        <v>14</v>
      </c>
      <c r="AZ16" s="160">
        <v>22</v>
      </c>
      <c r="BA16" s="160">
        <v>20</v>
      </c>
      <c r="BB16" s="160">
        <v>17</v>
      </c>
      <c r="BC16" s="160">
        <v>14</v>
      </c>
      <c r="BD16" s="163">
        <v>87</v>
      </c>
      <c r="BE16" s="164">
        <v>88</v>
      </c>
      <c r="BF16" s="159">
        <v>0</v>
      </c>
      <c r="BG16" s="160">
        <v>0</v>
      </c>
      <c r="BH16" s="165">
        <v>0</v>
      </c>
      <c r="BI16" s="162">
        <v>0</v>
      </c>
      <c r="BJ16" s="160">
        <v>17</v>
      </c>
      <c r="BK16" s="160">
        <v>15</v>
      </c>
      <c r="BL16" s="160">
        <v>10</v>
      </c>
      <c r="BM16" s="160">
        <v>4</v>
      </c>
      <c r="BN16" s="160">
        <v>1</v>
      </c>
      <c r="BO16" s="165">
        <v>47</v>
      </c>
      <c r="BP16" s="164">
        <v>47</v>
      </c>
      <c r="BQ16" s="159">
        <v>0</v>
      </c>
      <c r="BR16" s="160">
        <v>1</v>
      </c>
      <c r="BS16" s="165">
        <v>1</v>
      </c>
      <c r="BT16" s="162">
        <v>0</v>
      </c>
      <c r="BU16" s="160">
        <v>6</v>
      </c>
      <c r="BV16" s="160">
        <v>3</v>
      </c>
      <c r="BW16" s="160">
        <v>2</v>
      </c>
      <c r="BX16" s="160">
        <v>0</v>
      </c>
      <c r="BY16" s="160">
        <v>2</v>
      </c>
      <c r="BZ16" s="165">
        <v>13</v>
      </c>
      <c r="CA16" s="164">
        <v>14</v>
      </c>
      <c r="CB16" s="159">
        <v>0</v>
      </c>
      <c r="CC16" s="160">
        <v>1</v>
      </c>
      <c r="CD16" s="165">
        <v>1</v>
      </c>
      <c r="CE16" s="162">
        <v>0</v>
      </c>
      <c r="CF16" s="160">
        <v>3</v>
      </c>
      <c r="CG16" s="160">
        <v>2</v>
      </c>
      <c r="CH16" s="160">
        <v>3</v>
      </c>
      <c r="CI16" s="160">
        <v>1</v>
      </c>
      <c r="CJ16" s="160">
        <v>2</v>
      </c>
      <c r="CK16" s="165">
        <v>11</v>
      </c>
      <c r="CL16" s="164">
        <v>12</v>
      </c>
      <c r="CM16" s="159">
        <v>0</v>
      </c>
      <c r="CN16" s="160">
        <v>0</v>
      </c>
      <c r="CO16" s="165">
        <v>0</v>
      </c>
      <c r="CP16" s="162">
        <v>0</v>
      </c>
      <c r="CQ16" s="160">
        <v>0</v>
      </c>
      <c r="CR16" s="160">
        <v>1</v>
      </c>
      <c r="CS16" s="160">
        <v>0</v>
      </c>
      <c r="CT16" s="160">
        <v>0</v>
      </c>
      <c r="CU16" s="160">
        <v>0</v>
      </c>
      <c r="CV16" s="165">
        <v>1</v>
      </c>
      <c r="CW16" s="164">
        <v>1</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2</v>
      </c>
      <c r="DU16" s="160">
        <v>8</v>
      </c>
      <c r="DV16" s="165">
        <v>10</v>
      </c>
      <c r="DW16" s="162">
        <v>0</v>
      </c>
      <c r="DX16" s="160">
        <v>19</v>
      </c>
      <c r="DY16" s="160">
        <v>40</v>
      </c>
      <c r="DZ16" s="160">
        <v>20</v>
      </c>
      <c r="EA16" s="160">
        <v>15</v>
      </c>
      <c r="EB16" s="160">
        <v>11</v>
      </c>
      <c r="EC16" s="165">
        <v>105</v>
      </c>
      <c r="ED16" s="164">
        <v>115</v>
      </c>
      <c r="EE16" s="159">
        <v>1</v>
      </c>
      <c r="EF16" s="160">
        <v>0</v>
      </c>
      <c r="EG16" s="165">
        <v>1</v>
      </c>
      <c r="EH16" s="162">
        <v>0</v>
      </c>
      <c r="EI16" s="160">
        <v>9</v>
      </c>
      <c r="EJ16" s="160">
        <v>8</v>
      </c>
      <c r="EK16" s="160">
        <v>12</v>
      </c>
      <c r="EL16" s="160">
        <v>8</v>
      </c>
      <c r="EM16" s="160">
        <v>4</v>
      </c>
      <c r="EN16" s="165">
        <v>41</v>
      </c>
      <c r="EO16" s="164">
        <v>42</v>
      </c>
      <c r="EP16" s="159">
        <v>4</v>
      </c>
      <c r="EQ16" s="160">
        <v>9</v>
      </c>
      <c r="ER16" s="165">
        <v>13</v>
      </c>
      <c r="ES16" s="162">
        <v>0</v>
      </c>
      <c r="ET16" s="160">
        <v>55</v>
      </c>
      <c r="EU16" s="160">
        <v>56</v>
      </c>
      <c r="EV16" s="160">
        <v>33</v>
      </c>
      <c r="EW16" s="160">
        <v>17</v>
      </c>
      <c r="EX16" s="160">
        <v>12</v>
      </c>
      <c r="EY16" s="165">
        <v>173</v>
      </c>
      <c r="EZ16" s="164">
        <v>186</v>
      </c>
    </row>
    <row r="17" spans="2:156" ht="21" customHeight="1" x14ac:dyDescent="0.2">
      <c r="B17" s="166" t="s">
        <v>15</v>
      </c>
      <c r="C17" s="159">
        <v>0</v>
      </c>
      <c r="D17" s="160">
        <v>0</v>
      </c>
      <c r="E17" s="161">
        <v>0</v>
      </c>
      <c r="F17" s="162">
        <v>0</v>
      </c>
      <c r="G17" s="160">
        <v>5</v>
      </c>
      <c r="H17" s="160">
        <v>4</v>
      </c>
      <c r="I17" s="160">
        <v>1</v>
      </c>
      <c r="J17" s="160">
        <v>5</v>
      </c>
      <c r="K17" s="160">
        <v>1</v>
      </c>
      <c r="L17" s="163">
        <v>16</v>
      </c>
      <c r="M17" s="164">
        <v>16</v>
      </c>
      <c r="N17" s="159">
        <v>0</v>
      </c>
      <c r="O17" s="160">
        <v>0</v>
      </c>
      <c r="P17" s="165">
        <v>0</v>
      </c>
      <c r="Q17" s="162">
        <v>0</v>
      </c>
      <c r="R17" s="160">
        <v>0</v>
      </c>
      <c r="S17" s="160">
        <v>1</v>
      </c>
      <c r="T17" s="160">
        <v>0</v>
      </c>
      <c r="U17" s="160">
        <v>1</v>
      </c>
      <c r="V17" s="160">
        <v>0</v>
      </c>
      <c r="W17" s="165">
        <v>2</v>
      </c>
      <c r="X17" s="164">
        <v>2</v>
      </c>
      <c r="Y17" s="159">
        <v>0</v>
      </c>
      <c r="Z17" s="160">
        <v>1</v>
      </c>
      <c r="AA17" s="165">
        <v>1</v>
      </c>
      <c r="AB17" s="162">
        <v>0</v>
      </c>
      <c r="AC17" s="160">
        <v>5</v>
      </c>
      <c r="AD17" s="160">
        <v>3</v>
      </c>
      <c r="AE17" s="160">
        <v>4</v>
      </c>
      <c r="AF17" s="160">
        <v>5</v>
      </c>
      <c r="AG17" s="160">
        <v>0</v>
      </c>
      <c r="AH17" s="165">
        <v>17</v>
      </c>
      <c r="AI17" s="164">
        <v>18</v>
      </c>
      <c r="AJ17" s="159">
        <v>0</v>
      </c>
      <c r="AK17" s="160">
        <v>0</v>
      </c>
      <c r="AL17" s="165">
        <v>0</v>
      </c>
      <c r="AM17" s="162">
        <v>0</v>
      </c>
      <c r="AN17" s="160">
        <v>1</v>
      </c>
      <c r="AO17" s="160">
        <v>2</v>
      </c>
      <c r="AP17" s="160">
        <v>0</v>
      </c>
      <c r="AQ17" s="160">
        <v>0</v>
      </c>
      <c r="AR17" s="160">
        <v>0</v>
      </c>
      <c r="AS17" s="165">
        <v>3</v>
      </c>
      <c r="AT17" s="164">
        <v>3</v>
      </c>
      <c r="AU17" s="159">
        <v>0</v>
      </c>
      <c r="AV17" s="160">
        <v>1</v>
      </c>
      <c r="AW17" s="165">
        <v>1</v>
      </c>
      <c r="AX17" s="162">
        <v>0</v>
      </c>
      <c r="AY17" s="160">
        <v>12</v>
      </c>
      <c r="AZ17" s="160">
        <v>5</v>
      </c>
      <c r="BA17" s="160">
        <v>8</v>
      </c>
      <c r="BB17" s="160">
        <v>7</v>
      </c>
      <c r="BC17" s="160">
        <v>2</v>
      </c>
      <c r="BD17" s="163">
        <v>34</v>
      </c>
      <c r="BE17" s="164">
        <v>35</v>
      </c>
      <c r="BF17" s="159">
        <v>0</v>
      </c>
      <c r="BG17" s="160">
        <v>0</v>
      </c>
      <c r="BH17" s="165">
        <v>0</v>
      </c>
      <c r="BI17" s="162">
        <v>0</v>
      </c>
      <c r="BJ17" s="160">
        <v>4</v>
      </c>
      <c r="BK17" s="160">
        <v>3</v>
      </c>
      <c r="BL17" s="160">
        <v>3</v>
      </c>
      <c r="BM17" s="160">
        <v>1</v>
      </c>
      <c r="BN17" s="160">
        <v>0</v>
      </c>
      <c r="BO17" s="165">
        <v>11</v>
      </c>
      <c r="BP17" s="164">
        <v>11</v>
      </c>
      <c r="BQ17" s="159">
        <v>1</v>
      </c>
      <c r="BR17" s="160">
        <v>0</v>
      </c>
      <c r="BS17" s="165">
        <v>1</v>
      </c>
      <c r="BT17" s="162">
        <v>0</v>
      </c>
      <c r="BU17" s="160">
        <v>1</v>
      </c>
      <c r="BV17" s="160">
        <v>0</v>
      </c>
      <c r="BW17" s="160">
        <v>4</v>
      </c>
      <c r="BX17" s="160">
        <v>0</v>
      </c>
      <c r="BY17" s="160">
        <v>0</v>
      </c>
      <c r="BZ17" s="165">
        <v>5</v>
      </c>
      <c r="CA17" s="164">
        <v>6</v>
      </c>
      <c r="CB17" s="159">
        <v>0</v>
      </c>
      <c r="CC17" s="160">
        <v>0</v>
      </c>
      <c r="CD17" s="165">
        <v>0</v>
      </c>
      <c r="CE17" s="162">
        <v>0</v>
      </c>
      <c r="CF17" s="160">
        <v>0</v>
      </c>
      <c r="CG17" s="160">
        <v>1</v>
      </c>
      <c r="CH17" s="160">
        <v>0</v>
      </c>
      <c r="CI17" s="160">
        <v>2</v>
      </c>
      <c r="CJ17" s="160">
        <v>0</v>
      </c>
      <c r="CK17" s="165">
        <v>3</v>
      </c>
      <c r="CL17" s="164">
        <v>3</v>
      </c>
      <c r="CM17" s="159">
        <v>0</v>
      </c>
      <c r="CN17" s="160">
        <v>0</v>
      </c>
      <c r="CO17" s="165">
        <v>0</v>
      </c>
      <c r="CP17" s="162">
        <v>0</v>
      </c>
      <c r="CQ17" s="160">
        <v>0</v>
      </c>
      <c r="CR17" s="160">
        <v>0</v>
      </c>
      <c r="CS17" s="160">
        <v>0</v>
      </c>
      <c r="CT17" s="160">
        <v>0</v>
      </c>
      <c r="CU17" s="160">
        <v>0</v>
      </c>
      <c r="CV17" s="165">
        <v>0</v>
      </c>
      <c r="CW17" s="164">
        <v>0</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3</v>
      </c>
      <c r="DU17" s="160">
        <v>7</v>
      </c>
      <c r="DV17" s="165">
        <v>10</v>
      </c>
      <c r="DW17" s="162">
        <v>0</v>
      </c>
      <c r="DX17" s="160">
        <v>5</v>
      </c>
      <c r="DY17" s="160">
        <v>10</v>
      </c>
      <c r="DZ17" s="160">
        <v>15</v>
      </c>
      <c r="EA17" s="160">
        <v>7</v>
      </c>
      <c r="EB17" s="160">
        <v>3</v>
      </c>
      <c r="EC17" s="165">
        <v>40</v>
      </c>
      <c r="ED17" s="164">
        <v>50</v>
      </c>
      <c r="EE17" s="159">
        <v>2</v>
      </c>
      <c r="EF17" s="160">
        <v>3</v>
      </c>
      <c r="EG17" s="165">
        <v>5</v>
      </c>
      <c r="EH17" s="162">
        <v>0</v>
      </c>
      <c r="EI17" s="160">
        <v>8</v>
      </c>
      <c r="EJ17" s="160">
        <v>2</v>
      </c>
      <c r="EK17" s="160">
        <v>5</v>
      </c>
      <c r="EL17" s="160">
        <v>2</v>
      </c>
      <c r="EM17" s="160">
        <v>0</v>
      </c>
      <c r="EN17" s="165">
        <v>17</v>
      </c>
      <c r="EO17" s="164">
        <v>22</v>
      </c>
      <c r="EP17" s="159">
        <v>4</v>
      </c>
      <c r="EQ17" s="160">
        <v>9</v>
      </c>
      <c r="ER17" s="165">
        <v>13</v>
      </c>
      <c r="ES17" s="162">
        <v>0</v>
      </c>
      <c r="ET17" s="160">
        <v>22</v>
      </c>
      <c r="EU17" s="160">
        <v>16</v>
      </c>
      <c r="EV17" s="160">
        <v>13</v>
      </c>
      <c r="EW17" s="160">
        <v>10</v>
      </c>
      <c r="EX17" s="160">
        <v>2</v>
      </c>
      <c r="EY17" s="165">
        <v>63</v>
      </c>
      <c r="EZ17" s="164">
        <v>76</v>
      </c>
    </row>
    <row r="18" spans="2:156" ht="21" customHeight="1" x14ac:dyDescent="0.2">
      <c r="B18" s="166" t="s">
        <v>16</v>
      </c>
      <c r="C18" s="159">
        <v>0</v>
      </c>
      <c r="D18" s="160">
        <v>0</v>
      </c>
      <c r="E18" s="161">
        <v>0</v>
      </c>
      <c r="F18" s="162">
        <v>0</v>
      </c>
      <c r="G18" s="160">
        <v>7</v>
      </c>
      <c r="H18" s="160">
        <v>11</v>
      </c>
      <c r="I18" s="160">
        <v>7</v>
      </c>
      <c r="J18" s="160">
        <v>3</v>
      </c>
      <c r="K18" s="160">
        <v>4</v>
      </c>
      <c r="L18" s="163">
        <v>32</v>
      </c>
      <c r="M18" s="164">
        <v>32</v>
      </c>
      <c r="N18" s="159">
        <v>0</v>
      </c>
      <c r="O18" s="160">
        <v>0</v>
      </c>
      <c r="P18" s="165">
        <v>0</v>
      </c>
      <c r="Q18" s="162">
        <v>0</v>
      </c>
      <c r="R18" s="160">
        <v>0</v>
      </c>
      <c r="S18" s="160">
        <v>0</v>
      </c>
      <c r="T18" s="160">
        <v>1</v>
      </c>
      <c r="U18" s="160">
        <v>2</v>
      </c>
      <c r="V18" s="160">
        <v>3</v>
      </c>
      <c r="W18" s="165">
        <v>6</v>
      </c>
      <c r="X18" s="164">
        <v>6</v>
      </c>
      <c r="Y18" s="159">
        <v>5</v>
      </c>
      <c r="Z18" s="160">
        <v>5</v>
      </c>
      <c r="AA18" s="165">
        <v>10</v>
      </c>
      <c r="AB18" s="162">
        <v>0</v>
      </c>
      <c r="AC18" s="160">
        <v>10</v>
      </c>
      <c r="AD18" s="160">
        <v>22</v>
      </c>
      <c r="AE18" s="160">
        <v>6</v>
      </c>
      <c r="AF18" s="160">
        <v>7</v>
      </c>
      <c r="AG18" s="160">
        <v>5</v>
      </c>
      <c r="AH18" s="165">
        <v>50</v>
      </c>
      <c r="AI18" s="164">
        <v>60</v>
      </c>
      <c r="AJ18" s="159">
        <v>1</v>
      </c>
      <c r="AK18" s="160">
        <v>0</v>
      </c>
      <c r="AL18" s="165">
        <v>1</v>
      </c>
      <c r="AM18" s="162">
        <v>0</v>
      </c>
      <c r="AN18" s="160">
        <v>1</v>
      </c>
      <c r="AO18" s="160">
        <v>2</v>
      </c>
      <c r="AP18" s="160">
        <v>0</v>
      </c>
      <c r="AQ18" s="160">
        <v>1</v>
      </c>
      <c r="AR18" s="160">
        <v>0</v>
      </c>
      <c r="AS18" s="165">
        <v>4</v>
      </c>
      <c r="AT18" s="164">
        <v>5</v>
      </c>
      <c r="AU18" s="159">
        <v>3</v>
      </c>
      <c r="AV18" s="160">
        <v>4</v>
      </c>
      <c r="AW18" s="165">
        <v>7</v>
      </c>
      <c r="AX18" s="162">
        <v>0</v>
      </c>
      <c r="AY18" s="160">
        <v>10</v>
      </c>
      <c r="AZ18" s="160">
        <v>23</v>
      </c>
      <c r="BA18" s="160">
        <v>14</v>
      </c>
      <c r="BB18" s="160">
        <v>15</v>
      </c>
      <c r="BC18" s="160">
        <v>15</v>
      </c>
      <c r="BD18" s="163">
        <v>77</v>
      </c>
      <c r="BE18" s="164">
        <v>84</v>
      </c>
      <c r="BF18" s="159">
        <v>0</v>
      </c>
      <c r="BG18" s="160">
        <v>0</v>
      </c>
      <c r="BH18" s="165">
        <v>0</v>
      </c>
      <c r="BI18" s="162">
        <v>0</v>
      </c>
      <c r="BJ18" s="160">
        <v>16</v>
      </c>
      <c r="BK18" s="160">
        <v>27</v>
      </c>
      <c r="BL18" s="160">
        <v>8</v>
      </c>
      <c r="BM18" s="160">
        <v>5</v>
      </c>
      <c r="BN18" s="160">
        <v>0</v>
      </c>
      <c r="BO18" s="165">
        <v>56</v>
      </c>
      <c r="BP18" s="164">
        <v>56</v>
      </c>
      <c r="BQ18" s="159">
        <v>2</v>
      </c>
      <c r="BR18" s="160">
        <v>8</v>
      </c>
      <c r="BS18" s="165">
        <v>10</v>
      </c>
      <c r="BT18" s="162">
        <v>0</v>
      </c>
      <c r="BU18" s="160">
        <v>10</v>
      </c>
      <c r="BV18" s="160">
        <v>29</v>
      </c>
      <c r="BW18" s="160">
        <v>7</v>
      </c>
      <c r="BX18" s="160">
        <v>1</v>
      </c>
      <c r="BY18" s="160">
        <v>1</v>
      </c>
      <c r="BZ18" s="165">
        <v>48</v>
      </c>
      <c r="CA18" s="164">
        <v>58</v>
      </c>
      <c r="CB18" s="159">
        <v>0</v>
      </c>
      <c r="CC18" s="160">
        <v>1</v>
      </c>
      <c r="CD18" s="165">
        <v>1</v>
      </c>
      <c r="CE18" s="162">
        <v>0</v>
      </c>
      <c r="CF18" s="160">
        <v>0</v>
      </c>
      <c r="CG18" s="160">
        <v>4</v>
      </c>
      <c r="CH18" s="160">
        <v>1</v>
      </c>
      <c r="CI18" s="160">
        <v>1</v>
      </c>
      <c r="CJ18" s="160">
        <v>1</v>
      </c>
      <c r="CK18" s="165">
        <v>7</v>
      </c>
      <c r="CL18" s="164">
        <v>8</v>
      </c>
      <c r="CM18" s="159">
        <v>0</v>
      </c>
      <c r="CN18" s="160">
        <v>0</v>
      </c>
      <c r="CO18" s="165">
        <v>0</v>
      </c>
      <c r="CP18" s="162">
        <v>0</v>
      </c>
      <c r="CQ18" s="160">
        <v>1</v>
      </c>
      <c r="CR18" s="160">
        <v>1</v>
      </c>
      <c r="CS18" s="160">
        <v>2</v>
      </c>
      <c r="CT18" s="160">
        <v>0</v>
      </c>
      <c r="CU18" s="160">
        <v>0</v>
      </c>
      <c r="CV18" s="165">
        <v>4</v>
      </c>
      <c r="CW18" s="164">
        <v>4</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2</v>
      </c>
      <c r="DU18" s="160">
        <v>23</v>
      </c>
      <c r="DV18" s="165">
        <v>35</v>
      </c>
      <c r="DW18" s="162">
        <v>0</v>
      </c>
      <c r="DX18" s="160">
        <v>22</v>
      </c>
      <c r="DY18" s="160">
        <v>49</v>
      </c>
      <c r="DZ18" s="160">
        <v>29</v>
      </c>
      <c r="EA18" s="160">
        <v>15</v>
      </c>
      <c r="EB18" s="160">
        <v>10</v>
      </c>
      <c r="EC18" s="165">
        <v>125</v>
      </c>
      <c r="ED18" s="164">
        <v>160</v>
      </c>
      <c r="EE18" s="159">
        <v>4</v>
      </c>
      <c r="EF18" s="160">
        <v>0</v>
      </c>
      <c r="EG18" s="165">
        <v>4</v>
      </c>
      <c r="EH18" s="162">
        <v>0</v>
      </c>
      <c r="EI18" s="160">
        <v>8</v>
      </c>
      <c r="EJ18" s="160">
        <v>12</v>
      </c>
      <c r="EK18" s="160">
        <v>6</v>
      </c>
      <c r="EL18" s="160">
        <v>10</v>
      </c>
      <c r="EM18" s="160">
        <v>7</v>
      </c>
      <c r="EN18" s="165">
        <v>43</v>
      </c>
      <c r="EO18" s="164">
        <v>47</v>
      </c>
      <c r="EP18" s="159">
        <v>18</v>
      </c>
      <c r="EQ18" s="160">
        <v>30</v>
      </c>
      <c r="ER18" s="165">
        <v>48</v>
      </c>
      <c r="ES18" s="162">
        <v>0</v>
      </c>
      <c r="ET18" s="160">
        <v>48</v>
      </c>
      <c r="EU18" s="160">
        <v>72</v>
      </c>
      <c r="EV18" s="160">
        <v>29</v>
      </c>
      <c r="EW18" s="160">
        <v>15</v>
      </c>
      <c r="EX18" s="160">
        <v>9</v>
      </c>
      <c r="EY18" s="165">
        <v>173</v>
      </c>
      <c r="EZ18" s="164">
        <v>221</v>
      </c>
    </row>
    <row r="19" spans="2:156" ht="21" customHeight="1" x14ac:dyDescent="0.2">
      <c r="B19" s="166" t="s">
        <v>17</v>
      </c>
      <c r="C19" s="159">
        <v>0</v>
      </c>
      <c r="D19" s="160">
        <v>0</v>
      </c>
      <c r="E19" s="161">
        <v>0</v>
      </c>
      <c r="F19" s="162">
        <v>0</v>
      </c>
      <c r="G19" s="160">
        <v>15</v>
      </c>
      <c r="H19" s="160">
        <v>21</v>
      </c>
      <c r="I19" s="160">
        <v>14</v>
      </c>
      <c r="J19" s="160">
        <v>3</v>
      </c>
      <c r="K19" s="160">
        <v>3</v>
      </c>
      <c r="L19" s="163">
        <v>56</v>
      </c>
      <c r="M19" s="164">
        <v>56</v>
      </c>
      <c r="N19" s="159">
        <v>0</v>
      </c>
      <c r="O19" s="160">
        <v>0</v>
      </c>
      <c r="P19" s="165">
        <v>0</v>
      </c>
      <c r="Q19" s="162">
        <v>0</v>
      </c>
      <c r="R19" s="160">
        <v>0</v>
      </c>
      <c r="S19" s="160">
        <v>1</v>
      </c>
      <c r="T19" s="160">
        <v>1</v>
      </c>
      <c r="U19" s="160">
        <v>1</v>
      </c>
      <c r="V19" s="160">
        <v>1</v>
      </c>
      <c r="W19" s="165">
        <v>4</v>
      </c>
      <c r="X19" s="164">
        <v>4</v>
      </c>
      <c r="Y19" s="159">
        <v>0</v>
      </c>
      <c r="Z19" s="160">
        <v>3</v>
      </c>
      <c r="AA19" s="165">
        <v>3</v>
      </c>
      <c r="AB19" s="162">
        <v>0</v>
      </c>
      <c r="AC19" s="160">
        <v>12</v>
      </c>
      <c r="AD19" s="160">
        <v>17</v>
      </c>
      <c r="AE19" s="160">
        <v>19</v>
      </c>
      <c r="AF19" s="160">
        <v>3</v>
      </c>
      <c r="AG19" s="160">
        <v>4</v>
      </c>
      <c r="AH19" s="165">
        <v>55</v>
      </c>
      <c r="AI19" s="164">
        <v>58</v>
      </c>
      <c r="AJ19" s="159">
        <v>0</v>
      </c>
      <c r="AK19" s="160">
        <v>1</v>
      </c>
      <c r="AL19" s="165">
        <v>1</v>
      </c>
      <c r="AM19" s="162">
        <v>0</v>
      </c>
      <c r="AN19" s="160">
        <v>1</v>
      </c>
      <c r="AO19" s="160">
        <v>1</v>
      </c>
      <c r="AP19" s="160">
        <v>2</v>
      </c>
      <c r="AQ19" s="160">
        <v>0</v>
      </c>
      <c r="AR19" s="160">
        <v>0</v>
      </c>
      <c r="AS19" s="165">
        <v>4</v>
      </c>
      <c r="AT19" s="164">
        <v>5</v>
      </c>
      <c r="AU19" s="159">
        <v>9</v>
      </c>
      <c r="AV19" s="160">
        <v>3</v>
      </c>
      <c r="AW19" s="165">
        <v>12</v>
      </c>
      <c r="AX19" s="162">
        <v>0</v>
      </c>
      <c r="AY19" s="160">
        <v>17</v>
      </c>
      <c r="AZ19" s="160">
        <v>26</v>
      </c>
      <c r="BA19" s="160">
        <v>25</v>
      </c>
      <c r="BB19" s="160">
        <v>9</v>
      </c>
      <c r="BC19" s="160">
        <v>8</v>
      </c>
      <c r="BD19" s="163">
        <v>85</v>
      </c>
      <c r="BE19" s="164">
        <v>97</v>
      </c>
      <c r="BF19" s="159">
        <v>0</v>
      </c>
      <c r="BG19" s="160">
        <v>0</v>
      </c>
      <c r="BH19" s="165">
        <v>0</v>
      </c>
      <c r="BI19" s="162">
        <v>0</v>
      </c>
      <c r="BJ19" s="160">
        <v>17</v>
      </c>
      <c r="BK19" s="160">
        <v>30</v>
      </c>
      <c r="BL19" s="160">
        <v>9</v>
      </c>
      <c r="BM19" s="160">
        <v>3</v>
      </c>
      <c r="BN19" s="160">
        <v>2</v>
      </c>
      <c r="BO19" s="165">
        <v>61</v>
      </c>
      <c r="BP19" s="164">
        <v>61</v>
      </c>
      <c r="BQ19" s="159">
        <v>5</v>
      </c>
      <c r="BR19" s="160">
        <v>2</v>
      </c>
      <c r="BS19" s="165">
        <v>7</v>
      </c>
      <c r="BT19" s="162">
        <v>0</v>
      </c>
      <c r="BU19" s="160">
        <v>3</v>
      </c>
      <c r="BV19" s="160">
        <v>14</v>
      </c>
      <c r="BW19" s="160">
        <v>5</v>
      </c>
      <c r="BX19" s="160">
        <v>1</v>
      </c>
      <c r="BY19" s="160">
        <v>0</v>
      </c>
      <c r="BZ19" s="165">
        <v>23</v>
      </c>
      <c r="CA19" s="164">
        <v>30</v>
      </c>
      <c r="CB19" s="159">
        <v>0</v>
      </c>
      <c r="CC19" s="160">
        <v>0</v>
      </c>
      <c r="CD19" s="165">
        <v>0</v>
      </c>
      <c r="CE19" s="162">
        <v>0</v>
      </c>
      <c r="CF19" s="160">
        <v>3</v>
      </c>
      <c r="CG19" s="160">
        <v>10</v>
      </c>
      <c r="CH19" s="160">
        <v>5</v>
      </c>
      <c r="CI19" s="160">
        <v>7</v>
      </c>
      <c r="CJ19" s="160">
        <v>1</v>
      </c>
      <c r="CK19" s="165">
        <v>26</v>
      </c>
      <c r="CL19" s="164">
        <v>26</v>
      </c>
      <c r="CM19" s="159">
        <v>0</v>
      </c>
      <c r="CN19" s="160">
        <v>0</v>
      </c>
      <c r="CO19" s="165">
        <v>0</v>
      </c>
      <c r="CP19" s="162">
        <v>0</v>
      </c>
      <c r="CQ19" s="160">
        <v>0</v>
      </c>
      <c r="CR19" s="160">
        <v>0</v>
      </c>
      <c r="CS19" s="160">
        <v>1</v>
      </c>
      <c r="CT19" s="160">
        <v>0</v>
      </c>
      <c r="CU19" s="160">
        <v>0</v>
      </c>
      <c r="CV19" s="165">
        <v>1</v>
      </c>
      <c r="CW19" s="164">
        <v>1</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1</v>
      </c>
      <c r="DU19" s="160">
        <v>27</v>
      </c>
      <c r="DV19" s="165">
        <v>38</v>
      </c>
      <c r="DW19" s="162">
        <v>0</v>
      </c>
      <c r="DX19" s="160">
        <v>19</v>
      </c>
      <c r="DY19" s="160">
        <v>77</v>
      </c>
      <c r="DZ19" s="160">
        <v>30</v>
      </c>
      <c r="EA19" s="160">
        <v>12</v>
      </c>
      <c r="EB19" s="160">
        <v>8</v>
      </c>
      <c r="EC19" s="165">
        <v>146</v>
      </c>
      <c r="ED19" s="164">
        <v>184</v>
      </c>
      <c r="EE19" s="159">
        <v>5</v>
      </c>
      <c r="EF19" s="160">
        <v>2</v>
      </c>
      <c r="EG19" s="165">
        <v>7</v>
      </c>
      <c r="EH19" s="162">
        <v>0</v>
      </c>
      <c r="EI19" s="160">
        <v>9</v>
      </c>
      <c r="EJ19" s="160">
        <v>13</v>
      </c>
      <c r="EK19" s="160">
        <v>7</v>
      </c>
      <c r="EL19" s="160">
        <v>3</v>
      </c>
      <c r="EM19" s="160">
        <v>2</v>
      </c>
      <c r="EN19" s="165">
        <v>34</v>
      </c>
      <c r="EO19" s="164">
        <v>41</v>
      </c>
      <c r="EP19" s="159">
        <v>17</v>
      </c>
      <c r="EQ19" s="160">
        <v>30</v>
      </c>
      <c r="ER19" s="165">
        <v>47</v>
      </c>
      <c r="ES19" s="162">
        <v>0</v>
      </c>
      <c r="ET19" s="160">
        <v>67</v>
      </c>
      <c r="EU19" s="160">
        <v>95</v>
      </c>
      <c r="EV19" s="160">
        <v>37</v>
      </c>
      <c r="EW19" s="160">
        <v>14</v>
      </c>
      <c r="EX19" s="160">
        <v>7</v>
      </c>
      <c r="EY19" s="165">
        <v>220</v>
      </c>
      <c r="EZ19" s="164">
        <v>267</v>
      </c>
    </row>
    <row r="20" spans="2:156" ht="21" customHeight="1" x14ac:dyDescent="0.2">
      <c r="B20" s="166" t="s">
        <v>18</v>
      </c>
      <c r="C20" s="159">
        <v>0</v>
      </c>
      <c r="D20" s="160">
        <v>0</v>
      </c>
      <c r="E20" s="161">
        <v>0</v>
      </c>
      <c r="F20" s="162">
        <v>0</v>
      </c>
      <c r="G20" s="160">
        <v>24</v>
      </c>
      <c r="H20" s="160">
        <v>25</v>
      </c>
      <c r="I20" s="160">
        <v>13</v>
      </c>
      <c r="J20" s="160">
        <v>8</v>
      </c>
      <c r="K20" s="160">
        <v>7</v>
      </c>
      <c r="L20" s="163">
        <v>77</v>
      </c>
      <c r="M20" s="164">
        <v>77</v>
      </c>
      <c r="N20" s="159">
        <v>0</v>
      </c>
      <c r="O20" s="160">
        <v>0</v>
      </c>
      <c r="P20" s="165">
        <v>0</v>
      </c>
      <c r="Q20" s="162">
        <v>0</v>
      </c>
      <c r="R20" s="160">
        <v>0</v>
      </c>
      <c r="S20" s="160">
        <v>1</v>
      </c>
      <c r="T20" s="160">
        <v>0</v>
      </c>
      <c r="U20" s="160">
        <v>0</v>
      </c>
      <c r="V20" s="160">
        <v>4</v>
      </c>
      <c r="W20" s="165">
        <v>5</v>
      </c>
      <c r="X20" s="164">
        <v>5</v>
      </c>
      <c r="Y20" s="159">
        <v>3</v>
      </c>
      <c r="Z20" s="160">
        <v>9</v>
      </c>
      <c r="AA20" s="165">
        <v>12</v>
      </c>
      <c r="AB20" s="162">
        <v>0</v>
      </c>
      <c r="AC20" s="160">
        <v>20</v>
      </c>
      <c r="AD20" s="160">
        <v>24</v>
      </c>
      <c r="AE20" s="160">
        <v>13</v>
      </c>
      <c r="AF20" s="160">
        <v>8</v>
      </c>
      <c r="AG20" s="160">
        <v>8</v>
      </c>
      <c r="AH20" s="165">
        <v>73</v>
      </c>
      <c r="AI20" s="164">
        <v>85</v>
      </c>
      <c r="AJ20" s="159">
        <v>0</v>
      </c>
      <c r="AK20" s="160">
        <v>2</v>
      </c>
      <c r="AL20" s="165">
        <v>2</v>
      </c>
      <c r="AM20" s="162">
        <v>0</v>
      </c>
      <c r="AN20" s="160">
        <v>3</v>
      </c>
      <c r="AO20" s="160">
        <v>2</v>
      </c>
      <c r="AP20" s="160">
        <v>2</v>
      </c>
      <c r="AQ20" s="160">
        <v>3</v>
      </c>
      <c r="AR20" s="160">
        <v>0</v>
      </c>
      <c r="AS20" s="165">
        <v>10</v>
      </c>
      <c r="AT20" s="164">
        <v>12</v>
      </c>
      <c r="AU20" s="159">
        <v>3</v>
      </c>
      <c r="AV20" s="160">
        <v>7</v>
      </c>
      <c r="AW20" s="165">
        <v>10</v>
      </c>
      <c r="AX20" s="162">
        <v>0</v>
      </c>
      <c r="AY20" s="160">
        <v>40</v>
      </c>
      <c r="AZ20" s="160">
        <v>34</v>
      </c>
      <c r="BA20" s="160">
        <v>30</v>
      </c>
      <c r="BB20" s="160">
        <v>27</v>
      </c>
      <c r="BC20" s="160">
        <v>17</v>
      </c>
      <c r="BD20" s="163">
        <v>148</v>
      </c>
      <c r="BE20" s="164">
        <v>158</v>
      </c>
      <c r="BF20" s="159">
        <v>0</v>
      </c>
      <c r="BG20" s="160">
        <v>0</v>
      </c>
      <c r="BH20" s="165">
        <v>0</v>
      </c>
      <c r="BI20" s="162">
        <v>0</v>
      </c>
      <c r="BJ20" s="160">
        <v>52</v>
      </c>
      <c r="BK20" s="160">
        <v>33</v>
      </c>
      <c r="BL20" s="160">
        <v>19</v>
      </c>
      <c r="BM20" s="160">
        <v>6</v>
      </c>
      <c r="BN20" s="160">
        <v>3</v>
      </c>
      <c r="BO20" s="165">
        <v>113</v>
      </c>
      <c r="BP20" s="164">
        <v>113</v>
      </c>
      <c r="BQ20" s="159">
        <v>2</v>
      </c>
      <c r="BR20" s="160">
        <v>8</v>
      </c>
      <c r="BS20" s="165">
        <v>10</v>
      </c>
      <c r="BT20" s="162">
        <v>0</v>
      </c>
      <c r="BU20" s="160">
        <v>15</v>
      </c>
      <c r="BV20" s="160">
        <v>15</v>
      </c>
      <c r="BW20" s="160">
        <v>9</v>
      </c>
      <c r="BX20" s="160">
        <v>1</v>
      </c>
      <c r="BY20" s="160">
        <v>1</v>
      </c>
      <c r="BZ20" s="165">
        <v>41</v>
      </c>
      <c r="CA20" s="164">
        <v>51</v>
      </c>
      <c r="CB20" s="159">
        <v>0</v>
      </c>
      <c r="CC20" s="160">
        <v>1</v>
      </c>
      <c r="CD20" s="165">
        <v>1</v>
      </c>
      <c r="CE20" s="162">
        <v>0</v>
      </c>
      <c r="CF20" s="160">
        <v>6</v>
      </c>
      <c r="CG20" s="160">
        <v>10</v>
      </c>
      <c r="CH20" s="160">
        <v>11</v>
      </c>
      <c r="CI20" s="160">
        <v>3</v>
      </c>
      <c r="CJ20" s="160">
        <v>1</v>
      </c>
      <c r="CK20" s="165">
        <v>31</v>
      </c>
      <c r="CL20" s="164">
        <v>32</v>
      </c>
      <c r="CM20" s="159">
        <v>0</v>
      </c>
      <c r="CN20" s="160">
        <v>0</v>
      </c>
      <c r="CO20" s="165">
        <v>0</v>
      </c>
      <c r="CP20" s="162">
        <v>0</v>
      </c>
      <c r="CQ20" s="160">
        <v>0</v>
      </c>
      <c r="CR20" s="160">
        <v>0</v>
      </c>
      <c r="CS20" s="160">
        <v>0</v>
      </c>
      <c r="CT20" s="160">
        <v>0</v>
      </c>
      <c r="CU20" s="160">
        <v>0</v>
      </c>
      <c r="CV20" s="165">
        <v>0</v>
      </c>
      <c r="CW20" s="164">
        <v>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1</v>
      </c>
      <c r="DU20" s="160">
        <v>31</v>
      </c>
      <c r="DV20" s="165">
        <v>42</v>
      </c>
      <c r="DW20" s="162">
        <v>0</v>
      </c>
      <c r="DX20" s="160">
        <v>48</v>
      </c>
      <c r="DY20" s="160">
        <v>56</v>
      </c>
      <c r="DZ20" s="160">
        <v>38</v>
      </c>
      <c r="EA20" s="160">
        <v>18</v>
      </c>
      <c r="EB20" s="160">
        <v>18</v>
      </c>
      <c r="EC20" s="165">
        <v>178</v>
      </c>
      <c r="ED20" s="164">
        <v>220</v>
      </c>
      <c r="EE20" s="159">
        <v>3</v>
      </c>
      <c r="EF20" s="160">
        <v>0</v>
      </c>
      <c r="EG20" s="165">
        <v>3</v>
      </c>
      <c r="EH20" s="162">
        <v>0</v>
      </c>
      <c r="EI20" s="160">
        <v>17</v>
      </c>
      <c r="EJ20" s="160">
        <v>14</v>
      </c>
      <c r="EK20" s="160">
        <v>8</v>
      </c>
      <c r="EL20" s="160">
        <v>10</v>
      </c>
      <c r="EM20" s="160">
        <v>3</v>
      </c>
      <c r="EN20" s="165">
        <v>52</v>
      </c>
      <c r="EO20" s="164">
        <v>55</v>
      </c>
      <c r="EP20" s="159">
        <v>15</v>
      </c>
      <c r="EQ20" s="160">
        <v>39</v>
      </c>
      <c r="ER20" s="165">
        <v>54</v>
      </c>
      <c r="ES20" s="162">
        <v>0</v>
      </c>
      <c r="ET20" s="160">
        <v>115</v>
      </c>
      <c r="EU20" s="160">
        <v>85</v>
      </c>
      <c r="EV20" s="160">
        <v>50</v>
      </c>
      <c r="EW20" s="160">
        <v>20</v>
      </c>
      <c r="EX20" s="160">
        <v>18</v>
      </c>
      <c r="EY20" s="165">
        <v>288</v>
      </c>
      <c r="EZ20" s="164">
        <v>342</v>
      </c>
    </row>
    <row r="21" spans="2:156" ht="21" customHeight="1" x14ac:dyDescent="0.2">
      <c r="B21" s="166" t="s">
        <v>19</v>
      </c>
      <c r="C21" s="159">
        <v>0</v>
      </c>
      <c r="D21" s="160">
        <v>0</v>
      </c>
      <c r="E21" s="161">
        <v>0</v>
      </c>
      <c r="F21" s="162">
        <v>0</v>
      </c>
      <c r="G21" s="160">
        <v>13</v>
      </c>
      <c r="H21" s="160">
        <v>7</v>
      </c>
      <c r="I21" s="160">
        <v>6</v>
      </c>
      <c r="J21" s="160">
        <v>2</v>
      </c>
      <c r="K21" s="160">
        <v>5</v>
      </c>
      <c r="L21" s="163">
        <v>33</v>
      </c>
      <c r="M21" s="164">
        <v>33</v>
      </c>
      <c r="N21" s="159">
        <v>0</v>
      </c>
      <c r="O21" s="160">
        <v>0</v>
      </c>
      <c r="P21" s="165">
        <v>0</v>
      </c>
      <c r="Q21" s="162">
        <v>0</v>
      </c>
      <c r="R21" s="160">
        <v>0</v>
      </c>
      <c r="S21" s="160">
        <v>0</v>
      </c>
      <c r="T21" s="160">
        <v>3</v>
      </c>
      <c r="U21" s="160">
        <v>1</v>
      </c>
      <c r="V21" s="160">
        <v>2</v>
      </c>
      <c r="W21" s="165">
        <v>6</v>
      </c>
      <c r="X21" s="164">
        <v>6</v>
      </c>
      <c r="Y21" s="159">
        <v>0</v>
      </c>
      <c r="Z21" s="160">
        <v>3</v>
      </c>
      <c r="AA21" s="165">
        <v>3</v>
      </c>
      <c r="AB21" s="162">
        <v>0</v>
      </c>
      <c r="AC21" s="160">
        <v>16</v>
      </c>
      <c r="AD21" s="160">
        <v>9</v>
      </c>
      <c r="AE21" s="160">
        <v>9</v>
      </c>
      <c r="AF21" s="160">
        <v>3</v>
      </c>
      <c r="AG21" s="160">
        <v>3</v>
      </c>
      <c r="AH21" s="165">
        <v>40</v>
      </c>
      <c r="AI21" s="164">
        <v>43</v>
      </c>
      <c r="AJ21" s="159">
        <v>0</v>
      </c>
      <c r="AK21" s="160">
        <v>0</v>
      </c>
      <c r="AL21" s="165">
        <v>0</v>
      </c>
      <c r="AM21" s="162">
        <v>0</v>
      </c>
      <c r="AN21" s="160">
        <v>1</v>
      </c>
      <c r="AO21" s="160">
        <v>1</v>
      </c>
      <c r="AP21" s="160">
        <v>0</v>
      </c>
      <c r="AQ21" s="160">
        <v>0</v>
      </c>
      <c r="AR21" s="160">
        <v>0</v>
      </c>
      <c r="AS21" s="165">
        <v>2</v>
      </c>
      <c r="AT21" s="164">
        <v>2</v>
      </c>
      <c r="AU21" s="159">
        <v>2</v>
      </c>
      <c r="AV21" s="160">
        <v>5</v>
      </c>
      <c r="AW21" s="165">
        <v>7</v>
      </c>
      <c r="AX21" s="162">
        <v>0</v>
      </c>
      <c r="AY21" s="160">
        <v>21</v>
      </c>
      <c r="AZ21" s="160">
        <v>20</v>
      </c>
      <c r="BA21" s="160">
        <v>16</v>
      </c>
      <c r="BB21" s="160">
        <v>9</v>
      </c>
      <c r="BC21" s="160">
        <v>12</v>
      </c>
      <c r="BD21" s="163">
        <v>78</v>
      </c>
      <c r="BE21" s="164">
        <v>85</v>
      </c>
      <c r="BF21" s="159">
        <v>0</v>
      </c>
      <c r="BG21" s="160">
        <v>0</v>
      </c>
      <c r="BH21" s="165">
        <v>0</v>
      </c>
      <c r="BI21" s="162">
        <v>0</v>
      </c>
      <c r="BJ21" s="160">
        <v>20</v>
      </c>
      <c r="BK21" s="160">
        <v>12</v>
      </c>
      <c r="BL21" s="160">
        <v>5</v>
      </c>
      <c r="BM21" s="160">
        <v>2</v>
      </c>
      <c r="BN21" s="160">
        <v>1</v>
      </c>
      <c r="BO21" s="165">
        <v>40</v>
      </c>
      <c r="BP21" s="164">
        <v>40</v>
      </c>
      <c r="BQ21" s="159">
        <v>2</v>
      </c>
      <c r="BR21" s="160">
        <v>3</v>
      </c>
      <c r="BS21" s="165">
        <v>5</v>
      </c>
      <c r="BT21" s="162">
        <v>0</v>
      </c>
      <c r="BU21" s="160">
        <v>6</v>
      </c>
      <c r="BV21" s="160">
        <v>7</v>
      </c>
      <c r="BW21" s="160">
        <v>3</v>
      </c>
      <c r="BX21" s="160">
        <v>2</v>
      </c>
      <c r="BY21" s="160">
        <v>0</v>
      </c>
      <c r="BZ21" s="165">
        <v>18</v>
      </c>
      <c r="CA21" s="164">
        <v>23</v>
      </c>
      <c r="CB21" s="159">
        <v>0</v>
      </c>
      <c r="CC21" s="160">
        <v>0</v>
      </c>
      <c r="CD21" s="165">
        <v>0</v>
      </c>
      <c r="CE21" s="162">
        <v>0</v>
      </c>
      <c r="CF21" s="160">
        <v>0</v>
      </c>
      <c r="CG21" s="160">
        <v>0</v>
      </c>
      <c r="CH21" s="160">
        <v>2</v>
      </c>
      <c r="CI21" s="160">
        <v>0</v>
      </c>
      <c r="CJ21" s="160">
        <v>0</v>
      </c>
      <c r="CK21" s="165">
        <v>2</v>
      </c>
      <c r="CL21" s="164">
        <v>2</v>
      </c>
      <c r="CM21" s="159">
        <v>0</v>
      </c>
      <c r="CN21" s="160">
        <v>0</v>
      </c>
      <c r="CO21" s="165">
        <v>0</v>
      </c>
      <c r="CP21" s="162">
        <v>0</v>
      </c>
      <c r="CQ21" s="160">
        <v>0</v>
      </c>
      <c r="CR21" s="160">
        <v>1</v>
      </c>
      <c r="CS21" s="160">
        <v>0</v>
      </c>
      <c r="CT21" s="160">
        <v>0</v>
      </c>
      <c r="CU21" s="160">
        <v>0</v>
      </c>
      <c r="CV21" s="165">
        <v>1</v>
      </c>
      <c r="CW21" s="164">
        <v>1</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5</v>
      </c>
      <c r="DU21" s="160">
        <v>13</v>
      </c>
      <c r="DV21" s="165">
        <v>18</v>
      </c>
      <c r="DW21" s="162">
        <v>0</v>
      </c>
      <c r="DX21" s="160">
        <v>35</v>
      </c>
      <c r="DY21" s="160">
        <v>27</v>
      </c>
      <c r="DZ21" s="160">
        <v>15</v>
      </c>
      <c r="EA21" s="160">
        <v>8</v>
      </c>
      <c r="EB21" s="160">
        <v>11</v>
      </c>
      <c r="EC21" s="165">
        <v>96</v>
      </c>
      <c r="ED21" s="164">
        <v>114</v>
      </c>
      <c r="EE21" s="159">
        <v>2</v>
      </c>
      <c r="EF21" s="160">
        <v>2</v>
      </c>
      <c r="EG21" s="165">
        <v>4</v>
      </c>
      <c r="EH21" s="162">
        <v>0</v>
      </c>
      <c r="EI21" s="160">
        <v>7</v>
      </c>
      <c r="EJ21" s="160">
        <v>7</v>
      </c>
      <c r="EK21" s="160">
        <v>5</v>
      </c>
      <c r="EL21" s="160">
        <v>5</v>
      </c>
      <c r="EM21" s="160">
        <v>2</v>
      </c>
      <c r="EN21" s="165">
        <v>26</v>
      </c>
      <c r="EO21" s="164">
        <v>30</v>
      </c>
      <c r="EP21" s="159">
        <v>7</v>
      </c>
      <c r="EQ21" s="160">
        <v>17</v>
      </c>
      <c r="ER21" s="165">
        <v>24</v>
      </c>
      <c r="ES21" s="162">
        <v>0</v>
      </c>
      <c r="ET21" s="160">
        <v>56</v>
      </c>
      <c r="EU21" s="160">
        <v>36</v>
      </c>
      <c r="EV21" s="160">
        <v>18</v>
      </c>
      <c r="EW21" s="160">
        <v>8</v>
      </c>
      <c r="EX21" s="160">
        <v>8</v>
      </c>
      <c r="EY21" s="165">
        <v>126</v>
      </c>
      <c r="EZ21" s="164">
        <v>150</v>
      </c>
    </row>
    <row r="22" spans="2:156" ht="21" customHeight="1" x14ac:dyDescent="0.2">
      <c r="B22" s="166" t="s">
        <v>20</v>
      </c>
      <c r="C22" s="159">
        <v>0</v>
      </c>
      <c r="D22" s="160">
        <v>0</v>
      </c>
      <c r="E22" s="161">
        <v>0</v>
      </c>
      <c r="F22" s="162">
        <v>0</v>
      </c>
      <c r="G22" s="160">
        <v>23</v>
      </c>
      <c r="H22" s="160">
        <v>21</v>
      </c>
      <c r="I22" s="160">
        <v>6</v>
      </c>
      <c r="J22" s="160">
        <v>5</v>
      </c>
      <c r="K22" s="160">
        <v>9</v>
      </c>
      <c r="L22" s="163">
        <v>64</v>
      </c>
      <c r="M22" s="164">
        <v>64</v>
      </c>
      <c r="N22" s="159">
        <v>0</v>
      </c>
      <c r="O22" s="160">
        <v>0</v>
      </c>
      <c r="P22" s="165">
        <v>0</v>
      </c>
      <c r="Q22" s="162">
        <v>0</v>
      </c>
      <c r="R22" s="160">
        <v>0</v>
      </c>
      <c r="S22" s="160">
        <v>0</v>
      </c>
      <c r="T22" s="160">
        <v>1</v>
      </c>
      <c r="U22" s="160">
        <v>1</v>
      </c>
      <c r="V22" s="160">
        <v>2</v>
      </c>
      <c r="W22" s="165">
        <v>4</v>
      </c>
      <c r="X22" s="164">
        <v>4</v>
      </c>
      <c r="Y22" s="159">
        <v>3</v>
      </c>
      <c r="Z22" s="160">
        <v>3</v>
      </c>
      <c r="AA22" s="165">
        <v>6</v>
      </c>
      <c r="AB22" s="162">
        <v>0</v>
      </c>
      <c r="AC22" s="160">
        <v>23</v>
      </c>
      <c r="AD22" s="160">
        <v>17</v>
      </c>
      <c r="AE22" s="160">
        <v>11</v>
      </c>
      <c r="AF22" s="160">
        <v>8</v>
      </c>
      <c r="AG22" s="160">
        <v>4</v>
      </c>
      <c r="AH22" s="165">
        <v>63</v>
      </c>
      <c r="AI22" s="164">
        <v>69</v>
      </c>
      <c r="AJ22" s="159">
        <v>2</v>
      </c>
      <c r="AK22" s="160">
        <v>3</v>
      </c>
      <c r="AL22" s="165">
        <v>5</v>
      </c>
      <c r="AM22" s="162">
        <v>0</v>
      </c>
      <c r="AN22" s="160">
        <v>5</v>
      </c>
      <c r="AO22" s="160">
        <v>6</v>
      </c>
      <c r="AP22" s="160">
        <v>5</v>
      </c>
      <c r="AQ22" s="160">
        <v>2</v>
      </c>
      <c r="AR22" s="160">
        <v>2</v>
      </c>
      <c r="AS22" s="165">
        <v>20</v>
      </c>
      <c r="AT22" s="164">
        <v>25</v>
      </c>
      <c r="AU22" s="159">
        <v>2</v>
      </c>
      <c r="AV22" s="160">
        <v>4</v>
      </c>
      <c r="AW22" s="165">
        <v>6</v>
      </c>
      <c r="AX22" s="162">
        <v>0</v>
      </c>
      <c r="AY22" s="160">
        <v>20</v>
      </c>
      <c r="AZ22" s="160">
        <v>13</v>
      </c>
      <c r="BA22" s="160">
        <v>26</v>
      </c>
      <c r="BB22" s="160">
        <v>18</v>
      </c>
      <c r="BC22" s="160">
        <v>11</v>
      </c>
      <c r="BD22" s="163">
        <v>88</v>
      </c>
      <c r="BE22" s="164">
        <v>94</v>
      </c>
      <c r="BF22" s="159">
        <v>0</v>
      </c>
      <c r="BG22" s="160">
        <v>0</v>
      </c>
      <c r="BH22" s="165">
        <v>0</v>
      </c>
      <c r="BI22" s="162">
        <v>0</v>
      </c>
      <c r="BJ22" s="160">
        <v>33</v>
      </c>
      <c r="BK22" s="160">
        <v>20</v>
      </c>
      <c r="BL22" s="160">
        <v>11</v>
      </c>
      <c r="BM22" s="160">
        <v>5</v>
      </c>
      <c r="BN22" s="160">
        <v>1</v>
      </c>
      <c r="BO22" s="165">
        <v>70</v>
      </c>
      <c r="BP22" s="164">
        <v>70</v>
      </c>
      <c r="BQ22" s="159">
        <v>3</v>
      </c>
      <c r="BR22" s="160">
        <v>1</v>
      </c>
      <c r="BS22" s="165">
        <v>4</v>
      </c>
      <c r="BT22" s="162">
        <v>0</v>
      </c>
      <c r="BU22" s="160">
        <v>15</v>
      </c>
      <c r="BV22" s="160">
        <v>10</v>
      </c>
      <c r="BW22" s="160">
        <v>4</v>
      </c>
      <c r="BX22" s="160">
        <v>3</v>
      </c>
      <c r="BY22" s="160">
        <v>2</v>
      </c>
      <c r="BZ22" s="165">
        <v>34</v>
      </c>
      <c r="CA22" s="164">
        <v>38</v>
      </c>
      <c r="CB22" s="159">
        <v>0</v>
      </c>
      <c r="CC22" s="160">
        <v>0</v>
      </c>
      <c r="CD22" s="165">
        <v>0</v>
      </c>
      <c r="CE22" s="162">
        <v>0</v>
      </c>
      <c r="CF22" s="160">
        <v>4</v>
      </c>
      <c r="CG22" s="160">
        <v>3</v>
      </c>
      <c r="CH22" s="160">
        <v>7</v>
      </c>
      <c r="CI22" s="160">
        <v>7</v>
      </c>
      <c r="CJ22" s="160">
        <v>1</v>
      </c>
      <c r="CK22" s="165">
        <v>22</v>
      </c>
      <c r="CL22" s="164">
        <v>22</v>
      </c>
      <c r="CM22" s="159">
        <v>0</v>
      </c>
      <c r="CN22" s="160">
        <v>0</v>
      </c>
      <c r="CO22" s="165">
        <v>0</v>
      </c>
      <c r="CP22" s="162">
        <v>0</v>
      </c>
      <c r="CQ22" s="160">
        <v>0</v>
      </c>
      <c r="CR22" s="160">
        <v>0</v>
      </c>
      <c r="CS22" s="160">
        <v>1</v>
      </c>
      <c r="CT22" s="160">
        <v>2</v>
      </c>
      <c r="CU22" s="160">
        <v>0</v>
      </c>
      <c r="CV22" s="165">
        <v>3</v>
      </c>
      <c r="CW22" s="164">
        <v>3</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0</v>
      </c>
      <c r="DU22" s="160">
        <v>26</v>
      </c>
      <c r="DV22" s="165">
        <v>36</v>
      </c>
      <c r="DW22" s="162">
        <v>0</v>
      </c>
      <c r="DX22" s="160">
        <v>46</v>
      </c>
      <c r="DY22" s="160">
        <v>46</v>
      </c>
      <c r="DZ22" s="160">
        <v>21</v>
      </c>
      <c r="EA22" s="160">
        <v>16</v>
      </c>
      <c r="EB22" s="160">
        <v>12</v>
      </c>
      <c r="EC22" s="165">
        <v>141</v>
      </c>
      <c r="ED22" s="164">
        <v>177</v>
      </c>
      <c r="EE22" s="159">
        <v>1</v>
      </c>
      <c r="EF22" s="160">
        <v>2</v>
      </c>
      <c r="EG22" s="165">
        <v>3</v>
      </c>
      <c r="EH22" s="162">
        <v>0</v>
      </c>
      <c r="EI22" s="160">
        <v>4</v>
      </c>
      <c r="EJ22" s="160">
        <v>2</v>
      </c>
      <c r="EK22" s="160">
        <v>10</v>
      </c>
      <c r="EL22" s="160">
        <v>6</v>
      </c>
      <c r="EM22" s="160">
        <v>2</v>
      </c>
      <c r="EN22" s="165">
        <v>24</v>
      </c>
      <c r="EO22" s="164">
        <v>27</v>
      </c>
      <c r="EP22" s="159">
        <v>17</v>
      </c>
      <c r="EQ22" s="160">
        <v>30</v>
      </c>
      <c r="ER22" s="165">
        <v>47</v>
      </c>
      <c r="ES22" s="162">
        <v>0</v>
      </c>
      <c r="ET22" s="160">
        <v>89</v>
      </c>
      <c r="EU22" s="160">
        <v>65</v>
      </c>
      <c r="EV22" s="160">
        <v>27</v>
      </c>
      <c r="EW22" s="160">
        <v>18</v>
      </c>
      <c r="EX22" s="160">
        <v>12</v>
      </c>
      <c r="EY22" s="165">
        <v>211</v>
      </c>
      <c r="EZ22" s="164">
        <v>258</v>
      </c>
    </row>
    <row r="23" spans="2:156" ht="21" customHeight="1" x14ac:dyDescent="0.2">
      <c r="B23" s="166" t="s">
        <v>21</v>
      </c>
      <c r="C23" s="159">
        <v>0</v>
      </c>
      <c r="D23" s="160">
        <v>0</v>
      </c>
      <c r="E23" s="161">
        <v>0</v>
      </c>
      <c r="F23" s="162">
        <v>0</v>
      </c>
      <c r="G23" s="160">
        <v>15</v>
      </c>
      <c r="H23" s="160">
        <v>16</v>
      </c>
      <c r="I23" s="160">
        <v>5</v>
      </c>
      <c r="J23" s="160">
        <v>5</v>
      </c>
      <c r="K23" s="160">
        <v>7</v>
      </c>
      <c r="L23" s="163">
        <v>48</v>
      </c>
      <c r="M23" s="164">
        <v>48</v>
      </c>
      <c r="N23" s="159">
        <v>0</v>
      </c>
      <c r="O23" s="160">
        <v>0</v>
      </c>
      <c r="P23" s="165">
        <v>0</v>
      </c>
      <c r="Q23" s="162">
        <v>0</v>
      </c>
      <c r="R23" s="160">
        <v>0</v>
      </c>
      <c r="S23" s="160">
        <v>0</v>
      </c>
      <c r="T23" s="160">
        <v>0</v>
      </c>
      <c r="U23" s="160">
        <v>1</v>
      </c>
      <c r="V23" s="160">
        <v>3</v>
      </c>
      <c r="W23" s="165">
        <v>4</v>
      </c>
      <c r="X23" s="164">
        <v>4</v>
      </c>
      <c r="Y23" s="159">
        <v>3</v>
      </c>
      <c r="Z23" s="160">
        <v>3</v>
      </c>
      <c r="AA23" s="165">
        <v>6</v>
      </c>
      <c r="AB23" s="162">
        <v>0</v>
      </c>
      <c r="AC23" s="160">
        <v>16</v>
      </c>
      <c r="AD23" s="160">
        <v>15</v>
      </c>
      <c r="AE23" s="160">
        <v>8</v>
      </c>
      <c r="AF23" s="160">
        <v>8</v>
      </c>
      <c r="AG23" s="160">
        <v>3</v>
      </c>
      <c r="AH23" s="165">
        <v>50</v>
      </c>
      <c r="AI23" s="164">
        <v>56</v>
      </c>
      <c r="AJ23" s="159">
        <v>1</v>
      </c>
      <c r="AK23" s="160">
        <v>1</v>
      </c>
      <c r="AL23" s="165">
        <v>2</v>
      </c>
      <c r="AM23" s="162">
        <v>0</v>
      </c>
      <c r="AN23" s="160">
        <v>1</v>
      </c>
      <c r="AO23" s="160">
        <v>3</v>
      </c>
      <c r="AP23" s="160">
        <v>0</v>
      </c>
      <c r="AQ23" s="160">
        <v>1</v>
      </c>
      <c r="AR23" s="160">
        <v>2</v>
      </c>
      <c r="AS23" s="165">
        <v>7</v>
      </c>
      <c r="AT23" s="164">
        <v>9</v>
      </c>
      <c r="AU23" s="159">
        <v>3</v>
      </c>
      <c r="AV23" s="160">
        <v>3</v>
      </c>
      <c r="AW23" s="165">
        <v>6</v>
      </c>
      <c r="AX23" s="162">
        <v>0</v>
      </c>
      <c r="AY23" s="160">
        <v>13</v>
      </c>
      <c r="AZ23" s="160">
        <v>20</v>
      </c>
      <c r="BA23" s="160">
        <v>12</v>
      </c>
      <c r="BB23" s="160">
        <v>10</v>
      </c>
      <c r="BC23" s="160">
        <v>12</v>
      </c>
      <c r="BD23" s="163">
        <v>67</v>
      </c>
      <c r="BE23" s="164">
        <v>73</v>
      </c>
      <c r="BF23" s="159">
        <v>0</v>
      </c>
      <c r="BG23" s="160">
        <v>0</v>
      </c>
      <c r="BH23" s="165">
        <v>0</v>
      </c>
      <c r="BI23" s="162">
        <v>0</v>
      </c>
      <c r="BJ23" s="160">
        <v>22</v>
      </c>
      <c r="BK23" s="160">
        <v>20</v>
      </c>
      <c r="BL23" s="160">
        <v>10</v>
      </c>
      <c r="BM23" s="160">
        <v>2</v>
      </c>
      <c r="BN23" s="160">
        <v>1</v>
      </c>
      <c r="BO23" s="165">
        <v>55</v>
      </c>
      <c r="BP23" s="164">
        <v>55</v>
      </c>
      <c r="BQ23" s="159">
        <v>3</v>
      </c>
      <c r="BR23" s="160">
        <v>1</v>
      </c>
      <c r="BS23" s="165">
        <v>4</v>
      </c>
      <c r="BT23" s="162">
        <v>0</v>
      </c>
      <c r="BU23" s="160">
        <v>6</v>
      </c>
      <c r="BV23" s="160">
        <v>8</v>
      </c>
      <c r="BW23" s="160">
        <v>4</v>
      </c>
      <c r="BX23" s="160">
        <v>0</v>
      </c>
      <c r="BY23" s="160">
        <v>1</v>
      </c>
      <c r="BZ23" s="165">
        <v>19</v>
      </c>
      <c r="CA23" s="164">
        <v>23</v>
      </c>
      <c r="CB23" s="159">
        <v>0</v>
      </c>
      <c r="CC23" s="160">
        <v>0</v>
      </c>
      <c r="CD23" s="165">
        <v>0</v>
      </c>
      <c r="CE23" s="162">
        <v>0</v>
      </c>
      <c r="CF23" s="160">
        <v>2</v>
      </c>
      <c r="CG23" s="160">
        <v>1</v>
      </c>
      <c r="CH23" s="160">
        <v>3</v>
      </c>
      <c r="CI23" s="160">
        <v>3</v>
      </c>
      <c r="CJ23" s="160">
        <v>3</v>
      </c>
      <c r="CK23" s="165">
        <v>12</v>
      </c>
      <c r="CL23" s="164">
        <v>12</v>
      </c>
      <c r="CM23" s="159">
        <v>0</v>
      </c>
      <c r="CN23" s="160">
        <v>0</v>
      </c>
      <c r="CO23" s="165">
        <v>0</v>
      </c>
      <c r="CP23" s="162">
        <v>0</v>
      </c>
      <c r="CQ23" s="160">
        <v>0</v>
      </c>
      <c r="CR23" s="160">
        <v>0</v>
      </c>
      <c r="CS23" s="160">
        <v>1</v>
      </c>
      <c r="CT23" s="160">
        <v>0</v>
      </c>
      <c r="CU23" s="160">
        <v>0</v>
      </c>
      <c r="CV23" s="165">
        <v>1</v>
      </c>
      <c r="CW23" s="164">
        <v>1</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12</v>
      </c>
      <c r="DU23" s="160">
        <v>18</v>
      </c>
      <c r="DV23" s="165">
        <v>30</v>
      </c>
      <c r="DW23" s="162">
        <v>0</v>
      </c>
      <c r="DX23" s="160">
        <v>21</v>
      </c>
      <c r="DY23" s="160">
        <v>42</v>
      </c>
      <c r="DZ23" s="160">
        <v>18</v>
      </c>
      <c r="EA23" s="160">
        <v>12</v>
      </c>
      <c r="EB23" s="160">
        <v>7</v>
      </c>
      <c r="EC23" s="165">
        <v>100</v>
      </c>
      <c r="ED23" s="164">
        <v>130</v>
      </c>
      <c r="EE23" s="159">
        <v>1</v>
      </c>
      <c r="EF23" s="160">
        <v>3</v>
      </c>
      <c r="EG23" s="165">
        <v>4</v>
      </c>
      <c r="EH23" s="162">
        <v>0</v>
      </c>
      <c r="EI23" s="160">
        <v>5</v>
      </c>
      <c r="EJ23" s="160">
        <v>6</v>
      </c>
      <c r="EK23" s="160">
        <v>3</v>
      </c>
      <c r="EL23" s="160">
        <v>4</v>
      </c>
      <c r="EM23" s="160">
        <v>4</v>
      </c>
      <c r="EN23" s="165">
        <v>22</v>
      </c>
      <c r="EO23" s="164">
        <v>26</v>
      </c>
      <c r="EP23" s="159">
        <v>19</v>
      </c>
      <c r="EQ23" s="160">
        <v>20</v>
      </c>
      <c r="ER23" s="165">
        <v>39</v>
      </c>
      <c r="ES23" s="162">
        <v>0</v>
      </c>
      <c r="ET23" s="160">
        <v>59</v>
      </c>
      <c r="EU23" s="160">
        <v>54</v>
      </c>
      <c r="EV23" s="160">
        <v>23</v>
      </c>
      <c r="EW23" s="160">
        <v>13</v>
      </c>
      <c r="EX23" s="160">
        <v>11</v>
      </c>
      <c r="EY23" s="165">
        <v>160</v>
      </c>
      <c r="EZ23" s="164">
        <v>199</v>
      </c>
    </row>
    <row r="24" spans="2:156" ht="21" customHeight="1" x14ac:dyDescent="0.2">
      <c r="B24" s="166" t="s">
        <v>22</v>
      </c>
      <c r="C24" s="159">
        <v>0</v>
      </c>
      <c r="D24" s="160">
        <v>0</v>
      </c>
      <c r="E24" s="161">
        <v>0</v>
      </c>
      <c r="F24" s="162">
        <v>0</v>
      </c>
      <c r="G24" s="160">
        <v>5</v>
      </c>
      <c r="H24" s="160">
        <v>3</v>
      </c>
      <c r="I24" s="160">
        <v>3</v>
      </c>
      <c r="J24" s="160">
        <v>1</v>
      </c>
      <c r="K24" s="160">
        <v>2</v>
      </c>
      <c r="L24" s="163">
        <v>14</v>
      </c>
      <c r="M24" s="164">
        <v>14</v>
      </c>
      <c r="N24" s="159">
        <v>0</v>
      </c>
      <c r="O24" s="160">
        <v>0</v>
      </c>
      <c r="P24" s="165">
        <v>0</v>
      </c>
      <c r="Q24" s="162">
        <v>0</v>
      </c>
      <c r="R24" s="160">
        <v>0</v>
      </c>
      <c r="S24" s="160">
        <v>0</v>
      </c>
      <c r="T24" s="160">
        <v>0</v>
      </c>
      <c r="U24" s="160">
        <v>0</v>
      </c>
      <c r="V24" s="160">
        <v>0</v>
      </c>
      <c r="W24" s="165">
        <v>0</v>
      </c>
      <c r="X24" s="164">
        <v>0</v>
      </c>
      <c r="Y24" s="159">
        <v>0</v>
      </c>
      <c r="Z24" s="160">
        <v>2</v>
      </c>
      <c r="AA24" s="165">
        <v>2</v>
      </c>
      <c r="AB24" s="162">
        <v>0</v>
      </c>
      <c r="AC24" s="160">
        <v>4</v>
      </c>
      <c r="AD24" s="160">
        <v>7</v>
      </c>
      <c r="AE24" s="160">
        <v>4</v>
      </c>
      <c r="AF24" s="160">
        <v>2</v>
      </c>
      <c r="AG24" s="160">
        <v>2</v>
      </c>
      <c r="AH24" s="165">
        <v>19</v>
      </c>
      <c r="AI24" s="164">
        <v>21</v>
      </c>
      <c r="AJ24" s="159">
        <v>1</v>
      </c>
      <c r="AK24" s="160">
        <v>0</v>
      </c>
      <c r="AL24" s="165">
        <v>1</v>
      </c>
      <c r="AM24" s="162">
        <v>0</v>
      </c>
      <c r="AN24" s="160">
        <v>0</v>
      </c>
      <c r="AO24" s="160">
        <v>1</v>
      </c>
      <c r="AP24" s="160">
        <v>0</v>
      </c>
      <c r="AQ24" s="160">
        <v>0</v>
      </c>
      <c r="AR24" s="160">
        <v>0</v>
      </c>
      <c r="AS24" s="165">
        <v>1</v>
      </c>
      <c r="AT24" s="164">
        <v>2</v>
      </c>
      <c r="AU24" s="159">
        <v>2</v>
      </c>
      <c r="AV24" s="160">
        <v>0</v>
      </c>
      <c r="AW24" s="165">
        <v>2</v>
      </c>
      <c r="AX24" s="162">
        <v>0</v>
      </c>
      <c r="AY24" s="160">
        <v>8</v>
      </c>
      <c r="AZ24" s="160">
        <v>5</v>
      </c>
      <c r="BA24" s="160">
        <v>5</v>
      </c>
      <c r="BB24" s="160">
        <v>7</v>
      </c>
      <c r="BC24" s="160">
        <v>0</v>
      </c>
      <c r="BD24" s="163">
        <v>25</v>
      </c>
      <c r="BE24" s="164">
        <v>27</v>
      </c>
      <c r="BF24" s="159">
        <v>0</v>
      </c>
      <c r="BG24" s="160">
        <v>0</v>
      </c>
      <c r="BH24" s="165">
        <v>0</v>
      </c>
      <c r="BI24" s="162">
        <v>0</v>
      </c>
      <c r="BJ24" s="160">
        <v>11</v>
      </c>
      <c r="BK24" s="160">
        <v>5</v>
      </c>
      <c r="BL24" s="160">
        <v>9</v>
      </c>
      <c r="BM24" s="160">
        <v>1</v>
      </c>
      <c r="BN24" s="160">
        <v>1</v>
      </c>
      <c r="BO24" s="165">
        <v>27</v>
      </c>
      <c r="BP24" s="164">
        <v>27</v>
      </c>
      <c r="BQ24" s="159">
        <v>1</v>
      </c>
      <c r="BR24" s="160">
        <v>0</v>
      </c>
      <c r="BS24" s="165">
        <v>1</v>
      </c>
      <c r="BT24" s="162">
        <v>0</v>
      </c>
      <c r="BU24" s="160">
        <v>3</v>
      </c>
      <c r="BV24" s="160">
        <v>0</v>
      </c>
      <c r="BW24" s="160">
        <v>3</v>
      </c>
      <c r="BX24" s="160">
        <v>1</v>
      </c>
      <c r="BY24" s="160">
        <v>1</v>
      </c>
      <c r="BZ24" s="165">
        <v>8</v>
      </c>
      <c r="CA24" s="164">
        <v>9</v>
      </c>
      <c r="CB24" s="159">
        <v>0</v>
      </c>
      <c r="CC24" s="160">
        <v>0</v>
      </c>
      <c r="CD24" s="165">
        <v>0</v>
      </c>
      <c r="CE24" s="162">
        <v>0</v>
      </c>
      <c r="CF24" s="160">
        <v>0</v>
      </c>
      <c r="CG24" s="160">
        <v>0</v>
      </c>
      <c r="CH24" s="160">
        <v>0</v>
      </c>
      <c r="CI24" s="160">
        <v>3</v>
      </c>
      <c r="CJ24" s="160">
        <v>0</v>
      </c>
      <c r="CK24" s="165">
        <v>3</v>
      </c>
      <c r="CL24" s="164">
        <v>3</v>
      </c>
      <c r="CM24" s="159">
        <v>0</v>
      </c>
      <c r="CN24" s="160">
        <v>0</v>
      </c>
      <c r="CO24" s="165">
        <v>0</v>
      </c>
      <c r="CP24" s="162">
        <v>0</v>
      </c>
      <c r="CQ24" s="160">
        <v>1</v>
      </c>
      <c r="CR24" s="160">
        <v>0</v>
      </c>
      <c r="CS24" s="160">
        <v>1</v>
      </c>
      <c r="CT24" s="160">
        <v>0</v>
      </c>
      <c r="CU24" s="160">
        <v>0</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1</v>
      </c>
      <c r="DU24" s="160">
        <v>3</v>
      </c>
      <c r="DV24" s="165">
        <v>4</v>
      </c>
      <c r="DW24" s="162">
        <v>0</v>
      </c>
      <c r="DX24" s="160">
        <v>17</v>
      </c>
      <c r="DY24" s="160">
        <v>17</v>
      </c>
      <c r="DZ24" s="160">
        <v>13</v>
      </c>
      <c r="EA24" s="160">
        <v>6</v>
      </c>
      <c r="EB24" s="160">
        <v>4</v>
      </c>
      <c r="EC24" s="165">
        <v>57</v>
      </c>
      <c r="ED24" s="164">
        <v>61</v>
      </c>
      <c r="EE24" s="159">
        <v>0</v>
      </c>
      <c r="EF24" s="160">
        <v>1</v>
      </c>
      <c r="EG24" s="165">
        <v>1</v>
      </c>
      <c r="EH24" s="162">
        <v>0</v>
      </c>
      <c r="EI24" s="160">
        <v>5</v>
      </c>
      <c r="EJ24" s="160">
        <v>3</v>
      </c>
      <c r="EK24" s="160">
        <v>1</v>
      </c>
      <c r="EL24" s="160">
        <v>6</v>
      </c>
      <c r="EM24" s="160">
        <v>0</v>
      </c>
      <c r="EN24" s="165">
        <v>15</v>
      </c>
      <c r="EO24" s="164">
        <v>16</v>
      </c>
      <c r="EP24" s="159">
        <v>3</v>
      </c>
      <c r="EQ24" s="160">
        <v>4</v>
      </c>
      <c r="ER24" s="165">
        <v>7</v>
      </c>
      <c r="ES24" s="162">
        <v>0</v>
      </c>
      <c r="ET24" s="160">
        <v>26</v>
      </c>
      <c r="EU24" s="160">
        <v>23</v>
      </c>
      <c r="EV24" s="160">
        <v>13</v>
      </c>
      <c r="EW24" s="160">
        <v>6</v>
      </c>
      <c r="EX24" s="160">
        <v>4</v>
      </c>
      <c r="EY24" s="165">
        <v>72</v>
      </c>
      <c r="EZ24" s="164">
        <v>79</v>
      </c>
    </row>
    <row r="25" spans="2:156" ht="21" customHeight="1" x14ac:dyDescent="0.2">
      <c r="B25" s="166" t="s">
        <v>23</v>
      </c>
      <c r="C25" s="159">
        <v>0</v>
      </c>
      <c r="D25" s="160">
        <v>0</v>
      </c>
      <c r="E25" s="161">
        <v>0</v>
      </c>
      <c r="F25" s="162">
        <v>0</v>
      </c>
      <c r="G25" s="160">
        <v>6</v>
      </c>
      <c r="H25" s="160">
        <v>6</v>
      </c>
      <c r="I25" s="160">
        <v>4</v>
      </c>
      <c r="J25" s="160">
        <v>3</v>
      </c>
      <c r="K25" s="160">
        <v>0</v>
      </c>
      <c r="L25" s="163">
        <v>19</v>
      </c>
      <c r="M25" s="164">
        <v>19</v>
      </c>
      <c r="N25" s="159">
        <v>0</v>
      </c>
      <c r="O25" s="160">
        <v>0</v>
      </c>
      <c r="P25" s="165">
        <v>0</v>
      </c>
      <c r="Q25" s="162">
        <v>0</v>
      </c>
      <c r="R25" s="160">
        <v>0</v>
      </c>
      <c r="S25" s="160">
        <v>0</v>
      </c>
      <c r="T25" s="160">
        <v>0</v>
      </c>
      <c r="U25" s="160">
        <v>3</v>
      </c>
      <c r="V25" s="160">
        <v>0</v>
      </c>
      <c r="W25" s="165">
        <v>3</v>
      </c>
      <c r="X25" s="164">
        <v>3</v>
      </c>
      <c r="Y25" s="159">
        <v>4</v>
      </c>
      <c r="Z25" s="160">
        <v>3</v>
      </c>
      <c r="AA25" s="165">
        <v>7</v>
      </c>
      <c r="AB25" s="162">
        <v>0</v>
      </c>
      <c r="AC25" s="160">
        <v>6</v>
      </c>
      <c r="AD25" s="160">
        <v>12</v>
      </c>
      <c r="AE25" s="160">
        <v>2</v>
      </c>
      <c r="AF25" s="160">
        <v>4</v>
      </c>
      <c r="AG25" s="160">
        <v>1</v>
      </c>
      <c r="AH25" s="165">
        <v>25</v>
      </c>
      <c r="AI25" s="164">
        <v>32</v>
      </c>
      <c r="AJ25" s="159">
        <v>0</v>
      </c>
      <c r="AK25" s="160">
        <v>1</v>
      </c>
      <c r="AL25" s="165">
        <v>1</v>
      </c>
      <c r="AM25" s="162">
        <v>0</v>
      </c>
      <c r="AN25" s="160">
        <v>0</v>
      </c>
      <c r="AO25" s="160">
        <v>0</v>
      </c>
      <c r="AP25" s="160">
        <v>0</v>
      </c>
      <c r="AQ25" s="160">
        <v>0</v>
      </c>
      <c r="AR25" s="160">
        <v>0</v>
      </c>
      <c r="AS25" s="165">
        <v>0</v>
      </c>
      <c r="AT25" s="164">
        <v>1</v>
      </c>
      <c r="AU25" s="159">
        <v>3</v>
      </c>
      <c r="AV25" s="160">
        <v>0</v>
      </c>
      <c r="AW25" s="165">
        <v>3</v>
      </c>
      <c r="AX25" s="162">
        <v>0</v>
      </c>
      <c r="AY25" s="160">
        <v>10</v>
      </c>
      <c r="AZ25" s="160">
        <v>12</v>
      </c>
      <c r="BA25" s="160">
        <v>9</v>
      </c>
      <c r="BB25" s="160">
        <v>9</v>
      </c>
      <c r="BC25" s="160">
        <v>4</v>
      </c>
      <c r="BD25" s="163">
        <v>44</v>
      </c>
      <c r="BE25" s="164">
        <v>47</v>
      </c>
      <c r="BF25" s="159">
        <v>0</v>
      </c>
      <c r="BG25" s="160">
        <v>0</v>
      </c>
      <c r="BH25" s="165">
        <v>0</v>
      </c>
      <c r="BI25" s="162">
        <v>0</v>
      </c>
      <c r="BJ25" s="160">
        <v>11</v>
      </c>
      <c r="BK25" s="160">
        <v>14</v>
      </c>
      <c r="BL25" s="160">
        <v>3</v>
      </c>
      <c r="BM25" s="160">
        <v>3</v>
      </c>
      <c r="BN25" s="160">
        <v>3</v>
      </c>
      <c r="BO25" s="165">
        <v>34</v>
      </c>
      <c r="BP25" s="164">
        <v>34</v>
      </c>
      <c r="BQ25" s="159">
        <v>0</v>
      </c>
      <c r="BR25" s="160">
        <v>0</v>
      </c>
      <c r="BS25" s="165">
        <v>0</v>
      </c>
      <c r="BT25" s="162">
        <v>0</v>
      </c>
      <c r="BU25" s="160">
        <v>3</v>
      </c>
      <c r="BV25" s="160">
        <v>1</v>
      </c>
      <c r="BW25" s="160">
        <v>1</v>
      </c>
      <c r="BX25" s="160">
        <v>1</v>
      </c>
      <c r="BY25" s="160">
        <v>0</v>
      </c>
      <c r="BZ25" s="165">
        <v>6</v>
      </c>
      <c r="CA25" s="164">
        <v>6</v>
      </c>
      <c r="CB25" s="159">
        <v>0</v>
      </c>
      <c r="CC25" s="160">
        <v>0</v>
      </c>
      <c r="CD25" s="165">
        <v>0</v>
      </c>
      <c r="CE25" s="162">
        <v>0</v>
      </c>
      <c r="CF25" s="160">
        <v>0</v>
      </c>
      <c r="CG25" s="160">
        <v>2</v>
      </c>
      <c r="CH25" s="160">
        <v>1</v>
      </c>
      <c r="CI25" s="160">
        <v>2</v>
      </c>
      <c r="CJ25" s="160">
        <v>0</v>
      </c>
      <c r="CK25" s="165">
        <v>5</v>
      </c>
      <c r="CL25" s="164">
        <v>5</v>
      </c>
      <c r="CM25" s="159">
        <v>0</v>
      </c>
      <c r="CN25" s="160">
        <v>0</v>
      </c>
      <c r="CO25" s="165">
        <v>0</v>
      </c>
      <c r="CP25" s="162">
        <v>0</v>
      </c>
      <c r="CQ25" s="160">
        <v>1</v>
      </c>
      <c r="CR25" s="160">
        <v>0</v>
      </c>
      <c r="CS25" s="160">
        <v>0</v>
      </c>
      <c r="CT25" s="160">
        <v>0</v>
      </c>
      <c r="CU25" s="160">
        <v>0</v>
      </c>
      <c r="CV25" s="165">
        <v>1</v>
      </c>
      <c r="CW25" s="164">
        <v>1</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0</v>
      </c>
      <c r="DV25" s="165">
        <v>14</v>
      </c>
      <c r="DW25" s="162">
        <v>0</v>
      </c>
      <c r="DX25" s="160">
        <v>10</v>
      </c>
      <c r="DY25" s="160">
        <v>18</v>
      </c>
      <c r="DZ25" s="160">
        <v>6</v>
      </c>
      <c r="EA25" s="160">
        <v>8</v>
      </c>
      <c r="EB25" s="160">
        <v>4</v>
      </c>
      <c r="EC25" s="165">
        <v>46</v>
      </c>
      <c r="ED25" s="164">
        <v>60</v>
      </c>
      <c r="EE25" s="159">
        <v>3</v>
      </c>
      <c r="EF25" s="160">
        <v>0</v>
      </c>
      <c r="EG25" s="165">
        <v>3</v>
      </c>
      <c r="EH25" s="162">
        <v>0</v>
      </c>
      <c r="EI25" s="160">
        <v>5</v>
      </c>
      <c r="EJ25" s="160">
        <v>1</v>
      </c>
      <c r="EK25" s="160">
        <v>2</v>
      </c>
      <c r="EL25" s="160">
        <v>5</v>
      </c>
      <c r="EM25" s="160">
        <v>2</v>
      </c>
      <c r="EN25" s="165">
        <v>15</v>
      </c>
      <c r="EO25" s="164">
        <v>18</v>
      </c>
      <c r="EP25" s="159">
        <v>7</v>
      </c>
      <c r="EQ25" s="160">
        <v>13</v>
      </c>
      <c r="ER25" s="165">
        <v>20</v>
      </c>
      <c r="ES25" s="162">
        <v>0</v>
      </c>
      <c r="ET25" s="160">
        <v>24</v>
      </c>
      <c r="EU25" s="160">
        <v>27</v>
      </c>
      <c r="EV25" s="160">
        <v>10</v>
      </c>
      <c r="EW25" s="160">
        <v>8</v>
      </c>
      <c r="EX25" s="160">
        <v>3</v>
      </c>
      <c r="EY25" s="165">
        <v>72</v>
      </c>
      <c r="EZ25" s="164">
        <v>92</v>
      </c>
    </row>
    <row r="26" spans="2:156" ht="21" customHeight="1" x14ac:dyDescent="0.2">
      <c r="B26" s="166" t="s">
        <v>24</v>
      </c>
      <c r="C26" s="159">
        <v>0</v>
      </c>
      <c r="D26" s="160">
        <v>0</v>
      </c>
      <c r="E26" s="161">
        <v>0</v>
      </c>
      <c r="F26" s="162">
        <v>0</v>
      </c>
      <c r="G26" s="160">
        <v>7</v>
      </c>
      <c r="H26" s="160">
        <v>5</v>
      </c>
      <c r="I26" s="160">
        <v>1</v>
      </c>
      <c r="J26" s="160">
        <v>6</v>
      </c>
      <c r="K26" s="160">
        <v>4</v>
      </c>
      <c r="L26" s="163">
        <v>23</v>
      </c>
      <c r="M26" s="164">
        <v>23</v>
      </c>
      <c r="N26" s="159">
        <v>0</v>
      </c>
      <c r="O26" s="160">
        <v>0</v>
      </c>
      <c r="P26" s="165">
        <v>0</v>
      </c>
      <c r="Q26" s="162">
        <v>0</v>
      </c>
      <c r="R26" s="160">
        <v>0</v>
      </c>
      <c r="S26" s="160">
        <v>0</v>
      </c>
      <c r="T26" s="160">
        <v>0</v>
      </c>
      <c r="U26" s="160">
        <v>3</v>
      </c>
      <c r="V26" s="160">
        <v>4</v>
      </c>
      <c r="W26" s="165">
        <v>7</v>
      </c>
      <c r="X26" s="164">
        <v>7</v>
      </c>
      <c r="Y26" s="159">
        <v>1</v>
      </c>
      <c r="Z26" s="160">
        <v>3</v>
      </c>
      <c r="AA26" s="165">
        <v>4</v>
      </c>
      <c r="AB26" s="162">
        <v>0</v>
      </c>
      <c r="AC26" s="160">
        <v>8</v>
      </c>
      <c r="AD26" s="160">
        <v>9</v>
      </c>
      <c r="AE26" s="160">
        <v>5</v>
      </c>
      <c r="AF26" s="160">
        <v>5</v>
      </c>
      <c r="AG26" s="160">
        <v>3</v>
      </c>
      <c r="AH26" s="165">
        <v>30</v>
      </c>
      <c r="AI26" s="164">
        <v>34</v>
      </c>
      <c r="AJ26" s="159">
        <v>0</v>
      </c>
      <c r="AK26" s="160">
        <v>0</v>
      </c>
      <c r="AL26" s="165">
        <v>0</v>
      </c>
      <c r="AM26" s="162">
        <v>0</v>
      </c>
      <c r="AN26" s="160">
        <v>1</v>
      </c>
      <c r="AO26" s="160">
        <v>1</v>
      </c>
      <c r="AP26" s="160">
        <v>0</v>
      </c>
      <c r="AQ26" s="160">
        <v>0</v>
      </c>
      <c r="AR26" s="160">
        <v>0</v>
      </c>
      <c r="AS26" s="165">
        <v>2</v>
      </c>
      <c r="AT26" s="164">
        <v>2</v>
      </c>
      <c r="AU26" s="159">
        <v>6</v>
      </c>
      <c r="AV26" s="160">
        <v>0</v>
      </c>
      <c r="AW26" s="165">
        <v>6</v>
      </c>
      <c r="AX26" s="162">
        <v>0</v>
      </c>
      <c r="AY26" s="160">
        <v>10</v>
      </c>
      <c r="AZ26" s="160">
        <v>10</v>
      </c>
      <c r="BA26" s="160">
        <v>12</v>
      </c>
      <c r="BB26" s="160">
        <v>9</v>
      </c>
      <c r="BC26" s="160">
        <v>8</v>
      </c>
      <c r="BD26" s="163">
        <v>49</v>
      </c>
      <c r="BE26" s="164">
        <v>55</v>
      </c>
      <c r="BF26" s="159">
        <v>0</v>
      </c>
      <c r="BG26" s="160">
        <v>0</v>
      </c>
      <c r="BH26" s="165">
        <v>0</v>
      </c>
      <c r="BI26" s="162">
        <v>0</v>
      </c>
      <c r="BJ26" s="160">
        <v>15</v>
      </c>
      <c r="BK26" s="160">
        <v>11</v>
      </c>
      <c r="BL26" s="160">
        <v>2</v>
      </c>
      <c r="BM26" s="160">
        <v>1</v>
      </c>
      <c r="BN26" s="160">
        <v>2</v>
      </c>
      <c r="BO26" s="165">
        <v>31</v>
      </c>
      <c r="BP26" s="164">
        <v>31</v>
      </c>
      <c r="BQ26" s="159">
        <v>1</v>
      </c>
      <c r="BR26" s="160">
        <v>1</v>
      </c>
      <c r="BS26" s="165">
        <v>2</v>
      </c>
      <c r="BT26" s="162">
        <v>0</v>
      </c>
      <c r="BU26" s="160">
        <v>2</v>
      </c>
      <c r="BV26" s="160">
        <v>6</v>
      </c>
      <c r="BW26" s="160">
        <v>4</v>
      </c>
      <c r="BX26" s="160">
        <v>2</v>
      </c>
      <c r="BY26" s="160">
        <v>0</v>
      </c>
      <c r="BZ26" s="165">
        <v>14</v>
      </c>
      <c r="CA26" s="164">
        <v>16</v>
      </c>
      <c r="CB26" s="159">
        <v>0</v>
      </c>
      <c r="CC26" s="160">
        <v>0</v>
      </c>
      <c r="CD26" s="165">
        <v>0</v>
      </c>
      <c r="CE26" s="162">
        <v>0</v>
      </c>
      <c r="CF26" s="160">
        <v>0</v>
      </c>
      <c r="CG26" s="160">
        <v>4</v>
      </c>
      <c r="CH26" s="160">
        <v>0</v>
      </c>
      <c r="CI26" s="160">
        <v>0</v>
      </c>
      <c r="CJ26" s="160">
        <v>1</v>
      </c>
      <c r="CK26" s="165">
        <v>5</v>
      </c>
      <c r="CL26" s="164">
        <v>5</v>
      </c>
      <c r="CM26" s="159">
        <v>0</v>
      </c>
      <c r="CN26" s="160">
        <v>0</v>
      </c>
      <c r="CO26" s="165">
        <v>0</v>
      </c>
      <c r="CP26" s="162">
        <v>0</v>
      </c>
      <c r="CQ26" s="160">
        <v>1</v>
      </c>
      <c r="CR26" s="160">
        <v>0</v>
      </c>
      <c r="CS26" s="160">
        <v>0</v>
      </c>
      <c r="CT26" s="160">
        <v>0</v>
      </c>
      <c r="CU26" s="160">
        <v>0</v>
      </c>
      <c r="CV26" s="165">
        <v>1</v>
      </c>
      <c r="CW26" s="164">
        <v>1</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10</v>
      </c>
      <c r="DU26" s="160">
        <v>5</v>
      </c>
      <c r="DV26" s="165">
        <v>15</v>
      </c>
      <c r="DW26" s="162">
        <v>0</v>
      </c>
      <c r="DX26" s="160">
        <v>14</v>
      </c>
      <c r="DY26" s="160">
        <v>19</v>
      </c>
      <c r="DZ26" s="160">
        <v>8</v>
      </c>
      <c r="EA26" s="160">
        <v>7</v>
      </c>
      <c r="EB26" s="160">
        <v>5</v>
      </c>
      <c r="EC26" s="165">
        <v>53</v>
      </c>
      <c r="ED26" s="164">
        <v>68</v>
      </c>
      <c r="EE26" s="159">
        <v>4</v>
      </c>
      <c r="EF26" s="160">
        <v>1</v>
      </c>
      <c r="EG26" s="165">
        <v>5</v>
      </c>
      <c r="EH26" s="162">
        <v>0</v>
      </c>
      <c r="EI26" s="160">
        <v>5</v>
      </c>
      <c r="EJ26" s="160">
        <v>1</v>
      </c>
      <c r="EK26" s="160">
        <v>4</v>
      </c>
      <c r="EL26" s="160">
        <v>2</v>
      </c>
      <c r="EM26" s="160">
        <v>3</v>
      </c>
      <c r="EN26" s="165">
        <v>15</v>
      </c>
      <c r="EO26" s="164">
        <v>20</v>
      </c>
      <c r="EP26" s="159">
        <v>12</v>
      </c>
      <c r="EQ26" s="160">
        <v>7</v>
      </c>
      <c r="ER26" s="165">
        <v>19</v>
      </c>
      <c r="ES26" s="162">
        <v>0</v>
      </c>
      <c r="ET26" s="160">
        <v>29</v>
      </c>
      <c r="EU26" s="160">
        <v>28</v>
      </c>
      <c r="EV26" s="160">
        <v>12</v>
      </c>
      <c r="EW26" s="160">
        <v>9</v>
      </c>
      <c r="EX26" s="160">
        <v>6</v>
      </c>
      <c r="EY26" s="165">
        <v>84</v>
      </c>
      <c r="EZ26" s="164">
        <v>103</v>
      </c>
    </row>
    <row r="27" spans="2:156" ht="21" customHeight="1" x14ac:dyDescent="0.2">
      <c r="B27" s="166" t="s">
        <v>25</v>
      </c>
      <c r="C27" s="159">
        <v>0</v>
      </c>
      <c r="D27" s="160">
        <v>0</v>
      </c>
      <c r="E27" s="161">
        <v>0</v>
      </c>
      <c r="F27" s="162">
        <v>0</v>
      </c>
      <c r="G27" s="160">
        <v>6</v>
      </c>
      <c r="H27" s="160">
        <v>5</v>
      </c>
      <c r="I27" s="160">
        <v>1</v>
      </c>
      <c r="J27" s="160">
        <v>1</v>
      </c>
      <c r="K27" s="160">
        <v>1</v>
      </c>
      <c r="L27" s="163">
        <v>14</v>
      </c>
      <c r="M27" s="164">
        <v>14</v>
      </c>
      <c r="N27" s="159">
        <v>0</v>
      </c>
      <c r="O27" s="160">
        <v>0</v>
      </c>
      <c r="P27" s="165">
        <v>0</v>
      </c>
      <c r="Q27" s="162">
        <v>0</v>
      </c>
      <c r="R27" s="160">
        <v>0</v>
      </c>
      <c r="S27" s="160">
        <v>0</v>
      </c>
      <c r="T27" s="160">
        <v>1</v>
      </c>
      <c r="U27" s="160">
        <v>0</v>
      </c>
      <c r="V27" s="160">
        <v>1</v>
      </c>
      <c r="W27" s="165">
        <v>2</v>
      </c>
      <c r="X27" s="164">
        <v>2</v>
      </c>
      <c r="Y27" s="159">
        <v>1</v>
      </c>
      <c r="Z27" s="160">
        <v>2</v>
      </c>
      <c r="AA27" s="165">
        <v>3</v>
      </c>
      <c r="AB27" s="162">
        <v>0</v>
      </c>
      <c r="AC27" s="160">
        <v>2</v>
      </c>
      <c r="AD27" s="160">
        <v>5</v>
      </c>
      <c r="AE27" s="160">
        <v>1</v>
      </c>
      <c r="AF27" s="160">
        <v>3</v>
      </c>
      <c r="AG27" s="160">
        <v>1</v>
      </c>
      <c r="AH27" s="165">
        <v>12</v>
      </c>
      <c r="AI27" s="164">
        <v>15</v>
      </c>
      <c r="AJ27" s="159">
        <v>0</v>
      </c>
      <c r="AK27" s="160">
        <v>2</v>
      </c>
      <c r="AL27" s="165">
        <v>2</v>
      </c>
      <c r="AM27" s="162">
        <v>0</v>
      </c>
      <c r="AN27" s="160">
        <v>0</v>
      </c>
      <c r="AO27" s="160">
        <v>0</v>
      </c>
      <c r="AP27" s="160">
        <v>1</v>
      </c>
      <c r="AQ27" s="160">
        <v>0</v>
      </c>
      <c r="AR27" s="160">
        <v>0</v>
      </c>
      <c r="AS27" s="165">
        <v>1</v>
      </c>
      <c r="AT27" s="164">
        <v>3</v>
      </c>
      <c r="AU27" s="159">
        <v>0</v>
      </c>
      <c r="AV27" s="160">
        <v>1</v>
      </c>
      <c r="AW27" s="165">
        <v>1</v>
      </c>
      <c r="AX27" s="162">
        <v>0</v>
      </c>
      <c r="AY27" s="160">
        <v>8</v>
      </c>
      <c r="AZ27" s="160">
        <v>2</v>
      </c>
      <c r="BA27" s="160">
        <v>2</v>
      </c>
      <c r="BB27" s="160">
        <v>4</v>
      </c>
      <c r="BC27" s="160">
        <v>2</v>
      </c>
      <c r="BD27" s="163">
        <v>18</v>
      </c>
      <c r="BE27" s="164">
        <v>19</v>
      </c>
      <c r="BF27" s="159">
        <v>0</v>
      </c>
      <c r="BG27" s="160">
        <v>0</v>
      </c>
      <c r="BH27" s="165">
        <v>0</v>
      </c>
      <c r="BI27" s="162">
        <v>0</v>
      </c>
      <c r="BJ27" s="160">
        <v>6</v>
      </c>
      <c r="BK27" s="160">
        <v>1</v>
      </c>
      <c r="BL27" s="160">
        <v>1</v>
      </c>
      <c r="BM27" s="160">
        <v>0</v>
      </c>
      <c r="BN27" s="160">
        <v>1</v>
      </c>
      <c r="BO27" s="165">
        <v>9</v>
      </c>
      <c r="BP27" s="164">
        <v>9</v>
      </c>
      <c r="BQ27" s="159">
        <v>1</v>
      </c>
      <c r="BR27" s="160">
        <v>2</v>
      </c>
      <c r="BS27" s="165">
        <v>3</v>
      </c>
      <c r="BT27" s="162">
        <v>0</v>
      </c>
      <c r="BU27" s="160">
        <v>1</v>
      </c>
      <c r="BV27" s="160">
        <v>4</v>
      </c>
      <c r="BW27" s="160">
        <v>4</v>
      </c>
      <c r="BX27" s="160">
        <v>2</v>
      </c>
      <c r="BY27" s="160">
        <v>1</v>
      </c>
      <c r="BZ27" s="165">
        <v>12</v>
      </c>
      <c r="CA27" s="164">
        <v>15</v>
      </c>
      <c r="CB27" s="159">
        <v>0</v>
      </c>
      <c r="CC27" s="160">
        <v>0</v>
      </c>
      <c r="CD27" s="165">
        <v>0</v>
      </c>
      <c r="CE27" s="162">
        <v>0</v>
      </c>
      <c r="CF27" s="160">
        <v>3</v>
      </c>
      <c r="CG27" s="160">
        <v>0</v>
      </c>
      <c r="CH27" s="160">
        <v>0</v>
      </c>
      <c r="CI27" s="160">
        <v>2</v>
      </c>
      <c r="CJ27" s="160">
        <v>1</v>
      </c>
      <c r="CK27" s="165">
        <v>6</v>
      </c>
      <c r="CL27" s="164">
        <v>6</v>
      </c>
      <c r="CM27" s="159">
        <v>0</v>
      </c>
      <c r="CN27" s="160">
        <v>0</v>
      </c>
      <c r="CO27" s="165">
        <v>0</v>
      </c>
      <c r="CP27" s="162">
        <v>0</v>
      </c>
      <c r="CQ27" s="160">
        <v>0</v>
      </c>
      <c r="CR27" s="160">
        <v>0</v>
      </c>
      <c r="CS27" s="160">
        <v>0</v>
      </c>
      <c r="CT27" s="160">
        <v>0</v>
      </c>
      <c r="CU27" s="160">
        <v>0</v>
      </c>
      <c r="CV27" s="165">
        <v>0</v>
      </c>
      <c r="CW27" s="164">
        <v>0</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5</v>
      </c>
      <c r="DU27" s="160">
        <v>6</v>
      </c>
      <c r="DV27" s="165">
        <v>11</v>
      </c>
      <c r="DW27" s="162">
        <v>0</v>
      </c>
      <c r="DX27" s="160">
        <v>4</v>
      </c>
      <c r="DY27" s="160">
        <v>9</v>
      </c>
      <c r="DZ27" s="160">
        <v>6</v>
      </c>
      <c r="EA27" s="160">
        <v>3</v>
      </c>
      <c r="EB27" s="160">
        <v>3</v>
      </c>
      <c r="EC27" s="165">
        <v>25</v>
      </c>
      <c r="ED27" s="164">
        <v>36</v>
      </c>
      <c r="EE27" s="159">
        <v>0</v>
      </c>
      <c r="EF27" s="160">
        <v>1</v>
      </c>
      <c r="EG27" s="165">
        <v>1</v>
      </c>
      <c r="EH27" s="162">
        <v>0</v>
      </c>
      <c r="EI27" s="160">
        <v>5</v>
      </c>
      <c r="EJ27" s="160">
        <v>0</v>
      </c>
      <c r="EK27" s="160">
        <v>1</v>
      </c>
      <c r="EL27" s="160">
        <v>3</v>
      </c>
      <c r="EM27" s="160">
        <v>1</v>
      </c>
      <c r="EN27" s="165">
        <v>10</v>
      </c>
      <c r="EO27" s="164">
        <v>11</v>
      </c>
      <c r="EP27" s="159">
        <v>5</v>
      </c>
      <c r="EQ27" s="160">
        <v>8</v>
      </c>
      <c r="ER27" s="165">
        <v>13</v>
      </c>
      <c r="ES27" s="162">
        <v>0</v>
      </c>
      <c r="ET27" s="160">
        <v>17</v>
      </c>
      <c r="EU27" s="160">
        <v>13</v>
      </c>
      <c r="EV27" s="160">
        <v>6</v>
      </c>
      <c r="EW27" s="160">
        <v>3</v>
      </c>
      <c r="EX27" s="160">
        <v>3</v>
      </c>
      <c r="EY27" s="165">
        <v>42</v>
      </c>
      <c r="EZ27" s="164">
        <v>55</v>
      </c>
    </row>
    <row r="28" spans="2:156" ht="21" customHeight="1" x14ac:dyDescent="0.2">
      <c r="B28" s="166" t="s">
        <v>26</v>
      </c>
      <c r="C28" s="159">
        <v>0</v>
      </c>
      <c r="D28" s="160">
        <v>0</v>
      </c>
      <c r="E28" s="161">
        <v>0</v>
      </c>
      <c r="F28" s="162">
        <v>0</v>
      </c>
      <c r="G28" s="160">
        <v>6</v>
      </c>
      <c r="H28" s="160">
        <v>4</v>
      </c>
      <c r="I28" s="160">
        <v>4</v>
      </c>
      <c r="J28" s="160">
        <v>4</v>
      </c>
      <c r="K28" s="160">
        <v>4</v>
      </c>
      <c r="L28" s="163">
        <v>22</v>
      </c>
      <c r="M28" s="164">
        <v>22</v>
      </c>
      <c r="N28" s="159">
        <v>0</v>
      </c>
      <c r="O28" s="160">
        <v>0</v>
      </c>
      <c r="P28" s="165">
        <v>0</v>
      </c>
      <c r="Q28" s="162">
        <v>0</v>
      </c>
      <c r="R28" s="160">
        <v>0</v>
      </c>
      <c r="S28" s="160">
        <v>0</v>
      </c>
      <c r="T28" s="160">
        <v>0</v>
      </c>
      <c r="U28" s="160">
        <v>1</v>
      </c>
      <c r="V28" s="160">
        <v>0</v>
      </c>
      <c r="W28" s="165">
        <v>1</v>
      </c>
      <c r="X28" s="164">
        <v>1</v>
      </c>
      <c r="Y28" s="159">
        <v>1</v>
      </c>
      <c r="Z28" s="160">
        <v>0</v>
      </c>
      <c r="AA28" s="165">
        <v>1</v>
      </c>
      <c r="AB28" s="162">
        <v>0</v>
      </c>
      <c r="AC28" s="160">
        <v>5</v>
      </c>
      <c r="AD28" s="160">
        <v>6</v>
      </c>
      <c r="AE28" s="160">
        <v>1</v>
      </c>
      <c r="AF28" s="160">
        <v>3</v>
      </c>
      <c r="AG28" s="160">
        <v>4</v>
      </c>
      <c r="AH28" s="165">
        <v>19</v>
      </c>
      <c r="AI28" s="164">
        <v>20</v>
      </c>
      <c r="AJ28" s="159">
        <v>0</v>
      </c>
      <c r="AK28" s="160">
        <v>0</v>
      </c>
      <c r="AL28" s="165">
        <v>0</v>
      </c>
      <c r="AM28" s="162">
        <v>0</v>
      </c>
      <c r="AN28" s="160">
        <v>1</v>
      </c>
      <c r="AO28" s="160">
        <v>0</v>
      </c>
      <c r="AP28" s="160">
        <v>0</v>
      </c>
      <c r="AQ28" s="160">
        <v>0</v>
      </c>
      <c r="AR28" s="160">
        <v>1</v>
      </c>
      <c r="AS28" s="165">
        <v>2</v>
      </c>
      <c r="AT28" s="164">
        <v>2</v>
      </c>
      <c r="AU28" s="159">
        <v>2</v>
      </c>
      <c r="AV28" s="160">
        <v>0</v>
      </c>
      <c r="AW28" s="165">
        <v>2</v>
      </c>
      <c r="AX28" s="162">
        <v>0</v>
      </c>
      <c r="AY28" s="160">
        <v>4</v>
      </c>
      <c r="AZ28" s="160">
        <v>2</v>
      </c>
      <c r="BA28" s="160">
        <v>6</v>
      </c>
      <c r="BB28" s="160">
        <v>6</v>
      </c>
      <c r="BC28" s="160">
        <v>3</v>
      </c>
      <c r="BD28" s="163">
        <v>21</v>
      </c>
      <c r="BE28" s="164">
        <v>23</v>
      </c>
      <c r="BF28" s="159">
        <v>0</v>
      </c>
      <c r="BG28" s="160">
        <v>0</v>
      </c>
      <c r="BH28" s="165">
        <v>0</v>
      </c>
      <c r="BI28" s="162">
        <v>0</v>
      </c>
      <c r="BJ28" s="160">
        <v>4</v>
      </c>
      <c r="BK28" s="160">
        <v>8</v>
      </c>
      <c r="BL28" s="160">
        <v>3</v>
      </c>
      <c r="BM28" s="160">
        <v>3</v>
      </c>
      <c r="BN28" s="160">
        <v>0</v>
      </c>
      <c r="BO28" s="165">
        <v>18</v>
      </c>
      <c r="BP28" s="164">
        <v>18</v>
      </c>
      <c r="BQ28" s="159">
        <v>0</v>
      </c>
      <c r="BR28" s="160">
        <v>0</v>
      </c>
      <c r="BS28" s="165">
        <v>0</v>
      </c>
      <c r="BT28" s="162">
        <v>0</v>
      </c>
      <c r="BU28" s="160">
        <v>3</v>
      </c>
      <c r="BV28" s="160">
        <v>1</v>
      </c>
      <c r="BW28" s="160">
        <v>0</v>
      </c>
      <c r="BX28" s="160">
        <v>1</v>
      </c>
      <c r="BY28" s="160">
        <v>0</v>
      </c>
      <c r="BZ28" s="165">
        <v>5</v>
      </c>
      <c r="CA28" s="164">
        <v>5</v>
      </c>
      <c r="CB28" s="159">
        <v>0</v>
      </c>
      <c r="CC28" s="160">
        <v>0</v>
      </c>
      <c r="CD28" s="165">
        <v>0</v>
      </c>
      <c r="CE28" s="162">
        <v>0</v>
      </c>
      <c r="CF28" s="160">
        <v>1</v>
      </c>
      <c r="CG28" s="160">
        <v>2</v>
      </c>
      <c r="CH28" s="160">
        <v>0</v>
      </c>
      <c r="CI28" s="160">
        <v>0</v>
      </c>
      <c r="CJ28" s="160">
        <v>2</v>
      </c>
      <c r="CK28" s="165">
        <v>5</v>
      </c>
      <c r="CL28" s="164">
        <v>5</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7</v>
      </c>
      <c r="DU28" s="160">
        <v>7</v>
      </c>
      <c r="DV28" s="165">
        <v>14</v>
      </c>
      <c r="DW28" s="162">
        <v>0</v>
      </c>
      <c r="DX28" s="160">
        <v>15</v>
      </c>
      <c r="DY28" s="160">
        <v>11</v>
      </c>
      <c r="DZ28" s="160">
        <v>6</v>
      </c>
      <c r="EA28" s="160">
        <v>7</v>
      </c>
      <c r="EB28" s="160">
        <v>4</v>
      </c>
      <c r="EC28" s="165">
        <v>43</v>
      </c>
      <c r="ED28" s="164">
        <v>57</v>
      </c>
      <c r="EE28" s="159">
        <v>1</v>
      </c>
      <c r="EF28" s="160">
        <v>0</v>
      </c>
      <c r="EG28" s="165">
        <v>1</v>
      </c>
      <c r="EH28" s="162">
        <v>0</v>
      </c>
      <c r="EI28" s="160">
        <v>1</v>
      </c>
      <c r="EJ28" s="160">
        <v>0</v>
      </c>
      <c r="EK28" s="160">
        <v>2</v>
      </c>
      <c r="EL28" s="160">
        <v>0</v>
      </c>
      <c r="EM28" s="160">
        <v>0</v>
      </c>
      <c r="EN28" s="165">
        <v>3</v>
      </c>
      <c r="EO28" s="164">
        <v>4</v>
      </c>
      <c r="EP28" s="159">
        <v>8</v>
      </c>
      <c r="EQ28" s="160">
        <v>7</v>
      </c>
      <c r="ER28" s="165">
        <v>15</v>
      </c>
      <c r="ES28" s="162">
        <v>0</v>
      </c>
      <c r="ET28" s="160">
        <v>20</v>
      </c>
      <c r="EU28" s="160">
        <v>17</v>
      </c>
      <c r="EV28" s="160">
        <v>11</v>
      </c>
      <c r="EW28" s="160">
        <v>7</v>
      </c>
      <c r="EX28" s="160">
        <v>4</v>
      </c>
      <c r="EY28" s="165">
        <v>59</v>
      </c>
      <c r="EZ28" s="164">
        <v>74</v>
      </c>
    </row>
    <row r="29" spans="2:156" ht="21" customHeight="1" x14ac:dyDescent="0.2">
      <c r="B29" s="166" t="s">
        <v>27</v>
      </c>
      <c r="C29" s="159">
        <v>0</v>
      </c>
      <c r="D29" s="160">
        <v>0</v>
      </c>
      <c r="E29" s="161">
        <v>0</v>
      </c>
      <c r="F29" s="162">
        <v>0</v>
      </c>
      <c r="G29" s="160">
        <v>5</v>
      </c>
      <c r="H29" s="160">
        <v>6</v>
      </c>
      <c r="I29" s="160">
        <v>4</v>
      </c>
      <c r="J29" s="160">
        <v>2</v>
      </c>
      <c r="K29" s="160">
        <v>3</v>
      </c>
      <c r="L29" s="163">
        <v>20</v>
      </c>
      <c r="M29" s="164">
        <v>20</v>
      </c>
      <c r="N29" s="159">
        <v>0</v>
      </c>
      <c r="O29" s="160">
        <v>0</v>
      </c>
      <c r="P29" s="165">
        <v>0</v>
      </c>
      <c r="Q29" s="162">
        <v>0</v>
      </c>
      <c r="R29" s="160">
        <v>0</v>
      </c>
      <c r="S29" s="160">
        <v>0</v>
      </c>
      <c r="T29" s="160">
        <v>0</v>
      </c>
      <c r="U29" s="160">
        <v>0</v>
      </c>
      <c r="V29" s="160">
        <v>0</v>
      </c>
      <c r="W29" s="165">
        <v>0</v>
      </c>
      <c r="X29" s="164">
        <v>0</v>
      </c>
      <c r="Y29" s="159">
        <v>0</v>
      </c>
      <c r="Z29" s="160">
        <v>3</v>
      </c>
      <c r="AA29" s="165">
        <v>3</v>
      </c>
      <c r="AB29" s="162">
        <v>0</v>
      </c>
      <c r="AC29" s="160">
        <v>4</v>
      </c>
      <c r="AD29" s="160">
        <v>5</v>
      </c>
      <c r="AE29" s="160">
        <v>3</v>
      </c>
      <c r="AF29" s="160">
        <v>4</v>
      </c>
      <c r="AG29" s="160">
        <v>4</v>
      </c>
      <c r="AH29" s="165">
        <v>20</v>
      </c>
      <c r="AI29" s="164">
        <v>23</v>
      </c>
      <c r="AJ29" s="159">
        <v>0</v>
      </c>
      <c r="AK29" s="160">
        <v>0</v>
      </c>
      <c r="AL29" s="165">
        <v>0</v>
      </c>
      <c r="AM29" s="162">
        <v>0</v>
      </c>
      <c r="AN29" s="160">
        <v>0</v>
      </c>
      <c r="AO29" s="160">
        <v>1</v>
      </c>
      <c r="AP29" s="160">
        <v>0</v>
      </c>
      <c r="AQ29" s="160">
        <v>0</v>
      </c>
      <c r="AR29" s="160">
        <v>0</v>
      </c>
      <c r="AS29" s="165">
        <v>1</v>
      </c>
      <c r="AT29" s="164">
        <v>1</v>
      </c>
      <c r="AU29" s="159">
        <v>1</v>
      </c>
      <c r="AV29" s="160">
        <v>1</v>
      </c>
      <c r="AW29" s="165">
        <v>2</v>
      </c>
      <c r="AX29" s="162">
        <v>0</v>
      </c>
      <c r="AY29" s="160">
        <v>5</v>
      </c>
      <c r="AZ29" s="160">
        <v>6</v>
      </c>
      <c r="BA29" s="160">
        <v>4</v>
      </c>
      <c r="BB29" s="160">
        <v>6</v>
      </c>
      <c r="BC29" s="160">
        <v>4</v>
      </c>
      <c r="BD29" s="163">
        <v>25</v>
      </c>
      <c r="BE29" s="164">
        <v>27</v>
      </c>
      <c r="BF29" s="159">
        <v>0</v>
      </c>
      <c r="BG29" s="160">
        <v>0</v>
      </c>
      <c r="BH29" s="165">
        <v>0</v>
      </c>
      <c r="BI29" s="162">
        <v>0</v>
      </c>
      <c r="BJ29" s="160">
        <v>9</v>
      </c>
      <c r="BK29" s="160">
        <v>5</v>
      </c>
      <c r="BL29" s="160">
        <v>5</v>
      </c>
      <c r="BM29" s="160">
        <v>6</v>
      </c>
      <c r="BN29" s="160">
        <v>0</v>
      </c>
      <c r="BO29" s="165">
        <v>25</v>
      </c>
      <c r="BP29" s="164">
        <v>25</v>
      </c>
      <c r="BQ29" s="159">
        <v>1</v>
      </c>
      <c r="BR29" s="160">
        <v>1</v>
      </c>
      <c r="BS29" s="165">
        <v>2</v>
      </c>
      <c r="BT29" s="162">
        <v>0</v>
      </c>
      <c r="BU29" s="160">
        <v>3</v>
      </c>
      <c r="BV29" s="160">
        <v>3</v>
      </c>
      <c r="BW29" s="160">
        <v>2</v>
      </c>
      <c r="BX29" s="160">
        <v>0</v>
      </c>
      <c r="BY29" s="160">
        <v>0</v>
      </c>
      <c r="BZ29" s="165">
        <v>8</v>
      </c>
      <c r="CA29" s="164">
        <v>10</v>
      </c>
      <c r="CB29" s="159">
        <v>0</v>
      </c>
      <c r="CC29" s="160">
        <v>0</v>
      </c>
      <c r="CD29" s="165">
        <v>0</v>
      </c>
      <c r="CE29" s="162">
        <v>0</v>
      </c>
      <c r="CF29" s="160">
        <v>1</v>
      </c>
      <c r="CG29" s="160">
        <v>0</v>
      </c>
      <c r="CH29" s="160">
        <v>1</v>
      </c>
      <c r="CI29" s="160">
        <v>1</v>
      </c>
      <c r="CJ29" s="160">
        <v>0</v>
      </c>
      <c r="CK29" s="165">
        <v>3</v>
      </c>
      <c r="CL29" s="164">
        <v>3</v>
      </c>
      <c r="CM29" s="159">
        <v>0</v>
      </c>
      <c r="CN29" s="160">
        <v>1</v>
      </c>
      <c r="CO29" s="165">
        <v>1</v>
      </c>
      <c r="CP29" s="162">
        <v>0</v>
      </c>
      <c r="CQ29" s="160">
        <v>0</v>
      </c>
      <c r="CR29" s="160">
        <v>1</v>
      </c>
      <c r="CS29" s="160">
        <v>0</v>
      </c>
      <c r="CT29" s="160">
        <v>0</v>
      </c>
      <c r="CU29" s="160">
        <v>0</v>
      </c>
      <c r="CV29" s="165">
        <v>1</v>
      </c>
      <c r="CW29" s="164">
        <v>2</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7</v>
      </c>
      <c r="DU29" s="160">
        <v>12</v>
      </c>
      <c r="DV29" s="165">
        <v>19</v>
      </c>
      <c r="DW29" s="162">
        <v>0</v>
      </c>
      <c r="DX29" s="160">
        <v>7</v>
      </c>
      <c r="DY29" s="160">
        <v>13</v>
      </c>
      <c r="DZ29" s="160">
        <v>7</v>
      </c>
      <c r="EA29" s="160">
        <v>5</v>
      </c>
      <c r="EB29" s="160">
        <v>3</v>
      </c>
      <c r="EC29" s="165">
        <v>35</v>
      </c>
      <c r="ED29" s="164">
        <v>54</v>
      </c>
      <c r="EE29" s="159">
        <v>1</v>
      </c>
      <c r="EF29" s="160">
        <v>0</v>
      </c>
      <c r="EG29" s="165">
        <v>1</v>
      </c>
      <c r="EH29" s="162">
        <v>0</v>
      </c>
      <c r="EI29" s="160">
        <v>2</v>
      </c>
      <c r="EJ29" s="160">
        <v>0</v>
      </c>
      <c r="EK29" s="160">
        <v>0</v>
      </c>
      <c r="EL29" s="160">
        <v>3</v>
      </c>
      <c r="EM29" s="160">
        <v>0</v>
      </c>
      <c r="EN29" s="165">
        <v>5</v>
      </c>
      <c r="EO29" s="164">
        <v>6</v>
      </c>
      <c r="EP29" s="159">
        <v>8</v>
      </c>
      <c r="EQ29" s="160">
        <v>15</v>
      </c>
      <c r="ER29" s="165">
        <v>23</v>
      </c>
      <c r="ES29" s="162">
        <v>0</v>
      </c>
      <c r="ET29" s="160">
        <v>15</v>
      </c>
      <c r="EU29" s="160">
        <v>13</v>
      </c>
      <c r="EV29" s="160">
        <v>7</v>
      </c>
      <c r="EW29" s="160">
        <v>6</v>
      </c>
      <c r="EX29" s="160">
        <v>4</v>
      </c>
      <c r="EY29" s="165">
        <v>45</v>
      </c>
      <c r="EZ29" s="164">
        <v>68</v>
      </c>
    </row>
    <row r="30" spans="2:156" ht="21" customHeight="1" x14ac:dyDescent="0.2">
      <c r="B30" s="166" t="s">
        <v>28</v>
      </c>
      <c r="C30" s="159">
        <v>0</v>
      </c>
      <c r="D30" s="160">
        <v>0</v>
      </c>
      <c r="E30" s="161">
        <v>0</v>
      </c>
      <c r="F30" s="162">
        <v>0</v>
      </c>
      <c r="G30" s="160">
        <v>0</v>
      </c>
      <c r="H30" s="160">
        <v>0</v>
      </c>
      <c r="I30" s="160">
        <v>1</v>
      </c>
      <c r="J30" s="160">
        <v>1</v>
      </c>
      <c r="K30" s="160">
        <v>0</v>
      </c>
      <c r="L30" s="163">
        <v>2</v>
      </c>
      <c r="M30" s="164">
        <v>2</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0</v>
      </c>
      <c r="AG30" s="160">
        <v>0</v>
      </c>
      <c r="AH30" s="165">
        <v>2</v>
      </c>
      <c r="AI30" s="164">
        <v>2</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1</v>
      </c>
      <c r="BB30" s="160">
        <v>0</v>
      </c>
      <c r="BC30" s="160">
        <v>1</v>
      </c>
      <c r="BD30" s="163">
        <v>6</v>
      </c>
      <c r="BE30" s="164">
        <v>6</v>
      </c>
      <c r="BF30" s="159">
        <v>0</v>
      </c>
      <c r="BG30" s="160">
        <v>0</v>
      </c>
      <c r="BH30" s="165">
        <v>0</v>
      </c>
      <c r="BI30" s="162">
        <v>0</v>
      </c>
      <c r="BJ30" s="160">
        <v>0</v>
      </c>
      <c r="BK30" s="160">
        <v>3</v>
      </c>
      <c r="BL30" s="160">
        <v>0</v>
      </c>
      <c r="BM30" s="160">
        <v>1</v>
      </c>
      <c r="BN30" s="160">
        <v>0</v>
      </c>
      <c r="BO30" s="165">
        <v>4</v>
      </c>
      <c r="BP30" s="164">
        <v>4</v>
      </c>
      <c r="BQ30" s="159">
        <v>0</v>
      </c>
      <c r="BR30" s="160">
        <v>0</v>
      </c>
      <c r="BS30" s="165">
        <v>0</v>
      </c>
      <c r="BT30" s="162">
        <v>0</v>
      </c>
      <c r="BU30" s="160">
        <v>2</v>
      </c>
      <c r="BV30" s="160">
        <v>0</v>
      </c>
      <c r="BW30" s="160">
        <v>1</v>
      </c>
      <c r="BX30" s="160">
        <v>0</v>
      </c>
      <c r="BY30" s="160">
        <v>0</v>
      </c>
      <c r="BZ30" s="165">
        <v>3</v>
      </c>
      <c r="CA30" s="164">
        <v>3</v>
      </c>
      <c r="CB30" s="159">
        <v>0</v>
      </c>
      <c r="CC30" s="160">
        <v>0</v>
      </c>
      <c r="CD30" s="165">
        <v>0</v>
      </c>
      <c r="CE30" s="162">
        <v>0</v>
      </c>
      <c r="CF30" s="160">
        <v>0</v>
      </c>
      <c r="CG30" s="160">
        <v>0</v>
      </c>
      <c r="CH30" s="160">
        <v>0</v>
      </c>
      <c r="CI30" s="160">
        <v>0</v>
      </c>
      <c r="CJ30" s="160">
        <v>0</v>
      </c>
      <c r="CK30" s="165">
        <v>0</v>
      </c>
      <c r="CL30" s="164">
        <v>0</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5</v>
      </c>
      <c r="DZ30" s="160">
        <v>1</v>
      </c>
      <c r="EA30" s="160">
        <v>1</v>
      </c>
      <c r="EB30" s="160">
        <v>0</v>
      </c>
      <c r="EC30" s="165">
        <v>10</v>
      </c>
      <c r="ED30" s="164">
        <v>11</v>
      </c>
      <c r="EE30" s="159">
        <v>0</v>
      </c>
      <c r="EF30" s="160">
        <v>0</v>
      </c>
      <c r="EG30" s="165">
        <v>0</v>
      </c>
      <c r="EH30" s="162">
        <v>0</v>
      </c>
      <c r="EI30" s="160">
        <v>3</v>
      </c>
      <c r="EJ30" s="160">
        <v>0</v>
      </c>
      <c r="EK30" s="160">
        <v>0</v>
      </c>
      <c r="EL30" s="160">
        <v>0</v>
      </c>
      <c r="EM30" s="160">
        <v>0</v>
      </c>
      <c r="EN30" s="165">
        <v>3</v>
      </c>
      <c r="EO30" s="164">
        <v>3</v>
      </c>
      <c r="EP30" s="159">
        <v>0</v>
      </c>
      <c r="EQ30" s="160">
        <v>1</v>
      </c>
      <c r="ER30" s="165">
        <v>1</v>
      </c>
      <c r="ES30" s="162">
        <v>0</v>
      </c>
      <c r="ET30" s="160">
        <v>8</v>
      </c>
      <c r="EU30" s="160">
        <v>6</v>
      </c>
      <c r="EV30" s="160">
        <v>2</v>
      </c>
      <c r="EW30" s="160">
        <v>1</v>
      </c>
      <c r="EX30" s="160">
        <v>0</v>
      </c>
      <c r="EY30" s="165">
        <v>17</v>
      </c>
      <c r="EZ30" s="164">
        <v>18</v>
      </c>
    </row>
    <row r="31" spans="2:156" ht="21" customHeight="1" x14ac:dyDescent="0.2">
      <c r="B31" s="166" t="s">
        <v>29</v>
      </c>
      <c r="C31" s="159">
        <v>0</v>
      </c>
      <c r="D31" s="160">
        <v>0</v>
      </c>
      <c r="E31" s="161">
        <v>0</v>
      </c>
      <c r="F31" s="162">
        <v>0</v>
      </c>
      <c r="G31" s="160">
        <v>0</v>
      </c>
      <c r="H31" s="160">
        <v>2</v>
      </c>
      <c r="I31" s="160">
        <v>0</v>
      </c>
      <c r="J31" s="160">
        <v>0</v>
      </c>
      <c r="K31" s="160">
        <v>1</v>
      </c>
      <c r="L31" s="163">
        <v>3</v>
      </c>
      <c r="M31" s="164">
        <v>3</v>
      </c>
      <c r="N31" s="159">
        <v>0</v>
      </c>
      <c r="O31" s="160">
        <v>0</v>
      </c>
      <c r="P31" s="165">
        <v>0</v>
      </c>
      <c r="Q31" s="162">
        <v>0</v>
      </c>
      <c r="R31" s="160">
        <v>0</v>
      </c>
      <c r="S31" s="160">
        <v>0</v>
      </c>
      <c r="T31" s="160">
        <v>1</v>
      </c>
      <c r="U31" s="160">
        <v>0</v>
      </c>
      <c r="V31" s="160">
        <v>1</v>
      </c>
      <c r="W31" s="165">
        <v>2</v>
      </c>
      <c r="X31" s="164">
        <v>2</v>
      </c>
      <c r="Y31" s="159">
        <v>0</v>
      </c>
      <c r="Z31" s="160">
        <v>1</v>
      </c>
      <c r="AA31" s="165">
        <v>1</v>
      </c>
      <c r="AB31" s="162">
        <v>0</v>
      </c>
      <c r="AC31" s="160">
        <v>0</v>
      </c>
      <c r="AD31" s="160">
        <v>1</v>
      </c>
      <c r="AE31" s="160">
        <v>2</v>
      </c>
      <c r="AF31" s="160">
        <v>0</v>
      </c>
      <c r="AG31" s="160">
        <v>0</v>
      </c>
      <c r="AH31" s="165">
        <v>3</v>
      </c>
      <c r="AI31" s="164">
        <v>4</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1</v>
      </c>
      <c r="BA31" s="160">
        <v>1</v>
      </c>
      <c r="BB31" s="160">
        <v>0</v>
      </c>
      <c r="BC31" s="160">
        <v>2</v>
      </c>
      <c r="BD31" s="163">
        <v>6</v>
      </c>
      <c r="BE31" s="164">
        <v>7</v>
      </c>
      <c r="BF31" s="159">
        <v>0</v>
      </c>
      <c r="BG31" s="160">
        <v>0</v>
      </c>
      <c r="BH31" s="165">
        <v>0</v>
      </c>
      <c r="BI31" s="162">
        <v>0</v>
      </c>
      <c r="BJ31" s="160">
        <v>0</v>
      </c>
      <c r="BK31" s="160">
        <v>3</v>
      </c>
      <c r="BL31" s="160">
        <v>2</v>
      </c>
      <c r="BM31" s="160">
        <v>0</v>
      </c>
      <c r="BN31" s="160">
        <v>0</v>
      </c>
      <c r="BO31" s="165">
        <v>5</v>
      </c>
      <c r="BP31" s="164">
        <v>5</v>
      </c>
      <c r="BQ31" s="159">
        <v>0</v>
      </c>
      <c r="BR31" s="160">
        <v>0</v>
      </c>
      <c r="BS31" s="165">
        <v>0</v>
      </c>
      <c r="BT31" s="162">
        <v>0</v>
      </c>
      <c r="BU31" s="160">
        <v>0</v>
      </c>
      <c r="BV31" s="160">
        <v>0</v>
      </c>
      <c r="BW31" s="160">
        <v>0</v>
      </c>
      <c r="BX31" s="160">
        <v>0</v>
      </c>
      <c r="BY31" s="160">
        <v>0</v>
      </c>
      <c r="BZ31" s="165">
        <v>0</v>
      </c>
      <c r="CA31" s="164">
        <v>0</v>
      </c>
      <c r="CB31" s="159">
        <v>0</v>
      </c>
      <c r="CC31" s="160">
        <v>0</v>
      </c>
      <c r="CD31" s="165">
        <v>0</v>
      </c>
      <c r="CE31" s="162">
        <v>0</v>
      </c>
      <c r="CF31" s="160">
        <v>0</v>
      </c>
      <c r="CG31" s="160">
        <v>0</v>
      </c>
      <c r="CH31" s="160">
        <v>0</v>
      </c>
      <c r="CI31" s="160">
        <v>0</v>
      </c>
      <c r="CJ31" s="160">
        <v>0</v>
      </c>
      <c r="CK31" s="165">
        <v>0</v>
      </c>
      <c r="CL31" s="164">
        <v>0</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v>
      </c>
      <c r="DU31" s="160">
        <v>0</v>
      </c>
      <c r="DV31" s="165">
        <v>3</v>
      </c>
      <c r="DW31" s="162">
        <v>0</v>
      </c>
      <c r="DX31" s="160">
        <v>0</v>
      </c>
      <c r="DY31" s="160">
        <v>3</v>
      </c>
      <c r="DZ31" s="160">
        <v>3</v>
      </c>
      <c r="EA31" s="160">
        <v>0</v>
      </c>
      <c r="EB31" s="160">
        <v>2</v>
      </c>
      <c r="EC31" s="165">
        <v>8</v>
      </c>
      <c r="ED31" s="164">
        <v>11</v>
      </c>
      <c r="EE31" s="159">
        <v>1</v>
      </c>
      <c r="EF31" s="160">
        <v>0</v>
      </c>
      <c r="EG31" s="165">
        <v>1</v>
      </c>
      <c r="EH31" s="162">
        <v>0</v>
      </c>
      <c r="EI31" s="160">
        <v>2</v>
      </c>
      <c r="EJ31" s="160">
        <v>1</v>
      </c>
      <c r="EK31" s="160">
        <v>0</v>
      </c>
      <c r="EL31" s="160">
        <v>0</v>
      </c>
      <c r="EM31" s="160">
        <v>0</v>
      </c>
      <c r="EN31" s="165">
        <v>3</v>
      </c>
      <c r="EO31" s="164">
        <v>4</v>
      </c>
      <c r="EP31" s="159">
        <v>3</v>
      </c>
      <c r="EQ31" s="160">
        <v>1</v>
      </c>
      <c r="ER31" s="165">
        <v>4</v>
      </c>
      <c r="ES31" s="162">
        <v>0</v>
      </c>
      <c r="ET31" s="160">
        <v>0</v>
      </c>
      <c r="EU31" s="160">
        <v>4</v>
      </c>
      <c r="EV31" s="160">
        <v>3</v>
      </c>
      <c r="EW31" s="160">
        <v>0</v>
      </c>
      <c r="EX31" s="160">
        <v>2</v>
      </c>
      <c r="EY31" s="165">
        <v>9</v>
      </c>
      <c r="EZ31" s="164">
        <v>13</v>
      </c>
    </row>
    <row r="32" spans="2:156" ht="21" customHeight="1" x14ac:dyDescent="0.2">
      <c r="B32" s="166" t="s">
        <v>30</v>
      </c>
      <c r="C32" s="159">
        <v>0</v>
      </c>
      <c r="D32" s="160">
        <v>0</v>
      </c>
      <c r="E32" s="161">
        <v>0</v>
      </c>
      <c r="F32" s="162">
        <v>0</v>
      </c>
      <c r="G32" s="160">
        <v>1</v>
      </c>
      <c r="H32" s="160">
        <v>2</v>
      </c>
      <c r="I32" s="160">
        <v>0</v>
      </c>
      <c r="J32" s="160">
        <v>1</v>
      </c>
      <c r="K32" s="160">
        <v>0</v>
      </c>
      <c r="L32" s="163">
        <v>4</v>
      </c>
      <c r="M32" s="164">
        <v>4</v>
      </c>
      <c r="N32" s="159">
        <v>0</v>
      </c>
      <c r="O32" s="160">
        <v>0</v>
      </c>
      <c r="P32" s="165">
        <v>0</v>
      </c>
      <c r="Q32" s="162">
        <v>0</v>
      </c>
      <c r="R32" s="160">
        <v>0</v>
      </c>
      <c r="S32" s="160">
        <v>0</v>
      </c>
      <c r="T32" s="160">
        <v>0</v>
      </c>
      <c r="U32" s="160">
        <v>0</v>
      </c>
      <c r="V32" s="160">
        <v>0</v>
      </c>
      <c r="W32" s="165">
        <v>0</v>
      </c>
      <c r="X32" s="164">
        <v>0</v>
      </c>
      <c r="Y32" s="159">
        <v>0</v>
      </c>
      <c r="Z32" s="160">
        <v>1</v>
      </c>
      <c r="AA32" s="165">
        <v>1</v>
      </c>
      <c r="AB32" s="162">
        <v>0</v>
      </c>
      <c r="AC32" s="160">
        <v>1</v>
      </c>
      <c r="AD32" s="160">
        <v>0</v>
      </c>
      <c r="AE32" s="160">
        <v>2</v>
      </c>
      <c r="AF32" s="160">
        <v>1</v>
      </c>
      <c r="AG32" s="160">
        <v>0</v>
      </c>
      <c r="AH32" s="165">
        <v>4</v>
      </c>
      <c r="AI32" s="164">
        <v>5</v>
      </c>
      <c r="AJ32" s="159">
        <v>0</v>
      </c>
      <c r="AK32" s="160">
        <v>0</v>
      </c>
      <c r="AL32" s="165">
        <v>0</v>
      </c>
      <c r="AM32" s="162">
        <v>0</v>
      </c>
      <c r="AN32" s="160">
        <v>0</v>
      </c>
      <c r="AO32" s="160">
        <v>0</v>
      </c>
      <c r="AP32" s="160">
        <v>0</v>
      </c>
      <c r="AQ32" s="160">
        <v>0</v>
      </c>
      <c r="AR32" s="160">
        <v>0</v>
      </c>
      <c r="AS32" s="165">
        <v>0</v>
      </c>
      <c r="AT32" s="164">
        <v>0</v>
      </c>
      <c r="AU32" s="159">
        <v>0</v>
      </c>
      <c r="AV32" s="160">
        <v>0</v>
      </c>
      <c r="AW32" s="165">
        <v>0</v>
      </c>
      <c r="AX32" s="162">
        <v>0</v>
      </c>
      <c r="AY32" s="160">
        <v>1</v>
      </c>
      <c r="AZ32" s="160">
        <v>1</v>
      </c>
      <c r="BA32" s="160">
        <v>1</v>
      </c>
      <c r="BB32" s="160">
        <v>2</v>
      </c>
      <c r="BC32" s="160">
        <v>0</v>
      </c>
      <c r="BD32" s="163">
        <v>5</v>
      </c>
      <c r="BE32" s="164">
        <v>5</v>
      </c>
      <c r="BF32" s="159">
        <v>0</v>
      </c>
      <c r="BG32" s="160">
        <v>0</v>
      </c>
      <c r="BH32" s="165">
        <v>0</v>
      </c>
      <c r="BI32" s="162">
        <v>0</v>
      </c>
      <c r="BJ32" s="160">
        <v>0</v>
      </c>
      <c r="BK32" s="160">
        <v>0</v>
      </c>
      <c r="BL32" s="160">
        <v>0</v>
      </c>
      <c r="BM32" s="160">
        <v>1</v>
      </c>
      <c r="BN32" s="160">
        <v>0</v>
      </c>
      <c r="BO32" s="165">
        <v>1</v>
      </c>
      <c r="BP32" s="164">
        <v>1</v>
      </c>
      <c r="BQ32" s="159">
        <v>1</v>
      </c>
      <c r="BR32" s="160">
        <v>0</v>
      </c>
      <c r="BS32" s="165">
        <v>1</v>
      </c>
      <c r="BT32" s="162">
        <v>0</v>
      </c>
      <c r="BU32" s="160">
        <v>0</v>
      </c>
      <c r="BV32" s="160">
        <v>0</v>
      </c>
      <c r="BW32" s="160">
        <v>0</v>
      </c>
      <c r="BX32" s="160">
        <v>0</v>
      </c>
      <c r="BY32" s="160">
        <v>0</v>
      </c>
      <c r="BZ32" s="165">
        <v>0</v>
      </c>
      <c r="CA32" s="164">
        <v>1</v>
      </c>
      <c r="CB32" s="159">
        <v>0</v>
      </c>
      <c r="CC32" s="160">
        <v>0</v>
      </c>
      <c r="CD32" s="165">
        <v>0</v>
      </c>
      <c r="CE32" s="162">
        <v>0</v>
      </c>
      <c r="CF32" s="160">
        <v>1</v>
      </c>
      <c r="CG32" s="160">
        <v>0</v>
      </c>
      <c r="CH32" s="160">
        <v>1</v>
      </c>
      <c r="CI32" s="160">
        <v>1</v>
      </c>
      <c r="CJ32" s="160">
        <v>0</v>
      </c>
      <c r="CK32" s="165">
        <v>3</v>
      </c>
      <c r="CL32" s="164">
        <v>3</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2</v>
      </c>
      <c r="DU32" s="160">
        <v>0</v>
      </c>
      <c r="DV32" s="165">
        <v>2</v>
      </c>
      <c r="DW32" s="162">
        <v>0</v>
      </c>
      <c r="DX32" s="160">
        <v>1</v>
      </c>
      <c r="DY32" s="160">
        <v>2</v>
      </c>
      <c r="DZ32" s="160">
        <v>2</v>
      </c>
      <c r="EA32" s="160">
        <v>1</v>
      </c>
      <c r="EB32" s="160">
        <v>0</v>
      </c>
      <c r="EC32" s="165">
        <v>6</v>
      </c>
      <c r="ED32" s="164">
        <v>8</v>
      </c>
      <c r="EE32" s="159">
        <v>0</v>
      </c>
      <c r="EF32" s="160">
        <v>0</v>
      </c>
      <c r="EG32" s="165">
        <v>0</v>
      </c>
      <c r="EH32" s="162">
        <v>0</v>
      </c>
      <c r="EI32" s="160">
        <v>1</v>
      </c>
      <c r="EJ32" s="160">
        <v>2</v>
      </c>
      <c r="EK32" s="160">
        <v>1</v>
      </c>
      <c r="EL32" s="160">
        <v>0</v>
      </c>
      <c r="EM32" s="160">
        <v>0</v>
      </c>
      <c r="EN32" s="165">
        <v>4</v>
      </c>
      <c r="EO32" s="164">
        <v>4</v>
      </c>
      <c r="EP32" s="159">
        <v>2</v>
      </c>
      <c r="EQ32" s="160">
        <v>1</v>
      </c>
      <c r="ER32" s="165">
        <v>3</v>
      </c>
      <c r="ES32" s="162">
        <v>0</v>
      </c>
      <c r="ET32" s="160">
        <v>2</v>
      </c>
      <c r="EU32" s="160">
        <v>2</v>
      </c>
      <c r="EV32" s="160">
        <v>4</v>
      </c>
      <c r="EW32" s="160">
        <v>1</v>
      </c>
      <c r="EX32" s="160">
        <v>0</v>
      </c>
      <c r="EY32" s="165">
        <v>9</v>
      </c>
      <c r="EZ32" s="164">
        <v>12</v>
      </c>
    </row>
    <row r="33" spans="2:156" ht="21" customHeight="1" x14ac:dyDescent="0.2">
      <c r="B33" s="166" t="s">
        <v>31</v>
      </c>
      <c r="C33" s="159">
        <v>0</v>
      </c>
      <c r="D33" s="160">
        <v>0</v>
      </c>
      <c r="E33" s="161">
        <v>0</v>
      </c>
      <c r="F33" s="162">
        <v>0</v>
      </c>
      <c r="G33" s="160">
        <v>0</v>
      </c>
      <c r="H33" s="160">
        <v>0</v>
      </c>
      <c r="I33" s="160">
        <v>1</v>
      </c>
      <c r="J33" s="160">
        <v>0</v>
      </c>
      <c r="K33" s="160">
        <v>0</v>
      </c>
      <c r="L33" s="163">
        <v>1</v>
      </c>
      <c r="M33" s="164">
        <v>1</v>
      </c>
      <c r="N33" s="159">
        <v>0</v>
      </c>
      <c r="O33" s="160">
        <v>0</v>
      </c>
      <c r="P33" s="165">
        <v>0</v>
      </c>
      <c r="Q33" s="162">
        <v>0</v>
      </c>
      <c r="R33" s="160">
        <v>0</v>
      </c>
      <c r="S33" s="160">
        <v>1</v>
      </c>
      <c r="T33" s="160">
        <v>1</v>
      </c>
      <c r="U33" s="160">
        <v>0</v>
      </c>
      <c r="V33" s="160">
        <v>0</v>
      </c>
      <c r="W33" s="165">
        <v>2</v>
      </c>
      <c r="X33" s="164">
        <v>2</v>
      </c>
      <c r="Y33" s="159">
        <v>0</v>
      </c>
      <c r="Z33" s="160">
        <v>1</v>
      </c>
      <c r="AA33" s="165">
        <v>1</v>
      </c>
      <c r="AB33" s="162">
        <v>0</v>
      </c>
      <c r="AC33" s="160">
        <v>1</v>
      </c>
      <c r="AD33" s="160">
        <v>0</v>
      </c>
      <c r="AE33" s="160">
        <v>3</v>
      </c>
      <c r="AF33" s="160">
        <v>0</v>
      </c>
      <c r="AG33" s="160">
        <v>0</v>
      </c>
      <c r="AH33" s="165">
        <v>4</v>
      </c>
      <c r="AI33" s="164">
        <v>5</v>
      </c>
      <c r="AJ33" s="159">
        <v>0</v>
      </c>
      <c r="AK33" s="160">
        <v>0</v>
      </c>
      <c r="AL33" s="165">
        <v>0</v>
      </c>
      <c r="AM33" s="162">
        <v>0</v>
      </c>
      <c r="AN33" s="160">
        <v>0</v>
      </c>
      <c r="AO33" s="160">
        <v>0</v>
      </c>
      <c r="AP33" s="160">
        <v>0</v>
      </c>
      <c r="AQ33" s="160">
        <v>0</v>
      </c>
      <c r="AR33" s="160">
        <v>0</v>
      </c>
      <c r="AS33" s="165">
        <v>0</v>
      </c>
      <c r="AT33" s="164">
        <v>0</v>
      </c>
      <c r="AU33" s="159">
        <v>0</v>
      </c>
      <c r="AV33" s="160">
        <v>0</v>
      </c>
      <c r="AW33" s="165">
        <v>0</v>
      </c>
      <c r="AX33" s="162">
        <v>0</v>
      </c>
      <c r="AY33" s="160">
        <v>0</v>
      </c>
      <c r="AZ33" s="160">
        <v>0</v>
      </c>
      <c r="BA33" s="160">
        <v>0</v>
      </c>
      <c r="BB33" s="160">
        <v>2</v>
      </c>
      <c r="BC33" s="160">
        <v>1</v>
      </c>
      <c r="BD33" s="163">
        <v>3</v>
      </c>
      <c r="BE33" s="164">
        <v>3</v>
      </c>
      <c r="BF33" s="159">
        <v>0</v>
      </c>
      <c r="BG33" s="160">
        <v>0</v>
      </c>
      <c r="BH33" s="165">
        <v>0</v>
      </c>
      <c r="BI33" s="162">
        <v>0</v>
      </c>
      <c r="BJ33" s="160">
        <v>3</v>
      </c>
      <c r="BK33" s="160">
        <v>0</v>
      </c>
      <c r="BL33" s="160">
        <v>0</v>
      </c>
      <c r="BM33" s="160">
        <v>0</v>
      </c>
      <c r="BN33" s="160">
        <v>0</v>
      </c>
      <c r="BO33" s="165">
        <v>3</v>
      </c>
      <c r="BP33" s="164">
        <v>3</v>
      </c>
      <c r="BQ33" s="159">
        <v>0</v>
      </c>
      <c r="BR33" s="160">
        <v>0</v>
      </c>
      <c r="BS33" s="165">
        <v>0</v>
      </c>
      <c r="BT33" s="162">
        <v>0</v>
      </c>
      <c r="BU33" s="160">
        <v>1</v>
      </c>
      <c r="BV33" s="160">
        <v>1</v>
      </c>
      <c r="BW33" s="160">
        <v>1</v>
      </c>
      <c r="BX33" s="160">
        <v>0</v>
      </c>
      <c r="BY33" s="160">
        <v>0</v>
      </c>
      <c r="BZ33" s="165">
        <v>3</v>
      </c>
      <c r="CA33" s="164">
        <v>3</v>
      </c>
      <c r="CB33" s="159">
        <v>0</v>
      </c>
      <c r="CC33" s="160">
        <v>0</v>
      </c>
      <c r="CD33" s="165">
        <v>0</v>
      </c>
      <c r="CE33" s="162">
        <v>0</v>
      </c>
      <c r="CF33" s="160">
        <v>1</v>
      </c>
      <c r="CG33" s="160">
        <v>0</v>
      </c>
      <c r="CH33" s="160">
        <v>1</v>
      </c>
      <c r="CI33" s="160">
        <v>1</v>
      </c>
      <c r="CJ33" s="160">
        <v>0</v>
      </c>
      <c r="CK33" s="165">
        <v>3</v>
      </c>
      <c r="CL33" s="164">
        <v>3</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v>
      </c>
      <c r="DU33" s="160">
        <v>1</v>
      </c>
      <c r="DV33" s="165">
        <v>3</v>
      </c>
      <c r="DW33" s="162">
        <v>0</v>
      </c>
      <c r="DX33" s="160">
        <v>3</v>
      </c>
      <c r="DY33" s="160">
        <v>2</v>
      </c>
      <c r="DZ33" s="160">
        <v>3</v>
      </c>
      <c r="EA33" s="160">
        <v>1</v>
      </c>
      <c r="EB33" s="160">
        <v>0</v>
      </c>
      <c r="EC33" s="165">
        <v>9</v>
      </c>
      <c r="ED33" s="164">
        <v>12</v>
      </c>
      <c r="EE33" s="159">
        <v>0</v>
      </c>
      <c r="EF33" s="160">
        <v>0</v>
      </c>
      <c r="EG33" s="165">
        <v>0</v>
      </c>
      <c r="EH33" s="162">
        <v>0</v>
      </c>
      <c r="EI33" s="160">
        <v>0</v>
      </c>
      <c r="EJ33" s="160">
        <v>0</v>
      </c>
      <c r="EK33" s="160">
        <v>0</v>
      </c>
      <c r="EL33" s="160">
        <v>0</v>
      </c>
      <c r="EM33" s="160">
        <v>0</v>
      </c>
      <c r="EN33" s="165">
        <v>0</v>
      </c>
      <c r="EO33" s="164">
        <v>0</v>
      </c>
      <c r="EP33" s="159">
        <v>2</v>
      </c>
      <c r="EQ33" s="160">
        <v>1</v>
      </c>
      <c r="ER33" s="165">
        <v>3</v>
      </c>
      <c r="ES33" s="162">
        <v>0</v>
      </c>
      <c r="ET33" s="160">
        <v>5</v>
      </c>
      <c r="EU33" s="160">
        <v>3</v>
      </c>
      <c r="EV33" s="160">
        <v>4</v>
      </c>
      <c r="EW33" s="160">
        <v>1</v>
      </c>
      <c r="EX33" s="160">
        <v>0</v>
      </c>
      <c r="EY33" s="165">
        <v>13</v>
      </c>
      <c r="EZ33" s="164">
        <v>16</v>
      </c>
    </row>
    <row r="34" spans="2:156" ht="21" customHeight="1" x14ac:dyDescent="0.2">
      <c r="B34" s="166" t="s">
        <v>32</v>
      </c>
      <c r="C34" s="159">
        <v>0</v>
      </c>
      <c r="D34" s="160">
        <v>0</v>
      </c>
      <c r="E34" s="161">
        <v>0</v>
      </c>
      <c r="F34" s="162">
        <v>0</v>
      </c>
      <c r="G34" s="160">
        <v>2</v>
      </c>
      <c r="H34" s="160">
        <v>1</v>
      </c>
      <c r="I34" s="160">
        <v>0</v>
      </c>
      <c r="J34" s="160">
        <v>0</v>
      </c>
      <c r="K34" s="160">
        <v>1</v>
      </c>
      <c r="L34" s="163">
        <v>4</v>
      </c>
      <c r="M34" s="164">
        <v>4</v>
      </c>
      <c r="N34" s="159">
        <v>0</v>
      </c>
      <c r="O34" s="160">
        <v>0</v>
      </c>
      <c r="P34" s="165">
        <v>0</v>
      </c>
      <c r="Q34" s="162">
        <v>0</v>
      </c>
      <c r="R34" s="160">
        <v>0</v>
      </c>
      <c r="S34" s="160">
        <v>0</v>
      </c>
      <c r="T34" s="160">
        <v>0</v>
      </c>
      <c r="U34" s="160">
        <v>0</v>
      </c>
      <c r="V34" s="160">
        <v>1</v>
      </c>
      <c r="W34" s="165">
        <v>1</v>
      </c>
      <c r="X34" s="164">
        <v>1</v>
      </c>
      <c r="Y34" s="159">
        <v>0</v>
      </c>
      <c r="Z34" s="160">
        <v>0</v>
      </c>
      <c r="AA34" s="165">
        <v>0</v>
      </c>
      <c r="AB34" s="162">
        <v>0</v>
      </c>
      <c r="AC34" s="160">
        <v>3</v>
      </c>
      <c r="AD34" s="160">
        <v>4</v>
      </c>
      <c r="AE34" s="160">
        <v>0</v>
      </c>
      <c r="AF34" s="160">
        <v>0</v>
      </c>
      <c r="AG34" s="160">
        <v>0</v>
      </c>
      <c r="AH34" s="165">
        <v>7</v>
      </c>
      <c r="AI34" s="164">
        <v>7</v>
      </c>
      <c r="AJ34" s="159">
        <v>0</v>
      </c>
      <c r="AK34" s="160">
        <v>0</v>
      </c>
      <c r="AL34" s="165">
        <v>0</v>
      </c>
      <c r="AM34" s="162">
        <v>0</v>
      </c>
      <c r="AN34" s="160">
        <v>0</v>
      </c>
      <c r="AO34" s="160">
        <v>1</v>
      </c>
      <c r="AP34" s="160">
        <v>0</v>
      </c>
      <c r="AQ34" s="160">
        <v>0</v>
      </c>
      <c r="AR34" s="160">
        <v>0</v>
      </c>
      <c r="AS34" s="165">
        <v>1</v>
      </c>
      <c r="AT34" s="164">
        <v>1</v>
      </c>
      <c r="AU34" s="159">
        <v>0</v>
      </c>
      <c r="AV34" s="160">
        <v>0</v>
      </c>
      <c r="AW34" s="165">
        <v>0</v>
      </c>
      <c r="AX34" s="162">
        <v>0</v>
      </c>
      <c r="AY34" s="160">
        <v>0</v>
      </c>
      <c r="AZ34" s="160">
        <v>3</v>
      </c>
      <c r="BA34" s="160">
        <v>3</v>
      </c>
      <c r="BB34" s="160">
        <v>2</v>
      </c>
      <c r="BC34" s="160">
        <v>1</v>
      </c>
      <c r="BD34" s="163">
        <v>9</v>
      </c>
      <c r="BE34" s="164">
        <v>9</v>
      </c>
      <c r="BF34" s="159">
        <v>0</v>
      </c>
      <c r="BG34" s="160">
        <v>0</v>
      </c>
      <c r="BH34" s="165">
        <v>0</v>
      </c>
      <c r="BI34" s="162">
        <v>0</v>
      </c>
      <c r="BJ34" s="160">
        <v>2</v>
      </c>
      <c r="BK34" s="160">
        <v>6</v>
      </c>
      <c r="BL34" s="160">
        <v>1</v>
      </c>
      <c r="BM34" s="160">
        <v>0</v>
      </c>
      <c r="BN34" s="160">
        <v>0</v>
      </c>
      <c r="BO34" s="165">
        <v>9</v>
      </c>
      <c r="BP34" s="164">
        <v>9</v>
      </c>
      <c r="BQ34" s="159">
        <v>0</v>
      </c>
      <c r="BR34" s="160">
        <v>0</v>
      </c>
      <c r="BS34" s="165">
        <v>0</v>
      </c>
      <c r="BT34" s="162">
        <v>0</v>
      </c>
      <c r="BU34" s="160">
        <v>0</v>
      </c>
      <c r="BV34" s="160">
        <v>1</v>
      </c>
      <c r="BW34" s="160">
        <v>0</v>
      </c>
      <c r="BX34" s="160">
        <v>0</v>
      </c>
      <c r="BY34" s="160">
        <v>0</v>
      </c>
      <c r="BZ34" s="165">
        <v>1</v>
      </c>
      <c r="CA34" s="164">
        <v>1</v>
      </c>
      <c r="CB34" s="159">
        <v>0</v>
      </c>
      <c r="CC34" s="160">
        <v>0</v>
      </c>
      <c r="CD34" s="165">
        <v>0</v>
      </c>
      <c r="CE34" s="162">
        <v>0</v>
      </c>
      <c r="CF34" s="160">
        <v>0</v>
      </c>
      <c r="CG34" s="160">
        <v>1</v>
      </c>
      <c r="CH34" s="160">
        <v>0</v>
      </c>
      <c r="CI34" s="160">
        <v>0</v>
      </c>
      <c r="CJ34" s="160">
        <v>0</v>
      </c>
      <c r="CK34" s="165">
        <v>1</v>
      </c>
      <c r="CL34" s="164">
        <v>1</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4</v>
      </c>
      <c r="DV34" s="165">
        <v>5</v>
      </c>
      <c r="DW34" s="162">
        <v>0</v>
      </c>
      <c r="DX34" s="160">
        <v>5</v>
      </c>
      <c r="DY34" s="160">
        <v>8</v>
      </c>
      <c r="DZ34" s="160">
        <v>1</v>
      </c>
      <c r="EA34" s="160">
        <v>1</v>
      </c>
      <c r="EB34" s="160">
        <v>1</v>
      </c>
      <c r="EC34" s="165">
        <v>16</v>
      </c>
      <c r="ED34" s="164">
        <v>21</v>
      </c>
      <c r="EE34" s="159">
        <v>0</v>
      </c>
      <c r="EF34" s="160">
        <v>0</v>
      </c>
      <c r="EG34" s="165">
        <v>0</v>
      </c>
      <c r="EH34" s="162">
        <v>0</v>
      </c>
      <c r="EI34" s="160">
        <v>1</v>
      </c>
      <c r="EJ34" s="160">
        <v>2</v>
      </c>
      <c r="EK34" s="160">
        <v>1</v>
      </c>
      <c r="EL34" s="160">
        <v>1</v>
      </c>
      <c r="EM34" s="160">
        <v>1</v>
      </c>
      <c r="EN34" s="165">
        <v>6</v>
      </c>
      <c r="EO34" s="164">
        <v>6</v>
      </c>
      <c r="EP34" s="159">
        <v>1</v>
      </c>
      <c r="EQ34" s="160">
        <v>4</v>
      </c>
      <c r="ER34" s="165">
        <v>5</v>
      </c>
      <c r="ES34" s="162">
        <v>0</v>
      </c>
      <c r="ET34" s="160">
        <v>8</v>
      </c>
      <c r="EU34" s="160">
        <v>12</v>
      </c>
      <c r="EV34" s="160">
        <v>2</v>
      </c>
      <c r="EW34" s="160">
        <v>1</v>
      </c>
      <c r="EX34" s="160">
        <v>1</v>
      </c>
      <c r="EY34" s="165">
        <v>24</v>
      </c>
      <c r="EZ34" s="164">
        <v>29</v>
      </c>
    </row>
    <row r="35" spans="2:156" ht="21" customHeight="1" x14ac:dyDescent="0.2">
      <c r="B35" s="166" t="s">
        <v>33</v>
      </c>
      <c r="C35" s="159">
        <v>0</v>
      </c>
      <c r="D35" s="160">
        <v>0</v>
      </c>
      <c r="E35" s="161">
        <v>0</v>
      </c>
      <c r="F35" s="162">
        <v>0</v>
      </c>
      <c r="G35" s="160">
        <v>2</v>
      </c>
      <c r="H35" s="160">
        <v>0</v>
      </c>
      <c r="I35" s="160">
        <v>1</v>
      </c>
      <c r="J35" s="160">
        <v>0</v>
      </c>
      <c r="K35" s="160">
        <v>1</v>
      </c>
      <c r="L35" s="163">
        <v>4</v>
      </c>
      <c r="M35" s="164">
        <v>4</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2</v>
      </c>
      <c r="AD35" s="160">
        <v>1</v>
      </c>
      <c r="AE35" s="160">
        <v>1</v>
      </c>
      <c r="AF35" s="160">
        <v>0</v>
      </c>
      <c r="AG35" s="160">
        <v>0</v>
      </c>
      <c r="AH35" s="165">
        <v>4</v>
      </c>
      <c r="AI35" s="164">
        <v>4</v>
      </c>
      <c r="AJ35" s="159">
        <v>2</v>
      </c>
      <c r="AK35" s="160">
        <v>1</v>
      </c>
      <c r="AL35" s="165">
        <v>3</v>
      </c>
      <c r="AM35" s="162">
        <v>0</v>
      </c>
      <c r="AN35" s="160">
        <v>1</v>
      </c>
      <c r="AO35" s="160">
        <v>0</v>
      </c>
      <c r="AP35" s="160">
        <v>2</v>
      </c>
      <c r="AQ35" s="160">
        <v>0</v>
      </c>
      <c r="AR35" s="160">
        <v>0</v>
      </c>
      <c r="AS35" s="165">
        <v>3</v>
      </c>
      <c r="AT35" s="164">
        <v>6</v>
      </c>
      <c r="AU35" s="159">
        <v>0</v>
      </c>
      <c r="AV35" s="160">
        <v>0</v>
      </c>
      <c r="AW35" s="165">
        <v>0</v>
      </c>
      <c r="AX35" s="162">
        <v>0</v>
      </c>
      <c r="AY35" s="160">
        <v>1</v>
      </c>
      <c r="AZ35" s="160">
        <v>1</v>
      </c>
      <c r="BA35" s="160">
        <v>2</v>
      </c>
      <c r="BB35" s="160">
        <v>0</v>
      </c>
      <c r="BC35" s="160">
        <v>0</v>
      </c>
      <c r="BD35" s="163">
        <v>4</v>
      </c>
      <c r="BE35" s="164">
        <v>4</v>
      </c>
      <c r="BF35" s="159">
        <v>0</v>
      </c>
      <c r="BG35" s="160">
        <v>0</v>
      </c>
      <c r="BH35" s="165">
        <v>0</v>
      </c>
      <c r="BI35" s="162">
        <v>0</v>
      </c>
      <c r="BJ35" s="160">
        <v>1</v>
      </c>
      <c r="BK35" s="160">
        <v>0</v>
      </c>
      <c r="BL35" s="160">
        <v>0</v>
      </c>
      <c r="BM35" s="160">
        <v>0</v>
      </c>
      <c r="BN35" s="160">
        <v>0</v>
      </c>
      <c r="BO35" s="165">
        <v>1</v>
      </c>
      <c r="BP35" s="164">
        <v>1</v>
      </c>
      <c r="BQ35" s="159">
        <v>0</v>
      </c>
      <c r="BR35" s="160">
        <v>1</v>
      </c>
      <c r="BS35" s="165">
        <v>1</v>
      </c>
      <c r="BT35" s="162">
        <v>0</v>
      </c>
      <c r="BU35" s="160">
        <v>0</v>
      </c>
      <c r="BV35" s="160">
        <v>0</v>
      </c>
      <c r="BW35" s="160">
        <v>0</v>
      </c>
      <c r="BX35" s="160">
        <v>0</v>
      </c>
      <c r="BY35" s="160">
        <v>0</v>
      </c>
      <c r="BZ35" s="165">
        <v>0</v>
      </c>
      <c r="CA35" s="164">
        <v>1</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3</v>
      </c>
      <c r="DY35" s="160">
        <v>1</v>
      </c>
      <c r="DZ35" s="160">
        <v>1</v>
      </c>
      <c r="EA35" s="160">
        <v>0</v>
      </c>
      <c r="EB35" s="160">
        <v>1</v>
      </c>
      <c r="EC35" s="165">
        <v>6</v>
      </c>
      <c r="ED35" s="164">
        <v>8</v>
      </c>
      <c r="EE35" s="159">
        <v>0</v>
      </c>
      <c r="EF35" s="160">
        <v>0</v>
      </c>
      <c r="EG35" s="165">
        <v>0</v>
      </c>
      <c r="EH35" s="162">
        <v>0</v>
      </c>
      <c r="EI35" s="160">
        <v>0</v>
      </c>
      <c r="EJ35" s="160">
        <v>1</v>
      </c>
      <c r="EK35" s="160">
        <v>0</v>
      </c>
      <c r="EL35" s="160">
        <v>0</v>
      </c>
      <c r="EM35" s="160">
        <v>0</v>
      </c>
      <c r="EN35" s="165">
        <v>1</v>
      </c>
      <c r="EO35" s="164">
        <v>1</v>
      </c>
      <c r="EP35" s="159">
        <v>2</v>
      </c>
      <c r="EQ35" s="160">
        <v>2</v>
      </c>
      <c r="ER35" s="165">
        <v>4</v>
      </c>
      <c r="ES35" s="162">
        <v>0</v>
      </c>
      <c r="ET35" s="160">
        <v>2</v>
      </c>
      <c r="EU35" s="160">
        <v>1</v>
      </c>
      <c r="EV35" s="160">
        <v>2</v>
      </c>
      <c r="EW35" s="160">
        <v>0</v>
      </c>
      <c r="EX35" s="160">
        <v>1</v>
      </c>
      <c r="EY35" s="165">
        <v>6</v>
      </c>
      <c r="EZ35" s="164">
        <v>10</v>
      </c>
    </row>
    <row r="36" spans="2:156" ht="21" customHeight="1" x14ac:dyDescent="0.2">
      <c r="B36" s="166" t="s">
        <v>34</v>
      </c>
      <c r="C36" s="159">
        <v>0</v>
      </c>
      <c r="D36" s="160">
        <v>0</v>
      </c>
      <c r="E36" s="161">
        <v>0</v>
      </c>
      <c r="F36" s="162">
        <v>0</v>
      </c>
      <c r="G36" s="160">
        <v>0</v>
      </c>
      <c r="H36" s="160">
        <v>0</v>
      </c>
      <c r="I36" s="160">
        <v>0</v>
      </c>
      <c r="J36" s="160">
        <v>0</v>
      </c>
      <c r="K36" s="160">
        <v>0</v>
      </c>
      <c r="L36" s="163">
        <v>0</v>
      </c>
      <c r="M36" s="164">
        <v>0</v>
      </c>
      <c r="N36" s="159">
        <v>0</v>
      </c>
      <c r="O36" s="160">
        <v>0</v>
      </c>
      <c r="P36" s="165">
        <v>0</v>
      </c>
      <c r="Q36" s="162">
        <v>0</v>
      </c>
      <c r="R36" s="160">
        <v>0</v>
      </c>
      <c r="S36" s="160">
        <v>0</v>
      </c>
      <c r="T36" s="160">
        <v>0</v>
      </c>
      <c r="U36" s="160">
        <v>0</v>
      </c>
      <c r="V36" s="160">
        <v>0</v>
      </c>
      <c r="W36" s="165">
        <v>0</v>
      </c>
      <c r="X36" s="164">
        <v>0</v>
      </c>
      <c r="Y36" s="159">
        <v>0</v>
      </c>
      <c r="Z36" s="160">
        <v>0</v>
      </c>
      <c r="AA36" s="165">
        <v>0</v>
      </c>
      <c r="AB36" s="162">
        <v>0</v>
      </c>
      <c r="AC36" s="160">
        <v>1</v>
      </c>
      <c r="AD36" s="160">
        <v>1</v>
      </c>
      <c r="AE36" s="160">
        <v>0</v>
      </c>
      <c r="AF36" s="160">
        <v>1</v>
      </c>
      <c r="AG36" s="160">
        <v>0</v>
      </c>
      <c r="AH36" s="165">
        <v>3</v>
      </c>
      <c r="AI36" s="164">
        <v>3</v>
      </c>
      <c r="AJ36" s="159">
        <v>0</v>
      </c>
      <c r="AK36" s="160">
        <v>0</v>
      </c>
      <c r="AL36" s="165">
        <v>0</v>
      </c>
      <c r="AM36" s="162">
        <v>0</v>
      </c>
      <c r="AN36" s="160">
        <v>0</v>
      </c>
      <c r="AO36" s="160">
        <v>0</v>
      </c>
      <c r="AP36" s="160">
        <v>0</v>
      </c>
      <c r="AQ36" s="160">
        <v>0</v>
      </c>
      <c r="AR36" s="160">
        <v>0</v>
      </c>
      <c r="AS36" s="165">
        <v>0</v>
      </c>
      <c r="AT36" s="164">
        <v>0</v>
      </c>
      <c r="AU36" s="159">
        <v>0</v>
      </c>
      <c r="AV36" s="160">
        <v>0</v>
      </c>
      <c r="AW36" s="165">
        <v>0</v>
      </c>
      <c r="AX36" s="162">
        <v>0</v>
      </c>
      <c r="AY36" s="160">
        <v>0</v>
      </c>
      <c r="AZ36" s="160">
        <v>4</v>
      </c>
      <c r="BA36" s="160">
        <v>0</v>
      </c>
      <c r="BB36" s="160">
        <v>0</v>
      </c>
      <c r="BC36" s="160">
        <v>1</v>
      </c>
      <c r="BD36" s="163">
        <v>5</v>
      </c>
      <c r="BE36" s="164">
        <v>5</v>
      </c>
      <c r="BF36" s="159">
        <v>0</v>
      </c>
      <c r="BG36" s="160">
        <v>0</v>
      </c>
      <c r="BH36" s="165">
        <v>0</v>
      </c>
      <c r="BI36" s="162">
        <v>0</v>
      </c>
      <c r="BJ36" s="160">
        <v>0</v>
      </c>
      <c r="BK36" s="160">
        <v>2</v>
      </c>
      <c r="BL36" s="160">
        <v>0</v>
      </c>
      <c r="BM36" s="160">
        <v>0</v>
      </c>
      <c r="BN36" s="160">
        <v>0</v>
      </c>
      <c r="BO36" s="165">
        <v>2</v>
      </c>
      <c r="BP36" s="164">
        <v>2</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1</v>
      </c>
      <c r="EA36" s="160">
        <v>1</v>
      </c>
      <c r="EB36" s="160">
        <v>0</v>
      </c>
      <c r="EC36" s="165">
        <v>10</v>
      </c>
      <c r="ED36" s="164">
        <v>10</v>
      </c>
      <c r="EE36" s="159">
        <v>0</v>
      </c>
      <c r="EF36" s="160">
        <v>0</v>
      </c>
      <c r="EG36" s="165">
        <v>0</v>
      </c>
      <c r="EH36" s="162">
        <v>0</v>
      </c>
      <c r="EI36" s="160">
        <v>1</v>
      </c>
      <c r="EJ36" s="160">
        <v>1</v>
      </c>
      <c r="EK36" s="160">
        <v>0</v>
      </c>
      <c r="EL36" s="160">
        <v>0</v>
      </c>
      <c r="EM36" s="160">
        <v>2</v>
      </c>
      <c r="EN36" s="165">
        <v>4</v>
      </c>
      <c r="EO36" s="164">
        <v>4</v>
      </c>
      <c r="EP36" s="159">
        <v>0</v>
      </c>
      <c r="EQ36" s="160">
        <v>0</v>
      </c>
      <c r="ER36" s="165">
        <v>0</v>
      </c>
      <c r="ES36" s="162">
        <v>0</v>
      </c>
      <c r="ET36" s="160">
        <v>2</v>
      </c>
      <c r="EU36" s="160">
        <v>6</v>
      </c>
      <c r="EV36" s="160">
        <v>0</v>
      </c>
      <c r="EW36" s="160">
        <v>1</v>
      </c>
      <c r="EX36" s="160">
        <v>0</v>
      </c>
      <c r="EY36" s="165">
        <v>9</v>
      </c>
      <c r="EZ36" s="164">
        <v>9</v>
      </c>
    </row>
    <row r="37" spans="2:156" ht="21" customHeight="1" x14ac:dyDescent="0.2">
      <c r="B37" s="166" t="s">
        <v>35</v>
      </c>
      <c r="C37" s="159">
        <v>0</v>
      </c>
      <c r="D37" s="160">
        <v>0</v>
      </c>
      <c r="E37" s="161">
        <v>0</v>
      </c>
      <c r="F37" s="162">
        <v>0</v>
      </c>
      <c r="G37" s="160">
        <v>2</v>
      </c>
      <c r="H37" s="160">
        <v>1</v>
      </c>
      <c r="I37" s="160">
        <v>3</v>
      </c>
      <c r="J37" s="160">
        <v>1</v>
      </c>
      <c r="K37" s="160">
        <v>0</v>
      </c>
      <c r="L37" s="163">
        <v>7</v>
      </c>
      <c r="M37" s="164">
        <v>7</v>
      </c>
      <c r="N37" s="159">
        <v>0</v>
      </c>
      <c r="O37" s="160">
        <v>0</v>
      </c>
      <c r="P37" s="165">
        <v>0</v>
      </c>
      <c r="Q37" s="162">
        <v>0</v>
      </c>
      <c r="R37" s="160">
        <v>0</v>
      </c>
      <c r="S37" s="160">
        <v>0</v>
      </c>
      <c r="T37" s="160">
        <v>0</v>
      </c>
      <c r="U37" s="160">
        <v>1</v>
      </c>
      <c r="V37" s="160">
        <v>0</v>
      </c>
      <c r="W37" s="165">
        <v>1</v>
      </c>
      <c r="X37" s="164">
        <v>1</v>
      </c>
      <c r="Y37" s="159">
        <v>0</v>
      </c>
      <c r="Z37" s="160">
        <v>0</v>
      </c>
      <c r="AA37" s="165">
        <v>0</v>
      </c>
      <c r="AB37" s="162">
        <v>0</v>
      </c>
      <c r="AC37" s="160">
        <v>1</v>
      </c>
      <c r="AD37" s="160">
        <v>0</v>
      </c>
      <c r="AE37" s="160">
        <v>4</v>
      </c>
      <c r="AF37" s="160">
        <v>0</v>
      </c>
      <c r="AG37" s="160">
        <v>0</v>
      </c>
      <c r="AH37" s="165">
        <v>5</v>
      </c>
      <c r="AI37" s="164">
        <v>5</v>
      </c>
      <c r="AJ37" s="159">
        <v>1</v>
      </c>
      <c r="AK37" s="160">
        <v>1</v>
      </c>
      <c r="AL37" s="165">
        <v>2</v>
      </c>
      <c r="AM37" s="162">
        <v>0</v>
      </c>
      <c r="AN37" s="160">
        <v>1</v>
      </c>
      <c r="AO37" s="160">
        <v>0</v>
      </c>
      <c r="AP37" s="160">
        <v>1</v>
      </c>
      <c r="AQ37" s="160">
        <v>0</v>
      </c>
      <c r="AR37" s="160">
        <v>0</v>
      </c>
      <c r="AS37" s="165">
        <v>2</v>
      </c>
      <c r="AT37" s="164">
        <v>4</v>
      </c>
      <c r="AU37" s="159">
        <v>1</v>
      </c>
      <c r="AV37" s="160">
        <v>0</v>
      </c>
      <c r="AW37" s="165">
        <v>1</v>
      </c>
      <c r="AX37" s="162">
        <v>0</v>
      </c>
      <c r="AY37" s="160">
        <v>10</v>
      </c>
      <c r="AZ37" s="160">
        <v>4</v>
      </c>
      <c r="BA37" s="160">
        <v>4</v>
      </c>
      <c r="BB37" s="160">
        <v>5</v>
      </c>
      <c r="BC37" s="160">
        <v>1</v>
      </c>
      <c r="BD37" s="163">
        <v>24</v>
      </c>
      <c r="BE37" s="164">
        <v>25</v>
      </c>
      <c r="BF37" s="159">
        <v>0</v>
      </c>
      <c r="BG37" s="160">
        <v>0</v>
      </c>
      <c r="BH37" s="165">
        <v>0</v>
      </c>
      <c r="BI37" s="162">
        <v>0</v>
      </c>
      <c r="BJ37" s="160">
        <v>2</v>
      </c>
      <c r="BK37" s="160">
        <v>2</v>
      </c>
      <c r="BL37" s="160">
        <v>3</v>
      </c>
      <c r="BM37" s="160">
        <v>0</v>
      </c>
      <c r="BN37" s="160">
        <v>1</v>
      </c>
      <c r="BO37" s="165">
        <v>8</v>
      </c>
      <c r="BP37" s="164">
        <v>8</v>
      </c>
      <c r="BQ37" s="159">
        <v>1</v>
      </c>
      <c r="BR37" s="160">
        <v>0</v>
      </c>
      <c r="BS37" s="165">
        <v>1</v>
      </c>
      <c r="BT37" s="162">
        <v>0</v>
      </c>
      <c r="BU37" s="160">
        <v>3</v>
      </c>
      <c r="BV37" s="160">
        <v>0</v>
      </c>
      <c r="BW37" s="160">
        <v>2</v>
      </c>
      <c r="BX37" s="160">
        <v>2</v>
      </c>
      <c r="BY37" s="160">
        <v>0</v>
      </c>
      <c r="BZ37" s="165">
        <v>7</v>
      </c>
      <c r="CA37" s="164">
        <v>8</v>
      </c>
      <c r="CB37" s="159">
        <v>0</v>
      </c>
      <c r="CC37" s="160">
        <v>0</v>
      </c>
      <c r="CD37" s="165">
        <v>0</v>
      </c>
      <c r="CE37" s="162">
        <v>0</v>
      </c>
      <c r="CF37" s="160">
        <v>0</v>
      </c>
      <c r="CG37" s="160">
        <v>0</v>
      </c>
      <c r="CH37" s="160">
        <v>0</v>
      </c>
      <c r="CI37" s="160">
        <v>0</v>
      </c>
      <c r="CJ37" s="160">
        <v>0</v>
      </c>
      <c r="CK37" s="165">
        <v>0</v>
      </c>
      <c r="CL37" s="164">
        <v>0</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1</v>
      </c>
      <c r="DU37" s="160">
        <v>1</v>
      </c>
      <c r="DV37" s="165">
        <v>2</v>
      </c>
      <c r="DW37" s="162">
        <v>0</v>
      </c>
      <c r="DX37" s="160">
        <v>4</v>
      </c>
      <c r="DY37" s="160">
        <v>2</v>
      </c>
      <c r="DZ37" s="160">
        <v>8</v>
      </c>
      <c r="EA37" s="160">
        <v>3</v>
      </c>
      <c r="EB37" s="160">
        <v>1</v>
      </c>
      <c r="EC37" s="165">
        <v>18</v>
      </c>
      <c r="ED37" s="164">
        <v>20</v>
      </c>
      <c r="EE37" s="159">
        <v>1</v>
      </c>
      <c r="EF37" s="160">
        <v>0</v>
      </c>
      <c r="EG37" s="165">
        <v>1</v>
      </c>
      <c r="EH37" s="162">
        <v>0</v>
      </c>
      <c r="EI37" s="160">
        <v>7</v>
      </c>
      <c r="EJ37" s="160">
        <v>2</v>
      </c>
      <c r="EK37" s="160">
        <v>0</v>
      </c>
      <c r="EL37" s="160">
        <v>5</v>
      </c>
      <c r="EM37" s="160">
        <v>1</v>
      </c>
      <c r="EN37" s="165">
        <v>15</v>
      </c>
      <c r="EO37" s="164">
        <v>16</v>
      </c>
      <c r="EP37" s="159">
        <v>3</v>
      </c>
      <c r="EQ37" s="160">
        <v>2</v>
      </c>
      <c r="ER37" s="165">
        <v>5</v>
      </c>
      <c r="ES37" s="162">
        <v>0</v>
      </c>
      <c r="ET37" s="160">
        <v>8</v>
      </c>
      <c r="EU37" s="160">
        <v>3</v>
      </c>
      <c r="EV37" s="160">
        <v>8</v>
      </c>
      <c r="EW37" s="160">
        <v>3</v>
      </c>
      <c r="EX37" s="160">
        <v>1</v>
      </c>
      <c r="EY37" s="165">
        <v>23</v>
      </c>
      <c r="EZ37" s="164">
        <v>28</v>
      </c>
    </row>
    <row r="38" spans="2:156" ht="21" customHeight="1" x14ac:dyDescent="0.2">
      <c r="B38" s="166" t="s">
        <v>36</v>
      </c>
      <c r="C38" s="159">
        <v>0</v>
      </c>
      <c r="D38" s="160">
        <v>0</v>
      </c>
      <c r="E38" s="161">
        <v>0</v>
      </c>
      <c r="F38" s="162">
        <v>0</v>
      </c>
      <c r="G38" s="160">
        <v>1</v>
      </c>
      <c r="H38" s="160">
        <v>0</v>
      </c>
      <c r="I38" s="160">
        <v>1</v>
      </c>
      <c r="J38" s="160">
        <v>0</v>
      </c>
      <c r="K38" s="160">
        <v>1</v>
      </c>
      <c r="L38" s="163">
        <v>3</v>
      </c>
      <c r="M38" s="164">
        <v>3</v>
      </c>
      <c r="N38" s="159">
        <v>0</v>
      </c>
      <c r="O38" s="160">
        <v>0</v>
      </c>
      <c r="P38" s="165">
        <v>0</v>
      </c>
      <c r="Q38" s="162">
        <v>0</v>
      </c>
      <c r="R38" s="160">
        <v>0</v>
      </c>
      <c r="S38" s="160">
        <v>0</v>
      </c>
      <c r="T38" s="160">
        <v>0</v>
      </c>
      <c r="U38" s="160">
        <v>2</v>
      </c>
      <c r="V38" s="160">
        <v>1</v>
      </c>
      <c r="W38" s="165">
        <v>3</v>
      </c>
      <c r="X38" s="164">
        <v>3</v>
      </c>
      <c r="Y38" s="159">
        <v>0</v>
      </c>
      <c r="Z38" s="160">
        <v>0</v>
      </c>
      <c r="AA38" s="165">
        <v>0</v>
      </c>
      <c r="AB38" s="162">
        <v>0</v>
      </c>
      <c r="AC38" s="160">
        <v>0</v>
      </c>
      <c r="AD38" s="160">
        <v>0</v>
      </c>
      <c r="AE38" s="160">
        <v>2</v>
      </c>
      <c r="AF38" s="160">
        <v>1</v>
      </c>
      <c r="AG38" s="160">
        <v>2</v>
      </c>
      <c r="AH38" s="165">
        <v>5</v>
      </c>
      <c r="AI38" s="164">
        <v>5</v>
      </c>
      <c r="AJ38" s="159">
        <v>0</v>
      </c>
      <c r="AK38" s="160">
        <v>1</v>
      </c>
      <c r="AL38" s="165">
        <v>1</v>
      </c>
      <c r="AM38" s="162">
        <v>0</v>
      </c>
      <c r="AN38" s="160">
        <v>0</v>
      </c>
      <c r="AO38" s="160">
        <v>1</v>
      </c>
      <c r="AP38" s="160">
        <v>1</v>
      </c>
      <c r="AQ38" s="160">
        <v>1</v>
      </c>
      <c r="AR38" s="160">
        <v>0</v>
      </c>
      <c r="AS38" s="165">
        <v>3</v>
      </c>
      <c r="AT38" s="164">
        <v>4</v>
      </c>
      <c r="AU38" s="159">
        <v>0</v>
      </c>
      <c r="AV38" s="160">
        <v>0</v>
      </c>
      <c r="AW38" s="165">
        <v>0</v>
      </c>
      <c r="AX38" s="162">
        <v>0</v>
      </c>
      <c r="AY38" s="160">
        <v>4</v>
      </c>
      <c r="AZ38" s="160">
        <v>1</v>
      </c>
      <c r="BA38" s="160">
        <v>1</v>
      </c>
      <c r="BB38" s="160">
        <v>3</v>
      </c>
      <c r="BC38" s="160">
        <v>1</v>
      </c>
      <c r="BD38" s="163">
        <v>10</v>
      </c>
      <c r="BE38" s="164">
        <v>10</v>
      </c>
      <c r="BF38" s="159">
        <v>0</v>
      </c>
      <c r="BG38" s="160">
        <v>0</v>
      </c>
      <c r="BH38" s="165">
        <v>0</v>
      </c>
      <c r="BI38" s="162">
        <v>0</v>
      </c>
      <c r="BJ38" s="160">
        <v>1</v>
      </c>
      <c r="BK38" s="160">
        <v>2</v>
      </c>
      <c r="BL38" s="160">
        <v>0</v>
      </c>
      <c r="BM38" s="160">
        <v>0</v>
      </c>
      <c r="BN38" s="160">
        <v>0</v>
      </c>
      <c r="BO38" s="165">
        <v>3</v>
      </c>
      <c r="BP38" s="164">
        <v>3</v>
      </c>
      <c r="BQ38" s="159">
        <v>1</v>
      </c>
      <c r="BR38" s="160">
        <v>1</v>
      </c>
      <c r="BS38" s="165">
        <v>2</v>
      </c>
      <c r="BT38" s="162">
        <v>0</v>
      </c>
      <c r="BU38" s="160">
        <v>0</v>
      </c>
      <c r="BV38" s="160">
        <v>0</v>
      </c>
      <c r="BW38" s="160">
        <v>0</v>
      </c>
      <c r="BX38" s="160">
        <v>1</v>
      </c>
      <c r="BY38" s="160">
        <v>0</v>
      </c>
      <c r="BZ38" s="165">
        <v>1</v>
      </c>
      <c r="CA38" s="164">
        <v>3</v>
      </c>
      <c r="CB38" s="159">
        <v>0</v>
      </c>
      <c r="CC38" s="160">
        <v>0</v>
      </c>
      <c r="CD38" s="165">
        <v>0</v>
      </c>
      <c r="CE38" s="162">
        <v>0</v>
      </c>
      <c r="CF38" s="160">
        <v>0</v>
      </c>
      <c r="CG38" s="160">
        <v>1</v>
      </c>
      <c r="CH38" s="160">
        <v>0</v>
      </c>
      <c r="CI38" s="160">
        <v>1</v>
      </c>
      <c r="CJ38" s="160">
        <v>0</v>
      </c>
      <c r="CK38" s="165">
        <v>2</v>
      </c>
      <c r="CL38" s="164">
        <v>2</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1</v>
      </c>
      <c r="DV38" s="165">
        <v>3</v>
      </c>
      <c r="DW38" s="162">
        <v>0</v>
      </c>
      <c r="DX38" s="160">
        <v>4</v>
      </c>
      <c r="DY38" s="160">
        <v>5</v>
      </c>
      <c r="DZ38" s="160">
        <v>2</v>
      </c>
      <c r="EA38" s="160">
        <v>5</v>
      </c>
      <c r="EB38" s="160">
        <v>1</v>
      </c>
      <c r="EC38" s="165">
        <v>17</v>
      </c>
      <c r="ED38" s="164">
        <v>20</v>
      </c>
      <c r="EE38" s="159">
        <v>0</v>
      </c>
      <c r="EF38" s="160">
        <v>0</v>
      </c>
      <c r="EG38" s="165">
        <v>0</v>
      </c>
      <c r="EH38" s="162">
        <v>0</v>
      </c>
      <c r="EI38" s="160">
        <v>3</v>
      </c>
      <c r="EJ38" s="160">
        <v>1</v>
      </c>
      <c r="EK38" s="160">
        <v>0</v>
      </c>
      <c r="EL38" s="160">
        <v>0</v>
      </c>
      <c r="EM38" s="160">
        <v>0</v>
      </c>
      <c r="EN38" s="165">
        <v>4</v>
      </c>
      <c r="EO38" s="164">
        <v>4</v>
      </c>
      <c r="EP38" s="159">
        <v>3</v>
      </c>
      <c r="EQ38" s="160">
        <v>2</v>
      </c>
      <c r="ER38" s="165">
        <v>5</v>
      </c>
      <c r="ES38" s="162">
        <v>0</v>
      </c>
      <c r="ET38" s="160">
        <v>6</v>
      </c>
      <c r="EU38" s="160">
        <v>6</v>
      </c>
      <c r="EV38" s="160">
        <v>2</v>
      </c>
      <c r="EW38" s="160">
        <v>5</v>
      </c>
      <c r="EX38" s="160">
        <v>2</v>
      </c>
      <c r="EY38" s="165">
        <v>21</v>
      </c>
      <c r="EZ38" s="164">
        <v>26</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1</v>
      </c>
      <c r="BL39" s="169">
        <v>0</v>
      </c>
      <c r="BM39" s="169">
        <v>0</v>
      </c>
      <c r="BN39" s="169">
        <v>0</v>
      </c>
      <c r="BO39" s="174">
        <v>1</v>
      </c>
      <c r="BP39" s="173">
        <v>1</v>
      </c>
      <c r="BQ39" s="168">
        <v>0</v>
      </c>
      <c r="BR39" s="169">
        <v>0</v>
      </c>
      <c r="BS39" s="174">
        <v>0</v>
      </c>
      <c r="BT39" s="171">
        <v>0</v>
      </c>
      <c r="BU39" s="169">
        <v>1</v>
      </c>
      <c r="BV39" s="169">
        <v>0</v>
      </c>
      <c r="BW39" s="169">
        <v>1</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1</v>
      </c>
      <c r="DZ39" s="169">
        <v>1</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1</v>
      </c>
      <c r="EV39" s="169">
        <v>1</v>
      </c>
      <c r="EW39" s="169">
        <v>0</v>
      </c>
      <c r="EX39" s="169">
        <v>0</v>
      </c>
      <c r="EY39" s="174">
        <v>3</v>
      </c>
      <c r="EZ39" s="173">
        <v>3</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6">
        <f>第１表!F2</f>
        <v>6</v>
      </c>
      <c r="J1" s="446"/>
      <c r="K1" s="18">
        <f>第１表!G2</f>
        <v>5</v>
      </c>
      <c r="L1" s="451">
        <f>IF(K1&lt;3,K1+12-2,K1-2)</f>
        <v>3</v>
      </c>
      <c r="M1" s="451"/>
    </row>
    <row r="2" spans="2:156" ht="24" customHeight="1" thickBot="1" x14ac:dyDescent="0.25">
      <c r="B2" s="142" t="s">
        <v>151</v>
      </c>
      <c r="G2" s="17"/>
      <c r="H2" s="18"/>
      <c r="J2" s="176"/>
      <c r="K2" s="176"/>
    </row>
    <row r="3" spans="2:156" ht="21" customHeight="1" thickBot="1" x14ac:dyDescent="0.25">
      <c r="B3" s="482"/>
      <c r="C3" s="476" t="s">
        <v>70</v>
      </c>
      <c r="D3" s="477"/>
      <c r="E3" s="477"/>
      <c r="F3" s="477"/>
      <c r="G3" s="477"/>
      <c r="H3" s="477"/>
      <c r="I3" s="477"/>
      <c r="J3" s="477"/>
      <c r="K3" s="477"/>
      <c r="L3" s="477"/>
      <c r="M3" s="478"/>
      <c r="N3" s="476" t="s">
        <v>71</v>
      </c>
      <c r="O3" s="477"/>
      <c r="P3" s="477"/>
      <c r="Q3" s="477"/>
      <c r="R3" s="477"/>
      <c r="S3" s="477"/>
      <c r="T3" s="477"/>
      <c r="U3" s="477"/>
      <c r="V3" s="477"/>
      <c r="W3" s="477"/>
      <c r="X3" s="478"/>
      <c r="Y3" s="476" t="s">
        <v>72</v>
      </c>
      <c r="Z3" s="477"/>
      <c r="AA3" s="477"/>
      <c r="AB3" s="477"/>
      <c r="AC3" s="477"/>
      <c r="AD3" s="477"/>
      <c r="AE3" s="477"/>
      <c r="AF3" s="477"/>
      <c r="AG3" s="477"/>
      <c r="AH3" s="477"/>
      <c r="AI3" s="478"/>
      <c r="AJ3" s="476" t="s">
        <v>73</v>
      </c>
      <c r="AK3" s="477"/>
      <c r="AL3" s="477"/>
      <c r="AM3" s="477"/>
      <c r="AN3" s="477"/>
      <c r="AO3" s="477"/>
      <c r="AP3" s="477"/>
      <c r="AQ3" s="477"/>
      <c r="AR3" s="477"/>
      <c r="AS3" s="477"/>
      <c r="AT3" s="478"/>
      <c r="AU3" s="476" t="s">
        <v>74</v>
      </c>
      <c r="AV3" s="477"/>
      <c r="AW3" s="477"/>
      <c r="AX3" s="477"/>
      <c r="AY3" s="477"/>
      <c r="AZ3" s="477"/>
      <c r="BA3" s="477"/>
      <c r="BB3" s="477"/>
      <c r="BC3" s="477"/>
      <c r="BD3" s="477"/>
      <c r="BE3" s="478"/>
      <c r="BF3" s="476" t="s">
        <v>75</v>
      </c>
      <c r="BG3" s="477"/>
      <c r="BH3" s="477"/>
      <c r="BI3" s="477"/>
      <c r="BJ3" s="477"/>
      <c r="BK3" s="477"/>
      <c r="BL3" s="477"/>
      <c r="BM3" s="477"/>
      <c r="BN3" s="477"/>
      <c r="BO3" s="477"/>
      <c r="BP3" s="478"/>
      <c r="BQ3" s="476" t="s">
        <v>76</v>
      </c>
      <c r="BR3" s="477"/>
      <c r="BS3" s="477"/>
      <c r="BT3" s="477"/>
      <c r="BU3" s="477"/>
      <c r="BV3" s="477"/>
      <c r="BW3" s="477"/>
      <c r="BX3" s="477"/>
      <c r="BY3" s="477"/>
      <c r="BZ3" s="477"/>
      <c r="CA3" s="478"/>
      <c r="CB3" s="476" t="s">
        <v>77</v>
      </c>
      <c r="CC3" s="477"/>
      <c r="CD3" s="477"/>
      <c r="CE3" s="477"/>
      <c r="CF3" s="477"/>
      <c r="CG3" s="477"/>
      <c r="CH3" s="477"/>
      <c r="CI3" s="477"/>
      <c r="CJ3" s="477"/>
      <c r="CK3" s="477"/>
      <c r="CL3" s="478"/>
      <c r="CM3" s="476" t="s">
        <v>78</v>
      </c>
      <c r="CN3" s="477"/>
      <c r="CO3" s="477"/>
      <c r="CP3" s="477"/>
      <c r="CQ3" s="477"/>
      <c r="CR3" s="477"/>
      <c r="CS3" s="477"/>
      <c r="CT3" s="477"/>
      <c r="CU3" s="477"/>
      <c r="CV3" s="477"/>
      <c r="CW3" s="478"/>
      <c r="CX3" s="476" t="s">
        <v>79</v>
      </c>
      <c r="CY3" s="477"/>
      <c r="CZ3" s="477"/>
      <c r="DA3" s="477"/>
      <c r="DB3" s="477"/>
      <c r="DC3" s="477"/>
      <c r="DD3" s="477"/>
      <c r="DE3" s="477"/>
      <c r="DF3" s="477"/>
      <c r="DG3" s="477"/>
      <c r="DH3" s="478"/>
      <c r="DI3" s="476" t="s">
        <v>149</v>
      </c>
      <c r="DJ3" s="477"/>
      <c r="DK3" s="477"/>
      <c r="DL3" s="477"/>
      <c r="DM3" s="477"/>
      <c r="DN3" s="477"/>
      <c r="DO3" s="477"/>
      <c r="DP3" s="477"/>
      <c r="DQ3" s="477"/>
      <c r="DR3" s="477"/>
      <c r="DS3" s="478"/>
      <c r="DT3" s="476" t="s">
        <v>80</v>
      </c>
      <c r="DU3" s="477"/>
      <c r="DV3" s="477"/>
      <c r="DW3" s="477"/>
      <c r="DX3" s="477"/>
      <c r="DY3" s="477"/>
      <c r="DZ3" s="477"/>
      <c r="EA3" s="477"/>
      <c r="EB3" s="477"/>
      <c r="EC3" s="477"/>
      <c r="ED3" s="478"/>
      <c r="EE3" s="476" t="s">
        <v>68</v>
      </c>
      <c r="EF3" s="477"/>
      <c r="EG3" s="477"/>
      <c r="EH3" s="477"/>
      <c r="EI3" s="477"/>
      <c r="EJ3" s="477"/>
      <c r="EK3" s="477"/>
      <c r="EL3" s="477"/>
      <c r="EM3" s="477"/>
      <c r="EN3" s="477"/>
      <c r="EO3" s="478"/>
      <c r="EP3" s="479" t="s">
        <v>69</v>
      </c>
      <c r="EQ3" s="480"/>
      <c r="ER3" s="480"/>
      <c r="ES3" s="480"/>
      <c r="ET3" s="480"/>
      <c r="EU3" s="480"/>
      <c r="EV3" s="480"/>
      <c r="EW3" s="480"/>
      <c r="EX3" s="480"/>
      <c r="EY3" s="480"/>
      <c r="EZ3" s="481"/>
    </row>
    <row r="4" spans="2:156" ht="21" customHeight="1" x14ac:dyDescent="0.2">
      <c r="B4" s="483"/>
      <c r="C4" s="469" t="s">
        <v>61</v>
      </c>
      <c r="D4" s="470"/>
      <c r="E4" s="471"/>
      <c r="F4" s="472" t="s">
        <v>62</v>
      </c>
      <c r="G4" s="470"/>
      <c r="H4" s="470"/>
      <c r="I4" s="470"/>
      <c r="J4" s="470"/>
      <c r="K4" s="470"/>
      <c r="L4" s="475"/>
      <c r="M4" s="473" t="s">
        <v>52</v>
      </c>
      <c r="N4" s="469" t="s">
        <v>61</v>
      </c>
      <c r="O4" s="470"/>
      <c r="P4" s="471"/>
      <c r="Q4" s="472" t="s">
        <v>62</v>
      </c>
      <c r="R4" s="470"/>
      <c r="S4" s="470"/>
      <c r="T4" s="470"/>
      <c r="U4" s="470"/>
      <c r="V4" s="470"/>
      <c r="W4" s="471"/>
      <c r="X4" s="473" t="s">
        <v>52</v>
      </c>
      <c r="Y4" s="469" t="s">
        <v>61</v>
      </c>
      <c r="Z4" s="470"/>
      <c r="AA4" s="471"/>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69" t="s">
        <v>61</v>
      </c>
      <c r="AV4" s="470"/>
      <c r="AW4" s="471"/>
      <c r="AX4" s="472" t="s">
        <v>62</v>
      </c>
      <c r="AY4" s="470"/>
      <c r="AZ4" s="470"/>
      <c r="BA4" s="470"/>
      <c r="BB4" s="470"/>
      <c r="BC4" s="470"/>
      <c r="BD4" s="475"/>
      <c r="BE4" s="473" t="s">
        <v>52</v>
      </c>
      <c r="BF4" s="469" t="s">
        <v>61</v>
      </c>
      <c r="BG4" s="470"/>
      <c r="BH4" s="471"/>
      <c r="BI4" s="472" t="s">
        <v>62</v>
      </c>
      <c r="BJ4" s="470"/>
      <c r="BK4" s="470"/>
      <c r="BL4" s="470"/>
      <c r="BM4" s="470"/>
      <c r="BN4" s="470"/>
      <c r="BO4" s="471"/>
      <c r="BP4" s="473" t="s">
        <v>52</v>
      </c>
      <c r="BQ4" s="469" t="s">
        <v>61</v>
      </c>
      <c r="BR4" s="470"/>
      <c r="BS4" s="471"/>
      <c r="BT4" s="472" t="s">
        <v>62</v>
      </c>
      <c r="BU4" s="470"/>
      <c r="BV4" s="470"/>
      <c r="BW4" s="470"/>
      <c r="BX4" s="470"/>
      <c r="BY4" s="470"/>
      <c r="BZ4" s="471"/>
      <c r="CA4" s="473" t="s">
        <v>52</v>
      </c>
      <c r="CB4" s="469" t="s">
        <v>61</v>
      </c>
      <c r="CC4" s="470"/>
      <c r="CD4" s="471"/>
      <c r="CE4" s="472" t="s">
        <v>62</v>
      </c>
      <c r="CF4" s="470"/>
      <c r="CG4" s="470"/>
      <c r="CH4" s="470"/>
      <c r="CI4" s="470"/>
      <c r="CJ4" s="470"/>
      <c r="CK4" s="471"/>
      <c r="CL4" s="473" t="s">
        <v>52</v>
      </c>
      <c r="CM4" s="469" t="s">
        <v>61</v>
      </c>
      <c r="CN4" s="470"/>
      <c r="CO4" s="471"/>
      <c r="CP4" s="472" t="s">
        <v>62</v>
      </c>
      <c r="CQ4" s="470"/>
      <c r="CR4" s="470"/>
      <c r="CS4" s="470"/>
      <c r="CT4" s="470"/>
      <c r="CU4" s="470"/>
      <c r="CV4" s="471"/>
      <c r="CW4" s="473" t="s">
        <v>52</v>
      </c>
      <c r="CX4" s="469" t="s">
        <v>61</v>
      </c>
      <c r="CY4" s="470"/>
      <c r="CZ4" s="471"/>
      <c r="DA4" s="472" t="s">
        <v>62</v>
      </c>
      <c r="DB4" s="470"/>
      <c r="DC4" s="470"/>
      <c r="DD4" s="470"/>
      <c r="DE4" s="470"/>
      <c r="DF4" s="470"/>
      <c r="DG4" s="471"/>
      <c r="DH4" s="473" t="s">
        <v>52</v>
      </c>
      <c r="DI4" s="469" t="s">
        <v>61</v>
      </c>
      <c r="DJ4" s="470"/>
      <c r="DK4" s="471"/>
      <c r="DL4" s="472" t="s">
        <v>62</v>
      </c>
      <c r="DM4" s="470"/>
      <c r="DN4" s="470"/>
      <c r="DO4" s="470"/>
      <c r="DP4" s="470"/>
      <c r="DQ4" s="470"/>
      <c r="DR4" s="471"/>
      <c r="DS4" s="473" t="s">
        <v>52</v>
      </c>
      <c r="DT4" s="469" t="s">
        <v>61</v>
      </c>
      <c r="DU4" s="470"/>
      <c r="DV4" s="471"/>
      <c r="DW4" s="472" t="s">
        <v>62</v>
      </c>
      <c r="DX4" s="470"/>
      <c r="DY4" s="470"/>
      <c r="DZ4" s="470"/>
      <c r="EA4" s="470"/>
      <c r="EB4" s="470"/>
      <c r="EC4" s="471"/>
      <c r="ED4" s="473" t="s">
        <v>52</v>
      </c>
      <c r="EE4" s="469" t="s">
        <v>61</v>
      </c>
      <c r="EF4" s="470"/>
      <c r="EG4" s="471"/>
      <c r="EH4" s="472" t="s">
        <v>62</v>
      </c>
      <c r="EI4" s="470"/>
      <c r="EJ4" s="470"/>
      <c r="EK4" s="470"/>
      <c r="EL4" s="470"/>
      <c r="EM4" s="470"/>
      <c r="EN4" s="471"/>
      <c r="EO4" s="473" t="s">
        <v>52</v>
      </c>
      <c r="EP4" s="469" t="s">
        <v>61</v>
      </c>
      <c r="EQ4" s="470"/>
      <c r="ER4" s="471"/>
      <c r="ES4" s="472" t="s">
        <v>62</v>
      </c>
      <c r="ET4" s="470"/>
      <c r="EU4" s="470"/>
      <c r="EV4" s="470"/>
      <c r="EW4" s="470"/>
      <c r="EX4" s="470"/>
      <c r="EY4" s="471"/>
      <c r="EZ4" s="473" t="s">
        <v>52</v>
      </c>
    </row>
    <row r="5" spans="2:156" ht="30" customHeight="1" thickBot="1" x14ac:dyDescent="0.25">
      <c r="B5" s="484"/>
      <c r="C5" s="177" t="s">
        <v>43</v>
      </c>
      <c r="D5" s="178" t="s">
        <v>159</v>
      </c>
      <c r="E5" s="179" t="s">
        <v>45</v>
      </c>
      <c r="F5" s="180" t="s">
        <v>83</v>
      </c>
      <c r="G5" s="178" t="s">
        <v>47</v>
      </c>
      <c r="H5" s="178" t="s">
        <v>48</v>
      </c>
      <c r="I5" s="178" t="s">
        <v>49</v>
      </c>
      <c r="J5" s="178" t="s">
        <v>50</v>
      </c>
      <c r="K5" s="178" t="s">
        <v>51</v>
      </c>
      <c r="L5" s="181" t="s">
        <v>45</v>
      </c>
      <c r="M5" s="474"/>
      <c r="N5" s="177" t="s">
        <v>43</v>
      </c>
      <c r="O5" s="178" t="s">
        <v>44</v>
      </c>
      <c r="P5" s="182" t="s">
        <v>45</v>
      </c>
      <c r="Q5" s="180" t="s">
        <v>83</v>
      </c>
      <c r="R5" s="178" t="s">
        <v>47</v>
      </c>
      <c r="S5" s="178" t="s">
        <v>48</v>
      </c>
      <c r="T5" s="178" t="s">
        <v>49</v>
      </c>
      <c r="U5" s="178" t="s">
        <v>50</v>
      </c>
      <c r="V5" s="178" t="s">
        <v>51</v>
      </c>
      <c r="W5" s="182" t="s">
        <v>45</v>
      </c>
      <c r="X5" s="474"/>
      <c r="Y5" s="177" t="s">
        <v>43</v>
      </c>
      <c r="Z5" s="178" t="s">
        <v>44</v>
      </c>
      <c r="AA5" s="182"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2" t="s">
        <v>45</v>
      </c>
      <c r="AX5" s="180" t="s">
        <v>83</v>
      </c>
      <c r="AY5" s="178" t="s">
        <v>47</v>
      </c>
      <c r="AZ5" s="178" t="s">
        <v>48</v>
      </c>
      <c r="BA5" s="178" t="s">
        <v>49</v>
      </c>
      <c r="BB5" s="178" t="s">
        <v>50</v>
      </c>
      <c r="BC5" s="178" t="s">
        <v>51</v>
      </c>
      <c r="BD5" s="181" t="s">
        <v>45</v>
      </c>
      <c r="BE5" s="474"/>
      <c r="BF5" s="177" t="s">
        <v>43</v>
      </c>
      <c r="BG5" s="178" t="s">
        <v>44</v>
      </c>
      <c r="BH5" s="182" t="s">
        <v>45</v>
      </c>
      <c r="BI5" s="180" t="s">
        <v>83</v>
      </c>
      <c r="BJ5" s="178" t="s">
        <v>47</v>
      </c>
      <c r="BK5" s="178" t="s">
        <v>48</v>
      </c>
      <c r="BL5" s="178" t="s">
        <v>49</v>
      </c>
      <c r="BM5" s="178" t="s">
        <v>50</v>
      </c>
      <c r="BN5" s="178" t="s">
        <v>51</v>
      </c>
      <c r="BO5" s="182" t="s">
        <v>45</v>
      </c>
      <c r="BP5" s="474"/>
      <c r="BQ5" s="177" t="s">
        <v>43</v>
      </c>
      <c r="BR5" s="178" t="s">
        <v>44</v>
      </c>
      <c r="BS5" s="182" t="s">
        <v>45</v>
      </c>
      <c r="BT5" s="180" t="s">
        <v>83</v>
      </c>
      <c r="BU5" s="178" t="s">
        <v>47</v>
      </c>
      <c r="BV5" s="178" t="s">
        <v>48</v>
      </c>
      <c r="BW5" s="178" t="s">
        <v>49</v>
      </c>
      <c r="BX5" s="178" t="s">
        <v>50</v>
      </c>
      <c r="BY5" s="178" t="s">
        <v>51</v>
      </c>
      <c r="BZ5" s="182" t="s">
        <v>45</v>
      </c>
      <c r="CA5" s="474"/>
      <c r="CB5" s="177" t="s">
        <v>43</v>
      </c>
      <c r="CC5" s="178" t="s">
        <v>44</v>
      </c>
      <c r="CD5" s="182" t="s">
        <v>45</v>
      </c>
      <c r="CE5" s="180" t="s">
        <v>83</v>
      </c>
      <c r="CF5" s="178" t="s">
        <v>47</v>
      </c>
      <c r="CG5" s="178" t="s">
        <v>48</v>
      </c>
      <c r="CH5" s="178" t="s">
        <v>49</v>
      </c>
      <c r="CI5" s="178" t="s">
        <v>50</v>
      </c>
      <c r="CJ5" s="178" t="s">
        <v>51</v>
      </c>
      <c r="CK5" s="182" t="s">
        <v>45</v>
      </c>
      <c r="CL5" s="474"/>
      <c r="CM5" s="177" t="s">
        <v>43</v>
      </c>
      <c r="CN5" s="178" t="s">
        <v>44</v>
      </c>
      <c r="CO5" s="182" t="s">
        <v>45</v>
      </c>
      <c r="CP5" s="180" t="s">
        <v>83</v>
      </c>
      <c r="CQ5" s="178" t="s">
        <v>47</v>
      </c>
      <c r="CR5" s="178" t="s">
        <v>48</v>
      </c>
      <c r="CS5" s="178" t="s">
        <v>49</v>
      </c>
      <c r="CT5" s="178" t="s">
        <v>50</v>
      </c>
      <c r="CU5" s="178" t="s">
        <v>51</v>
      </c>
      <c r="CV5" s="182" t="s">
        <v>45</v>
      </c>
      <c r="CW5" s="474"/>
      <c r="CX5" s="177" t="s">
        <v>43</v>
      </c>
      <c r="CY5" s="178" t="s">
        <v>44</v>
      </c>
      <c r="CZ5" s="182" t="s">
        <v>45</v>
      </c>
      <c r="DA5" s="180" t="s">
        <v>83</v>
      </c>
      <c r="DB5" s="178" t="s">
        <v>47</v>
      </c>
      <c r="DC5" s="178" t="s">
        <v>48</v>
      </c>
      <c r="DD5" s="178" t="s">
        <v>49</v>
      </c>
      <c r="DE5" s="178" t="s">
        <v>50</v>
      </c>
      <c r="DF5" s="178" t="s">
        <v>51</v>
      </c>
      <c r="DG5" s="182" t="s">
        <v>45</v>
      </c>
      <c r="DH5" s="474"/>
      <c r="DI5" s="177" t="s">
        <v>43</v>
      </c>
      <c r="DJ5" s="178" t="s">
        <v>44</v>
      </c>
      <c r="DK5" s="182" t="s">
        <v>45</v>
      </c>
      <c r="DL5" s="180" t="s">
        <v>83</v>
      </c>
      <c r="DM5" s="178" t="s">
        <v>47</v>
      </c>
      <c r="DN5" s="178" t="s">
        <v>48</v>
      </c>
      <c r="DO5" s="178" t="s">
        <v>49</v>
      </c>
      <c r="DP5" s="178" t="s">
        <v>50</v>
      </c>
      <c r="DQ5" s="178" t="s">
        <v>51</v>
      </c>
      <c r="DR5" s="182" t="s">
        <v>45</v>
      </c>
      <c r="DS5" s="474"/>
      <c r="DT5" s="177" t="s">
        <v>43</v>
      </c>
      <c r="DU5" s="178" t="s">
        <v>44</v>
      </c>
      <c r="DV5" s="182" t="s">
        <v>45</v>
      </c>
      <c r="DW5" s="180" t="s">
        <v>83</v>
      </c>
      <c r="DX5" s="178" t="s">
        <v>47</v>
      </c>
      <c r="DY5" s="178" t="s">
        <v>48</v>
      </c>
      <c r="DZ5" s="178" t="s">
        <v>49</v>
      </c>
      <c r="EA5" s="178" t="s">
        <v>50</v>
      </c>
      <c r="EB5" s="178" t="s">
        <v>51</v>
      </c>
      <c r="EC5" s="182" t="s">
        <v>45</v>
      </c>
      <c r="ED5" s="474"/>
      <c r="EE5" s="177" t="s">
        <v>43</v>
      </c>
      <c r="EF5" s="178" t="s">
        <v>44</v>
      </c>
      <c r="EG5" s="182" t="s">
        <v>45</v>
      </c>
      <c r="EH5" s="180" t="s">
        <v>83</v>
      </c>
      <c r="EI5" s="178" t="s">
        <v>47</v>
      </c>
      <c r="EJ5" s="178" t="s">
        <v>48</v>
      </c>
      <c r="EK5" s="178" t="s">
        <v>49</v>
      </c>
      <c r="EL5" s="178" t="s">
        <v>50</v>
      </c>
      <c r="EM5" s="178" t="s">
        <v>51</v>
      </c>
      <c r="EN5" s="182" t="s">
        <v>45</v>
      </c>
      <c r="EO5" s="474"/>
      <c r="EP5" s="177" t="s">
        <v>43</v>
      </c>
      <c r="EQ5" s="178" t="s">
        <v>44</v>
      </c>
      <c r="ER5" s="182" t="s">
        <v>45</v>
      </c>
      <c r="ES5" s="180" t="s">
        <v>83</v>
      </c>
      <c r="ET5" s="178" t="s">
        <v>47</v>
      </c>
      <c r="EU5" s="178" t="s">
        <v>48</v>
      </c>
      <c r="EV5" s="178" t="s">
        <v>49</v>
      </c>
      <c r="EW5" s="178" t="s">
        <v>50</v>
      </c>
      <c r="EX5" s="178" t="s">
        <v>51</v>
      </c>
      <c r="EY5" s="182" t="s">
        <v>45</v>
      </c>
      <c r="EZ5" s="474"/>
    </row>
    <row r="6" spans="2:156" ht="21" customHeight="1" x14ac:dyDescent="0.2">
      <c r="B6" s="84" t="s">
        <v>4</v>
      </c>
      <c r="C6" s="183">
        <v>0</v>
      </c>
      <c r="D6" s="184">
        <v>0</v>
      </c>
      <c r="E6" s="185">
        <v>0</v>
      </c>
      <c r="F6" s="186">
        <v>0</v>
      </c>
      <c r="G6" s="184">
        <v>1163</v>
      </c>
      <c r="H6" s="184">
        <v>1362</v>
      </c>
      <c r="I6" s="184">
        <v>671</v>
      </c>
      <c r="J6" s="184">
        <v>586</v>
      </c>
      <c r="K6" s="184">
        <v>429</v>
      </c>
      <c r="L6" s="187">
        <v>4211</v>
      </c>
      <c r="M6" s="188">
        <v>4211</v>
      </c>
      <c r="N6" s="183">
        <v>0</v>
      </c>
      <c r="O6" s="184">
        <v>2</v>
      </c>
      <c r="P6" s="189">
        <v>2</v>
      </c>
      <c r="Q6" s="186">
        <v>0</v>
      </c>
      <c r="R6" s="184">
        <v>13</v>
      </c>
      <c r="S6" s="184">
        <v>28</v>
      </c>
      <c r="T6" s="184">
        <v>57</v>
      </c>
      <c r="U6" s="184">
        <v>137</v>
      </c>
      <c r="V6" s="184">
        <v>202</v>
      </c>
      <c r="W6" s="189">
        <v>437</v>
      </c>
      <c r="X6" s="188">
        <v>439</v>
      </c>
      <c r="Y6" s="183">
        <v>213</v>
      </c>
      <c r="Z6" s="184">
        <v>499</v>
      </c>
      <c r="AA6" s="189">
        <v>712</v>
      </c>
      <c r="AB6" s="186">
        <v>0</v>
      </c>
      <c r="AC6" s="184">
        <v>934</v>
      </c>
      <c r="AD6" s="184">
        <v>1293</v>
      </c>
      <c r="AE6" s="184">
        <v>761</v>
      </c>
      <c r="AF6" s="184">
        <v>596</v>
      </c>
      <c r="AG6" s="184">
        <v>393</v>
      </c>
      <c r="AH6" s="189">
        <v>3977</v>
      </c>
      <c r="AI6" s="188">
        <v>4689</v>
      </c>
      <c r="AJ6" s="183">
        <v>21</v>
      </c>
      <c r="AK6" s="184">
        <v>59</v>
      </c>
      <c r="AL6" s="189">
        <v>80</v>
      </c>
      <c r="AM6" s="186">
        <v>0</v>
      </c>
      <c r="AN6" s="184">
        <v>89</v>
      </c>
      <c r="AO6" s="184">
        <v>150</v>
      </c>
      <c r="AP6" s="184">
        <v>74</v>
      </c>
      <c r="AQ6" s="184">
        <v>79</v>
      </c>
      <c r="AR6" s="184">
        <v>47</v>
      </c>
      <c r="AS6" s="189">
        <v>439</v>
      </c>
      <c r="AT6" s="188">
        <v>519</v>
      </c>
      <c r="AU6" s="183">
        <v>305</v>
      </c>
      <c r="AV6" s="184">
        <v>370</v>
      </c>
      <c r="AW6" s="189">
        <v>675</v>
      </c>
      <c r="AX6" s="186">
        <v>0</v>
      </c>
      <c r="AY6" s="184">
        <v>1382</v>
      </c>
      <c r="AZ6" s="184">
        <v>1670</v>
      </c>
      <c r="BA6" s="184">
        <v>1411</v>
      </c>
      <c r="BB6" s="184">
        <v>1437</v>
      </c>
      <c r="BC6" s="184">
        <v>1060</v>
      </c>
      <c r="BD6" s="187">
        <v>6960</v>
      </c>
      <c r="BE6" s="188">
        <v>7635</v>
      </c>
      <c r="BF6" s="183">
        <v>0</v>
      </c>
      <c r="BG6" s="184">
        <v>0</v>
      </c>
      <c r="BH6" s="189">
        <v>0</v>
      </c>
      <c r="BI6" s="186">
        <v>0</v>
      </c>
      <c r="BJ6" s="184">
        <v>1425</v>
      </c>
      <c r="BK6" s="184">
        <v>1235</v>
      </c>
      <c r="BL6" s="184">
        <v>589</v>
      </c>
      <c r="BM6" s="184">
        <v>317</v>
      </c>
      <c r="BN6" s="184">
        <v>162</v>
      </c>
      <c r="BO6" s="189">
        <v>3728</v>
      </c>
      <c r="BP6" s="188">
        <v>3728</v>
      </c>
      <c r="BQ6" s="183">
        <v>131</v>
      </c>
      <c r="BR6" s="184">
        <v>184</v>
      </c>
      <c r="BS6" s="189">
        <v>315</v>
      </c>
      <c r="BT6" s="186">
        <v>0</v>
      </c>
      <c r="BU6" s="184">
        <v>359</v>
      </c>
      <c r="BV6" s="184">
        <v>493</v>
      </c>
      <c r="BW6" s="184">
        <v>280</v>
      </c>
      <c r="BX6" s="184">
        <v>153</v>
      </c>
      <c r="BY6" s="184">
        <v>70</v>
      </c>
      <c r="BZ6" s="189">
        <v>1355</v>
      </c>
      <c r="CA6" s="188">
        <v>1670</v>
      </c>
      <c r="CB6" s="183">
        <v>3</v>
      </c>
      <c r="CC6" s="184">
        <v>17</v>
      </c>
      <c r="CD6" s="189">
        <v>20</v>
      </c>
      <c r="CE6" s="186">
        <v>0</v>
      </c>
      <c r="CF6" s="184">
        <v>151</v>
      </c>
      <c r="CG6" s="184">
        <v>247</v>
      </c>
      <c r="CH6" s="184">
        <v>259</v>
      </c>
      <c r="CI6" s="184">
        <v>169</v>
      </c>
      <c r="CJ6" s="184">
        <v>96</v>
      </c>
      <c r="CK6" s="189">
        <v>922</v>
      </c>
      <c r="CL6" s="188">
        <v>942</v>
      </c>
      <c r="CM6" s="183">
        <v>1</v>
      </c>
      <c r="CN6" s="184">
        <v>2</v>
      </c>
      <c r="CO6" s="189">
        <v>3</v>
      </c>
      <c r="CP6" s="186">
        <v>0</v>
      </c>
      <c r="CQ6" s="184">
        <v>23</v>
      </c>
      <c r="CR6" s="184">
        <v>47</v>
      </c>
      <c r="CS6" s="184">
        <v>48</v>
      </c>
      <c r="CT6" s="184">
        <v>41</v>
      </c>
      <c r="CU6" s="184">
        <v>18</v>
      </c>
      <c r="CV6" s="189">
        <v>177</v>
      </c>
      <c r="CW6" s="188">
        <v>180</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44</v>
      </c>
      <c r="DU6" s="184">
        <v>1343</v>
      </c>
      <c r="DV6" s="189">
        <v>1987</v>
      </c>
      <c r="DW6" s="186">
        <v>0</v>
      </c>
      <c r="DX6" s="184">
        <v>1679</v>
      </c>
      <c r="DY6" s="184">
        <v>2845</v>
      </c>
      <c r="DZ6" s="184">
        <v>1605</v>
      </c>
      <c r="EA6" s="184">
        <v>1215</v>
      </c>
      <c r="EB6" s="184">
        <v>751</v>
      </c>
      <c r="EC6" s="189">
        <v>8095</v>
      </c>
      <c r="ED6" s="188">
        <v>10082</v>
      </c>
      <c r="EE6" s="183">
        <v>216</v>
      </c>
      <c r="EF6" s="184">
        <v>177</v>
      </c>
      <c r="EG6" s="189">
        <v>393</v>
      </c>
      <c r="EH6" s="186">
        <v>0</v>
      </c>
      <c r="EI6" s="184">
        <v>676</v>
      </c>
      <c r="EJ6" s="184">
        <v>664</v>
      </c>
      <c r="EK6" s="184">
        <v>573</v>
      </c>
      <c r="EL6" s="184">
        <v>635</v>
      </c>
      <c r="EM6" s="184">
        <v>409</v>
      </c>
      <c r="EN6" s="189">
        <v>2957</v>
      </c>
      <c r="EO6" s="188">
        <v>3350</v>
      </c>
      <c r="EP6" s="183">
        <v>915</v>
      </c>
      <c r="EQ6" s="184">
        <v>1756</v>
      </c>
      <c r="ER6" s="189">
        <v>2671</v>
      </c>
      <c r="ES6" s="186">
        <v>0</v>
      </c>
      <c r="ET6" s="184">
        <v>3876</v>
      </c>
      <c r="EU6" s="184">
        <v>4020</v>
      </c>
      <c r="EV6" s="184">
        <v>1946</v>
      </c>
      <c r="EW6" s="184">
        <v>1341</v>
      </c>
      <c r="EX6" s="184">
        <v>769</v>
      </c>
      <c r="EY6" s="189">
        <v>11952</v>
      </c>
      <c r="EZ6" s="188">
        <v>14623</v>
      </c>
    </row>
    <row r="7" spans="2:156" ht="21" customHeight="1" x14ac:dyDescent="0.2">
      <c r="B7" s="95" t="s">
        <v>5</v>
      </c>
      <c r="C7" s="190">
        <v>0</v>
      </c>
      <c r="D7" s="191">
        <v>0</v>
      </c>
      <c r="E7" s="192">
        <v>0</v>
      </c>
      <c r="F7" s="193">
        <v>0</v>
      </c>
      <c r="G7" s="191">
        <v>453</v>
      </c>
      <c r="H7" s="191">
        <v>700</v>
      </c>
      <c r="I7" s="191">
        <v>310</v>
      </c>
      <c r="J7" s="191">
        <v>252</v>
      </c>
      <c r="K7" s="191">
        <v>192</v>
      </c>
      <c r="L7" s="194">
        <v>1907</v>
      </c>
      <c r="M7" s="195">
        <v>1907</v>
      </c>
      <c r="N7" s="190">
        <v>0</v>
      </c>
      <c r="O7" s="191">
        <v>2</v>
      </c>
      <c r="P7" s="196">
        <v>2</v>
      </c>
      <c r="Q7" s="193">
        <v>0</v>
      </c>
      <c r="R7" s="191">
        <v>3</v>
      </c>
      <c r="S7" s="191">
        <v>11</v>
      </c>
      <c r="T7" s="191">
        <v>25</v>
      </c>
      <c r="U7" s="191">
        <v>51</v>
      </c>
      <c r="V7" s="191">
        <v>103</v>
      </c>
      <c r="W7" s="196">
        <v>193</v>
      </c>
      <c r="X7" s="195">
        <v>195</v>
      </c>
      <c r="Y7" s="190">
        <v>90</v>
      </c>
      <c r="Z7" s="191">
        <v>257</v>
      </c>
      <c r="AA7" s="196">
        <v>347</v>
      </c>
      <c r="AB7" s="193">
        <v>0</v>
      </c>
      <c r="AC7" s="191">
        <v>330</v>
      </c>
      <c r="AD7" s="191">
        <v>685</v>
      </c>
      <c r="AE7" s="191">
        <v>359</v>
      </c>
      <c r="AF7" s="191">
        <v>276</v>
      </c>
      <c r="AG7" s="191">
        <v>178</v>
      </c>
      <c r="AH7" s="196">
        <v>1828</v>
      </c>
      <c r="AI7" s="195">
        <v>2175</v>
      </c>
      <c r="AJ7" s="190">
        <v>8</v>
      </c>
      <c r="AK7" s="191">
        <v>34</v>
      </c>
      <c r="AL7" s="196">
        <v>42</v>
      </c>
      <c r="AM7" s="193">
        <v>0</v>
      </c>
      <c r="AN7" s="191">
        <v>31</v>
      </c>
      <c r="AO7" s="191">
        <v>79</v>
      </c>
      <c r="AP7" s="191">
        <v>33</v>
      </c>
      <c r="AQ7" s="191">
        <v>37</v>
      </c>
      <c r="AR7" s="191">
        <v>19</v>
      </c>
      <c r="AS7" s="196">
        <v>199</v>
      </c>
      <c r="AT7" s="195">
        <v>241</v>
      </c>
      <c r="AU7" s="190">
        <v>145</v>
      </c>
      <c r="AV7" s="191">
        <v>188</v>
      </c>
      <c r="AW7" s="196">
        <v>333</v>
      </c>
      <c r="AX7" s="193">
        <v>0</v>
      </c>
      <c r="AY7" s="191">
        <v>542</v>
      </c>
      <c r="AZ7" s="191">
        <v>792</v>
      </c>
      <c r="BA7" s="191">
        <v>619</v>
      </c>
      <c r="BB7" s="191">
        <v>644</v>
      </c>
      <c r="BC7" s="191">
        <v>460</v>
      </c>
      <c r="BD7" s="194">
        <v>3057</v>
      </c>
      <c r="BE7" s="195">
        <v>3390</v>
      </c>
      <c r="BF7" s="190">
        <v>0</v>
      </c>
      <c r="BG7" s="191">
        <v>0</v>
      </c>
      <c r="BH7" s="196">
        <v>0</v>
      </c>
      <c r="BI7" s="193">
        <v>0</v>
      </c>
      <c r="BJ7" s="191">
        <v>471</v>
      </c>
      <c r="BK7" s="191">
        <v>538</v>
      </c>
      <c r="BL7" s="191">
        <v>217</v>
      </c>
      <c r="BM7" s="191">
        <v>124</v>
      </c>
      <c r="BN7" s="191">
        <v>65</v>
      </c>
      <c r="BO7" s="196">
        <v>1415</v>
      </c>
      <c r="BP7" s="195">
        <v>1415</v>
      </c>
      <c r="BQ7" s="190">
        <v>64</v>
      </c>
      <c r="BR7" s="191">
        <v>93</v>
      </c>
      <c r="BS7" s="196">
        <v>157</v>
      </c>
      <c r="BT7" s="193">
        <v>0</v>
      </c>
      <c r="BU7" s="191">
        <v>108</v>
      </c>
      <c r="BV7" s="191">
        <v>251</v>
      </c>
      <c r="BW7" s="191">
        <v>129</v>
      </c>
      <c r="BX7" s="191">
        <v>64</v>
      </c>
      <c r="BY7" s="191">
        <v>34</v>
      </c>
      <c r="BZ7" s="196">
        <v>586</v>
      </c>
      <c r="CA7" s="195">
        <v>743</v>
      </c>
      <c r="CB7" s="190">
        <v>2</v>
      </c>
      <c r="CC7" s="191">
        <v>6</v>
      </c>
      <c r="CD7" s="196">
        <v>8</v>
      </c>
      <c r="CE7" s="193">
        <v>0</v>
      </c>
      <c r="CF7" s="191">
        <v>47</v>
      </c>
      <c r="CG7" s="191">
        <v>97</v>
      </c>
      <c r="CH7" s="191">
        <v>98</v>
      </c>
      <c r="CI7" s="191">
        <v>63</v>
      </c>
      <c r="CJ7" s="191">
        <v>39</v>
      </c>
      <c r="CK7" s="196">
        <v>344</v>
      </c>
      <c r="CL7" s="195">
        <v>352</v>
      </c>
      <c r="CM7" s="190">
        <v>1</v>
      </c>
      <c r="CN7" s="191">
        <v>2</v>
      </c>
      <c r="CO7" s="196">
        <v>3</v>
      </c>
      <c r="CP7" s="193">
        <v>0</v>
      </c>
      <c r="CQ7" s="191">
        <v>9</v>
      </c>
      <c r="CR7" s="191">
        <v>31</v>
      </c>
      <c r="CS7" s="191">
        <v>21</v>
      </c>
      <c r="CT7" s="191">
        <v>32</v>
      </c>
      <c r="CU7" s="191">
        <v>11</v>
      </c>
      <c r="CV7" s="196">
        <v>104</v>
      </c>
      <c r="CW7" s="195">
        <v>107</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39</v>
      </c>
      <c r="DU7" s="191">
        <v>612</v>
      </c>
      <c r="DV7" s="196">
        <v>851</v>
      </c>
      <c r="DW7" s="193">
        <v>0</v>
      </c>
      <c r="DX7" s="191">
        <v>517</v>
      </c>
      <c r="DY7" s="191">
        <v>1346</v>
      </c>
      <c r="DZ7" s="191">
        <v>681</v>
      </c>
      <c r="EA7" s="191">
        <v>521</v>
      </c>
      <c r="EB7" s="191">
        <v>315</v>
      </c>
      <c r="EC7" s="196">
        <v>3380</v>
      </c>
      <c r="ED7" s="195">
        <v>4231</v>
      </c>
      <c r="EE7" s="190">
        <v>94</v>
      </c>
      <c r="EF7" s="191">
        <v>85</v>
      </c>
      <c r="EG7" s="196">
        <v>179</v>
      </c>
      <c r="EH7" s="193">
        <v>0</v>
      </c>
      <c r="EI7" s="191">
        <v>282</v>
      </c>
      <c r="EJ7" s="191">
        <v>328</v>
      </c>
      <c r="EK7" s="191">
        <v>270</v>
      </c>
      <c r="EL7" s="191">
        <v>293</v>
      </c>
      <c r="EM7" s="191">
        <v>176</v>
      </c>
      <c r="EN7" s="196">
        <v>1349</v>
      </c>
      <c r="EO7" s="195">
        <v>1528</v>
      </c>
      <c r="EP7" s="190">
        <v>358</v>
      </c>
      <c r="EQ7" s="191">
        <v>841</v>
      </c>
      <c r="ER7" s="196">
        <v>1199</v>
      </c>
      <c r="ES7" s="193">
        <v>0</v>
      </c>
      <c r="ET7" s="191">
        <v>1362</v>
      </c>
      <c r="EU7" s="191">
        <v>1955</v>
      </c>
      <c r="EV7" s="191">
        <v>854</v>
      </c>
      <c r="EW7" s="191">
        <v>587</v>
      </c>
      <c r="EX7" s="191">
        <v>340</v>
      </c>
      <c r="EY7" s="196">
        <v>5098</v>
      </c>
      <c r="EZ7" s="195">
        <v>6297</v>
      </c>
    </row>
    <row r="8" spans="2:156" ht="21" customHeight="1" x14ac:dyDescent="0.2">
      <c r="B8" s="106" t="s">
        <v>6</v>
      </c>
      <c r="C8" s="190">
        <v>0</v>
      </c>
      <c r="D8" s="191">
        <v>0</v>
      </c>
      <c r="E8" s="192">
        <v>0</v>
      </c>
      <c r="F8" s="193">
        <v>0</v>
      </c>
      <c r="G8" s="191">
        <v>225</v>
      </c>
      <c r="H8" s="191">
        <v>191</v>
      </c>
      <c r="I8" s="191">
        <v>92</v>
      </c>
      <c r="J8" s="191">
        <v>101</v>
      </c>
      <c r="K8" s="191">
        <v>79</v>
      </c>
      <c r="L8" s="194">
        <v>688</v>
      </c>
      <c r="M8" s="195">
        <v>688</v>
      </c>
      <c r="N8" s="190">
        <v>0</v>
      </c>
      <c r="O8" s="191">
        <v>0</v>
      </c>
      <c r="P8" s="196">
        <v>0</v>
      </c>
      <c r="Q8" s="193">
        <v>0</v>
      </c>
      <c r="R8" s="191">
        <v>2</v>
      </c>
      <c r="S8" s="191">
        <v>7</v>
      </c>
      <c r="T8" s="191">
        <v>11</v>
      </c>
      <c r="U8" s="191">
        <v>23</v>
      </c>
      <c r="V8" s="191">
        <v>28</v>
      </c>
      <c r="W8" s="196">
        <v>71</v>
      </c>
      <c r="X8" s="195">
        <v>71</v>
      </c>
      <c r="Y8" s="190">
        <v>38</v>
      </c>
      <c r="Z8" s="191">
        <v>84</v>
      </c>
      <c r="AA8" s="196">
        <v>122</v>
      </c>
      <c r="AB8" s="193">
        <v>0</v>
      </c>
      <c r="AC8" s="191">
        <v>221</v>
      </c>
      <c r="AD8" s="191">
        <v>196</v>
      </c>
      <c r="AE8" s="191">
        <v>142</v>
      </c>
      <c r="AF8" s="191">
        <v>92</v>
      </c>
      <c r="AG8" s="191">
        <v>66</v>
      </c>
      <c r="AH8" s="196">
        <v>717</v>
      </c>
      <c r="AI8" s="195">
        <v>839</v>
      </c>
      <c r="AJ8" s="190">
        <v>5</v>
      </c>
      <c r="AK8" s="191">
        <v>4</v>
      </c>
      <c r="AL8" s="196">
        <v>9</v>
      </c>
      <c r="AM8" s="193">
        <v>0</v>
      </c>
      <c r="AN8" s="191">
        <v>18</v>
      </c>
      <c r="AO8" s="191">
        <v>13</v>
      </c>
      <c r="AP8" s="191">
        <v>10</v>
      </c>
      <c r="AQ8" s="191">
        <v>14</v>
      </c>
      <c r="AR8" s="191">
        <v>8</v>
      </c>
      <c r="AS8" s="196">
        <v>63</v>
      </c>
      <c r="AT8" s="195">
        <v>72</v>
      </c>
      <c r="AU8" s="190">
        <v>49</v>
      </c>
      <c r="AV8" s="191">
        <v>59</v>
      </c>
      <c r="AW8" s="196">
        <v>108</v>
      </c>
      <c r="AX8" s="193">
        <v>0</v>
      </c>
      <c r="AY8" s="191">
        <v>280</v>
      </c>
      <c r="AZ8" s="191">
        <v>284</v>
      </c>
      <c r="BA8" s="191">
        <v>258</v>
      </c>
      <c r="BB8" s="191">
        <v>256</v>
      </c>
      <c r="BC8" s="191">
        <v>209</v>
      </c>
      <c r="BD8" s="194">
        <v>1287</v>
      </c>
      <c r="BE8" s="195">
        <v>1395</v>
      </c>
      <c r="BF8" s="190">
        <v>0</v>
      </c>
      <c r="BG8" s="191">
        <v>0</v>
      </c>
      <c r="BH8" s="196">
        <v>0</v>
      </c>
      <c r="BI8" s="193">
        <v>0</v>
      </c>
      <c r="BJ8" s="191">
        <v>289</v>
      </c>
      <c r="BK8" s="191">
        <v>184</v>
      </c>
      <c r="BL8" s="191">
        <v>91</v>
      </c>
      <c r="BM8" s="191">
        <v>47</v>
      </c>
      <c r="BN8" s="191">
        <v>24</v>
      </c>
      <c r="BO8" s="196">
        <v>635</v>
      </c>
      <c r="BP8" s="195">
        <v>635</v>
      </c>
      <c r="BQ8" s="190">
        <v>10</v>
      </c>
      <c r="BR8" s="191">
        <v>18</v>
      </c>
      <c r="BS8" s="196">
        <v>28</v>
      </c>
      <c r="BT8" s="193">
        <v>0</v>
      </c>
      <c r="BU8" s="191">
        <v>65</v>
      </c>
      <c r="BV8" s="191">
        <v>64</v>
      </c>
      <c r="BW8" s="191">
        <v>31</v>
      </c>
      <c r="BX8" s="191">
        <v>24</v>
      </c>
      <c r="BY8" s="191">
        <v>6</v>
      </c>
      <c r="BZ8" s="196">
        <v>190</v>
      </c>
      <c r="CA8" s="195">
        <v>218</v>
      </c>
      <c r="CB8" s="190">
        <v>0</v>
      </c>
      <c r="CC8" s="191">
        <v>1</v>
      </c>
      <c r="CD8" s="196">
        <v>1</v>
      </c>
      <c r="CE8" s="193">
        <v>0</v>
      </c>
      <c r="CF8" s="191">
        <v>18</v>
      </c>
      <c r="CG8" s="191">
        <v>31</v>
      </c>
      <c r="CH8" s="191">
        <v>45</v>
      </c>
      <c r="CI8" s="191">
        <v>22</v>
      </c>
      <c r="CJ8" s="191">
        <v>15</v>
      </c>
      <c r="CK8" s="196">
        <v>131</v>
      </c>
      <c r="CL8" s="195">
        <v>132</v>
      </c>
      <c r="CM8" s="190">
        <v>0</v>
      </c>
      <c r="CN8" s="191">
        <v>0</v>
      </c>
      <c r="CO8" s="196">
        <v>0</v>
      </c>
      <c r="CP8" s="193">
        <v>0</v>
      </c>
      <c r="CQ8" s="191">
        <v>8</v>
      </c>
      <c r="CR8" s="191">
        <v>5</v>
      </c>
      <c r="CS8" s="191">
        <v>12</v>
      </c>
      <c r="CT8" s="191">
        <v>3</v>
      </c>
      <c r="CU8" s="191">
        <v>3</v>
      </c>
      <c r="CV8" s="196">
        <v>31</v>
      </c>
      <c r="CW8" s="195">
        <v>31</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15</v>
      </c>
      <c r="DU8" s="191">
        <v>187</v>
      </c>
      <c r="DV8" s="196">
        <v>302</v>
      </c>
      <c r="DW8" s="193">
        <v>0</v>
      </c>
      <c r="DX8" s="191">
        <v>353</v>
      </c>
      <c r="DY8" s="191">
        <v>429</v>
      </c>
      <c r="DZ8" s="191">
        <v>262</v>
      </c>
      <c r="EA8" s="191">
        <v>202</v>
      </c>
      <c r="EB8" s="191">
        <v>136</v>
      </c>
      <c r="EC8" s="196">
        <v>1382</v>
      </c>
      <c r="ED8" s="195">
        <v>1684</v>
      </c>
      <c r="EE8" s="190">
        <v>36</v>
      </c>
      <c r="EF8" s="191">
        <v>25</v>
      </c>
      <c r="EG8" s="196">
        <v>61</v>
      </c>
      <c r="EH8" s="193">
        <v>0</v>
      </c>
      <c r="EI8" s="191">
        <v>128</v>
      </c>
      <c r="EJ8" s="191">
        <v>108</v>
      </c>
      <c r="EK8" s="191">
        <v>94</v>
      </c>
      <c r="EL8" s="191">
        <v>99</v>
      </c>
      <c r="EM8" s="191">
        <v>76</v>
      </c>
      <c r="EN8" s="196">
        <v>505</v>
      </c>
      <c r="EO8" s="195">
        <v>566</v>
      </c>
      <c r="EP8" s="190">
        <v>151</v>
      </c>
      <c r="EQ8" s="191">
        <v>246</v>
      </c>
      <c r="ER8" s="196">
        <v>397</v>
      </c>
      <c r="ES8" s="193">
        <v>0</v>
      </c>
      <c r="ET8" s="191">
        <v>762</v>
      </c>
      <c r="EU8" s="191">
        <v>586</v>
      </c>
      <c r="EV8" s="191">
        <v>301</v>
      </c>
      <c r="EW8" s="191">
        <v>219</v>
      </c>
      <c r="EX8" s="191">
        <v>133</v>
      </c>
      <c r="EY8" s="196">
        <v>2001</v>
      </c>
      <c r="EZ8" s="195">
        <v>2398</v>
      </c>
    </row>
    <row r="9" spans="2:156" ht="21" customHeight="1" x14ac:dyDescent="0.2">
      <c r="B9" s="106" t="s">
        <v>14</v>
      </c>
      <c r="C9" s="190">
        <v>0</v>
      </c>
      <c r="D9" s="191">
        <v>0</v>
      </c>
      <c r="E9" s="192">
        <v>0</v>
      </c>
      <c r="F9" s="193">
        <v>0</v>
      </c>
      <c r="G9" s="191">
        <v>49</v>
      </c>
      <c r="H9" s="191">
        <v>89</v>
      </c>
      <c r="I9" s="191">
        <v>43</v>
      </c>
      <c r="J9" s="191">
        <v>34</v>
      </c>
      <c r="K9" s="191">
        <v>23</v>
      </c>
      <c r="L9" s="194">
        <v>238</v>
      </c>
      <c r="M9" s="195">
        <v>238</v>
      </c>
      <c r="N9" s="190">
        <v>0</v>
      </c>
      <c r="O9" s="191">
        <v>0</v>
      </c>
      <c r="P9" s="196">
        <v>0</v>
      </c>
      <c r="Q9" s="193">
        <v>0</v>
      </c>
      <c r="R9" s="191">
        <v>1</v>
      </c>
      <c r="S9" s="191">
        <v>2</v>
      </c>
      <c r="T9" s="191">
        <v>2</v>
      </c>
      <c r="U9" s="191">
        <v>12</v>
      </c>
      <c r="V9" s="191">
        <v>8</v>
      </c>
      <c r="W9" s="196">
        <v>25</v>
      </c>
      <c r="X9" s="195">
        <v>25</v>
      </c>
      <c r="Y9" s="190">
        <v>7</v>
      </c>
      <c r="Z9" s="191">
        <v>17</v>
      </c>
      <c r="AA9" s="196">
        <v>24</v>
      </c>
      <c r="AB9" s="193">
        <v>0</v>
      </c>
      <c r="AC9" s="191">
        <v>31</v>
      </c>
      <c r="AD9" s="191">
        <v>67</v>
      </c>
      <c r="AE9" s="191">
        <v>41</v>
      </c>
      <c r="AF9" s="191">
        <v>31</v>
      </c>
      <c r="AG9" s="191">
        <v>26</v>
      </c>
      <c r="AH9" s="196">
        <v>196</v>
      </c>
      <c r="AI9" s="195">
        <v>220</v>
      </c>
      <c r="AJ9" s="190">
        <v>0</v>
      </c>
      <c r="AK9" s="191">
        <v>3</v>
      </c>
      <c r="AL9" s="196">
        <v>3</v>
      </c>
      <c r="AM9" s="193">
        <v>0</v>
      </c>
      <c r="AN9" s="191">
        <v>2</v>
      </c>
      <c r="AO9" s="191">
        <v>6</v>
      </c>
      <c r="AP9" s="191">
        <v>4</v>
      </c>
      <c r="AQ9" s="191">
        <v>0</v>
      </c>
      <c r="AR9" s="191">
        <v>1</v>
      </c>
      <c r="AS9" s="196">
        <v>13</v>
      </c>
      <c r="AT9" s="195">
        <v>16</v>
      </c>
      <c r="AU9" s="190">
        <v>9</v>
      </c>
      <c r="AV9" s="191">
        <v>25</v>
      </c>
      <c r="AW9" s="196">
        <v>34</v>
      </c>
      <c r="AX9" s="193">
        <v>0</v>
      </c>
      <c r="AY9" s="191">
        <v>72</v>
      </c>
      <c r="AZ9" s="191">
        <v>90</v>
      </c>
      <c r="BA9" s="191">
        <v>96</v>
      </c>
      <c r="BB9" s="191">
        <v>79</v>
      </c>
      <c r="BC9" s="191">
        <v>56</v>
      </c>
      <c r="BD9" s="194">
        <v>393</v>
      </c>
      <c r="BE9" s="195">
        <v>427</v>
      </c>
      <c r="BF9" s="190">
        <v>0</v>
      </c>
      <c r="BG9" s="191">
        <v>0</v>
      </c>
      <c r="BH9" s="196">
        <v>0</v>
      </c>
      <c r="BI9" s="193">
        <v>0</v>
      </c>
      <c r="BJ9" s="191">
        <v>92</v>
      </c>
      <c r="BK9" s="191">
        <v>101</v>
      </c>
      <c r="BL9" s="191">
        <v>62</v>
      </c>
      <c r="BM9" s="191">
        <v>21</v>
      </c>
      <c r="BN9" s="191">
        <v>13</v>
      </c>
      <c r="BO9" s="196">
        <v>289</v>
      </c>
      <c r="BP9" s="195">
        <v>289</v>
      </c>
      <c r="BQ9" s="190">
        <v>6</v>
      </c>
      <c r="BR9" s="191">
        <v>10</v>
      </c>
      <c r="BS9" s="196">
        <v>16</v>
      </c>
      <c r="BT9" s="193">
        <v>0</v>
      </c>
      <c r="BU9" s="191">
        <v>11</v>
      </c>
      <c r="BV9" s="191">
        <v>20</v>
      </c>
      <c r="BW9" s="191">
        <v>12</v>
      </c>
      <c r="BX9" s="191">
        <v>7</v>
      </c>
      <c r="BY9" s="191">
        <v>6</v>
      </c>
      <c r="BZ9" s="196">
        <v>56</v>
      </c>
      <c r="CA9" s="195">
        <v>72</v>
      </c>
      <c r="CB9" s="190">
        <v>1</v>
      </c>
      <c r="CC9" s="191">
        <v>0</v>
      </c>
      <c r="CD9" s="196">
        <v>1</v>
      </c>
      <c r="CE9" s="193">
        <v>0</v>
      </c>
      <c r="CF9" s="191">
        <v>7</v>
      </c>
      <c r="CG9" s="191">
        <v>21</v>
      </c>
      <c r="CH9" s="191">
        <v>16</v>
      </c>
      <c r="CI9" s="191">
        <v>19</v>
      </c>
      <c r="CJ9" s="191">
        <v>8</v>
      </c>
      <c r="CK9" s="196">
        <v>71</v>
      </c>
      <c r="CL9" s="195">
        <v>72</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7</v>
      </c>
      <c r="DU9" s="191">
        <v>89</v>
      </c>
      <c r="DV9" s="196">
        <v>126</v>
      </c>
      <c r="DW9" s="193">
        <v>0</v>
      </c>
      <c r="DX9" s="191">
        <v>83</v>
      </c>
      <c r="DY9" s="191">
        <v>191</v>
      </c>
      <c r="DZ9" s="191">
        <v>117</v>
      </c>
      <c r="EA9" s="191">
        <v>63</v>
      </c>
      <c r="EB9" s="191">
        <v>49</v>
      </c>
      <c r="EC9" s="196">
        <v>503</v>
      </c>
      <c r="ED9" s="195">
        <v>629</v>
      </c>
      <c r="EE9" s="190">
        <v>6</v>
      </c>
      <c r="EF9" s="191">
        <v>8</v>
      </c>
      <c r="EG9" s="196">
        <v>14</v>
      </c>
      <c r="EH9" s="193">
        <v>0</v>
      </c>
      <c r="EI9" s="191">
        <v>36</v>
      </c>
      <c r="EJ9" s="191">
        <v>33</v>
      </c>
      <c r="EK9" s="191">
        <v>33</v>
      </c>
      <c r="EL9" s="191">
        <v>30</v>
      </c>
      <c r="EM9" s="191">
        <v>16</v>
      </c>
      <c r="EN9" s="196">
        <v>148</v>
      </c>
      <c r="EO9" s="195">
        <v>162</v>
      </c>
      <c r="EP9" s="190">
        <v>44</v>
      </c>
      <c r="EQ9" s="191">
        <v>102</v>
      </c>
      <c r="ER9" s="196">
        <v>146</v>
      </c>
      <c r="ES9" s="193">
        <v>0</v>
      </c>
      <c r="ET9" s="191">
        <v>189</v>
      </c>
      <c r="EU9" s="191">
        <v>274</v>
      </c>
      <c r="EV9" s="191">
        <v>138</v>
      </c>
      <c r="EW9" s="191">
        <v>77</v>
      </c>
      <c r="EX9" s="191">
        <v>49</v>
      </c>
      <c r="EY9" s="196">
        <v>727</v>
      </c>
      <c r="EZ9" s="195">
        <v>873</v>
      </c>
    </row>
    <row r="10" spans="2:156" ht="21" customHeight="1" x14ac:dyDescent="0.2">
      <c r="B10" s="106" t="s">
        <v>7</v>
      </c>
      <c r="C10" s="190">
        <v>0</v>
      </c>
      <c r="D10" s="191">
        <v>0</v>
      </c>
      <c r="E10" s="192">
        <v>0</v>
      </c>
      <c r="F10" s="193">
        <v>0</v>
      </c>
      <c r="G10" s="191">
        <v>51</v>
      </c>
      <c r="H10" s="191">
        <v>37</v>
      </c>
      <c r="I10" s="191">
        <v>17</v>
      </c>
      <c r="J10" s="191">
        <v>24</v>
      </c>
      <c r="K10" s="191">
        <v>11</v>
      </c>
      <c r="L10" s="194">
        <v>140</v>
      </c>
      <c r="M10" s="195">
        <v>140</v>
      </c>
      <c r="N10" s="190">
        <v>0</v>
      </c>
      <c r="O10" s="191">
        <v>0</v>
      </c>
      <c r="P10" s="196">
        <v>0</v>
      </c>
      <c r="Q10" s="193">
        <v>0</v>
      </c>
      <c r="R10" s="191">
        <v>1</v>
      </c>
      <c r="S10" s="191">
        <v>0</v>
      </c>
      <c r="T10" s="191">
        <v>0</v>
      </c>
      <c r="U10" s="191">
        <v>9</v>
      </c>
      <c r="V10" s="191">
        <v>9</v>
      </c>
      <c r="W10" s="196">
        <v>19</v>
      </c>
      <c r="X10" s="195">
        <v>19</v>
      </c>
      <c r="Y10" s="190">
        <v>0</v>
      </c>
      <c r="Z10" s="191">
        <v>5</v>
      </c>
      <c r="AA10" s="196">
        <v>5</v>
      </c>
      <c r="AB10" s="193">
        <v>0</v>
      </c>
      <c r="AC10" s="191">
        <v>30</v>
      </c>
      <c r="AD10" s="191">
        <v>23</v>
      </c>
      <c r="AE10" s="191">
        <v>16</v>
      </c>
      <c r="AF10" s="191">
        <v>20</v>
      </c>
      <c r="AG10" s="191">
        <v>9</v>
      </c>
      <c r="AH10" s="196">
        <v>98</v>
      </c>
      <c r="AI10" s="195">
        <v>103</v>
      </c>
      <c r="AJ10" s="190">
        <v>1</v>
      </c>
      <c r="AK10" s="191">
        <v>0</v>
      </c>
      <c r="AL10" s="196">
        <v>1</v>
      </c>
      <c r="AM10" s="193">
        <v>0</v>
      </c>
      <c r="AN10" s="191">
        <v>3</v>
      </c>
      <c r="AO10" s="191">
        <v>5</v>
      </c>
      <c r="AP10" s="191">
        <v>3</v>
      </c>
      <c r="AQ10" s="191">
        <v>6</v>
      </c>
      <c r="AR10" s="191">
        <v>1</v>
      </c>
      <c r="AS10" s="196">
        <v>18</v>
      </c>
      <c r="AT10" s="195">
        <v>19</v>
      </c>
      <c r="AU10" s="190">
        <v>16</v>
      </c>
      <c r="AV10" s="191">
        <v>9</v>
      </c>
      <c r="AW10" s="196">
        <v>25</v>
      </c>
      <c r="AX10" s="193">
        <v>0</v>
      </c>
      <c r="AY10" s="191">
        <v>68</v>
      </c>
      <c r="AZ10" s="191">
        <v>53</v>
      </c>
      <c r="BA10" s="191">
        <v>33</v>
      </c>
      <c r="BB10" s="191">
        <v>50</v>
      </c>
      <c r="BC10" s="191">
        <v>33</v>
      </c>
      <c r="BD10" s="194">
        <v>237</v>
      </c>
      <c r="BE10" s="195">
        <v>262</v>
      </c>
      <c r="BF10" s="190">
        <v>0</v>
      </c>
      <c r="BG10" s="191">
        <v>0</v>
      </c>
      <c r="BH10" s="196">
        <v>0</v>
      </c>
      <c r="BI10" s="193">
        <v>0</v>
      </c>
      <c r="BJ10" s="191">
        <v>85</v>
      </c>
      <c r="BK10" s="191">
        <v>39</v>
      </c>
      <c r="BL10" s="191">
        <v>19</v>
      </c>
      <c r="BM10" s="191">
        <v>12</v>
      </c>
      <c r="BN10" s="191">
        <v>5</v>
      </c>
      <c r="BO10" s="196">
        <v>160</v>
      </c>
      <c r="BP10" s="195">
        <v>160</v>
      </c>
      <c r="BQ10" s="190">
        <v>2</v>
      </c>
      <c r="BR10" s="191">
        <v>3</v>
      </c>
      <c r="BS10" s="196">
        <v>5</v>
      </c>
      <c r="BT10" s="193">
        <v>0</v>
      </c>
      <c r="BU10" s="191">
        <v>18</v>
      </c>
      <c r="BV10" s="191">
        <v>13</v>
      </c>
      <c r="BW10" s="191">
        <v>7</v>
      </c>
      <c r="BX10" s="191">
        <v>3</v>
      </c>
      <c r="BY10" s="191">
        <v>1</v>
      </c>
      <c r="BZ10" s="196">
        <v>42</v>
      </c>
      <c r="CA10" s="195">
        <v>47</v>
      </c>
      <c r="CB10" s="190">
        <v>0</v>
      </c>
      <c r="CC10" s="191">
        <v>0</v>
      </c>
      <c r="CD10" s="196">
        <v>0</v>
      </c>
      <c r="CE10" s="193">
        <v>0</v>
      </c>
      <c r="CF10" s="191">
        <v>12</v>
      </c>
      <c r="CG10" s="191">
        <v>14</v>
      </c>
      <c r="CH10" s="191">
        <v>8</v>
      </c>
      <c r="CI10" s="191">
        <v>6</v>
      </c>
      <c r="CJ10" s="191">
        <v>3</v>
      </c>
      <c r="CK10" s="196">
        <v>43</v>
      </c>
      <c r="CL10" s="195">
        <v>43</v>
      </c>
      <c r="CM10" s="190">
        <v>0</v>
      </c>
      <c r="CN10" s="191">
        <v>0</v>
      </c>
      <c r="CO10" s="196">
        <v>0</v>
      </c>
      <c r="CP10" s="193">
        <v>0</v>
      </c>
      <c r="CQ10" s="191">
        <v>0</v>
      </c>
      <c r="CR10" s="191">
        <v>1</v>
      </c>
      <c r="CS10" s="191">
        <v>0</v>
      </c>
      <c r="CT10" s="191">
        <v>0</v>
      </c>
      <c r="CU10" s="191">
        <v>0</v>
      </c>
      <c r="CV10" s="196">
        <v>1</v>
      </c>
      <c r="CW10" s="195">
        <v>1</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14</v>
      </c>
      <c r="DU10" s="191">
        <v>30</v>
      </c>
      <c r="DV10" s="196">
        <v>44</v>
      </c>
      <c r="DW10" s="193">
        <v>0</v>
      </c>
      <c r="DX10" s="191">
        <v>90</v>
      </c>
      <c r="DY10" s="191">
        <v>84</v>
      </c>
      <c r="DZ10" s="191">
        <v>45</v>
      </c>
      <c r="EA10" s="191">
        <v>48</v>
      </c>
      <c r="EB10" s="191">
        <v>21</v>
      </c>
      <c r="EC10" s="196">
        <v>288</v>
      </c>
      <c r="ED10" s="195">
        <v>332</v>
      </c>
      <c r="EE10" s="190">
        <v>12</v>
      </c>
      <c r="EF10" s="191">
        <v>5</v>
      </c>
      <c r="EG10" s="196">
        <v>17</v>
      </c>
      <c r="EH10" s="193">
        <v>0</v>
      </c>
      <c r="EI10" s="191">
        <v>34</v>
      </c>
      <c r="EJ10" s="191">
        <v>24</v>
      </c>
      <c r="EK10" s="191">
        <v>15</v>
      </c>
      <c r="EL10" s="191">
        <v>16</v>
      </c>
      <c r="EM10" s="191">
        <v>17</v>
      </c>
      <c r="EN10" s="196">
        <v>106</v>
      </c>
      <c r="EO10" s="195">
        <v>123</v>
      </c>
      <c r="EP10" s="190">
        <v>17</v>
      </c>
      <c r="EQ10" s="191">
        <v>34</v>
      </c>
      <c r="ER10" s="196">
        <v>51</v>
      </c>
      <c r="ES10" s="193">
        <v>0</v>
      </c>
      <c r="ET10" s="191">
        <v>182</v>
      </c>
      <c r="EU10" s="191">
        <v>115</v>
      </c>
      <c r="EV10" s="191">
        <v>49</v>
      </c>
      <c r="EW10" s="191">
        <v>47</v>
      </c>
      <c r="EX10" s="191">
        <v>20</v>
      </c>
      <c r="EY10" s="196">
        <v>413</v>
      </c>
      <c r="EZ10" s="195">
        <v>464</v>
      </c>
    </row>
    <row r="11" spans="2:156" ht="21" customHeight="1" x14ac:dyDescent="0.2">
      <c r="B11" s="106" t="s">
        <v>8</v>
      </c>
      <c r="C11" s="190">
        <v>0</v>
      </c>
      <c r="D11" s="191">
        <v>0</v>
      </c>
      <c r="E11" s="192">
        <v>0</v>
      </c>
      <c r="F11" s="193">
        <v>0</v>
      </c>
      <c r="G11" s="191">
        <v>18</v>
      </c>
      <c r="H11" s="191">
        <v>24</v>
      </c>
      <c r="I11" s="191">
        <v>14</v>
      </c>
      <c r="J11" s="191">
        <v>17</v>
      </c>
      <c r="K11" s="191">
        <v>9</v>
      </c>
      <c r="L11" s="194">
        <v>82</v>
      </c>
      <c r="M11" s="195">
        <v>82</v>
      </c>
      <c r="N11" s="190">
        <v>0</v>
      </c>
      <c r="O11" s="191">
        <v>0</v>
      </c>
      <c r="P11" s="196">
        <v>0</v>
      </c>
      <c r="Q11" s="193">
        <v>0</v>
      </c>
      <c r="R11" s="191">
        <v>0</v>
      </c>
      <c r="S11" s="191">
        <v>0</v>
      </c>
      <c r="T11" s="191">
        <v>0</v>
      </c>
      <c r="U11" s="191">
        <v>4</v>
      </c>
      <c r="V11" s="191">
        <v>3</v>
      </c>
      <c r="W11" s="196">
        <v>7</v>
      </c>
      <c r="X11" s="195">
        <v>7</v>
      </c>
      <c r="Y11" s="190">
        <v>5</v>
      </c>
      <c r="Z11" s="191">
        <v>6</v>
      </c>
      <c r="AA11" s="196">
        <v>11</v>
      </c>
      <c r="AB11" s="193">
        <v>0</v>
      </c>
      <c r="AC11" s="191">
        <v>20</v>
      </c>
      <c r="AD11" s="191">
        <v>20</v>
      </c>
      <c r="AE11" s="191">
        <v>12</v>
      </c>
      <c r="AF11" s="191">
        <v>17</v>
      </c>
      <c r="AG11" s="191">
        <v>9</v>
      </c>
      <c r="AH11" s="196">
        <v>78</v>
      </c>
      <c r="AI11" s="195">
        <v>89</v>
      </c>
      <c r="AJ11" s="190">
        <v>0</v>
      </c>
      <c r="AK11" s="191">
        <v>2</v>
      </c>
      <c r="AL11" s="196">
        <v>2</v>
      </c>
      <c r="AM11" s="193">
        <v>0</v>
      </c>
      <c r="AN11" s="191">
        <v>4</v>
      </c>
      <c r="AO11" s="191">
        <v>5</v>
      </c>
      <c r="AP11" s="191">
        <v>2</v>
      </c>
      <c r="AQ11" s="191">
        <v>3</v>
      </c>
      <c r="AR11" s="191">
        <v>4</v>
      </c>
      <c r="AS11" s="196">
        <v>18</v>
      </c>
      <c r="AT11" s="195">
        <v>20</v>
      </c>
      <c r="AU11" s="190">
        <v>5</v>
      </c>
      <c r="AV11" s="191">
        <v>2</v>
      </c>
      <c r="AW11" s="196">
        <v>7</v>
      </c>
      <c r="AX11" s="193">
        <v>0</v>
      </c>
      <c r="AY11" s="191">
        <v>33</v>
      </c>
      <c r="AZ11" s="191">
        <v>24</v>
      </c>
      <c r="BA11" s="191">
        <v>23</v>
      </c>
      <c r="BB11" s="191">
        <v>28</v>
      </c>
      <c r="BC11" s="191">
        <v>16</v>
      </c>
      <c r="BD11" s="194">
        <v>124</v>
      </c>
      <c r="BE11" s="195">
        <v>131</v>
      </c>
      <c r="BF11" s="190">
        <v>0</v>
      </c>
      <c r="BG11" s="191">
        <v>0</v>
      </c>
      <c r="BH11" s="196">
        <v>0</v>
      </c>
      <c r="BI11" s="193">
        <v>0</v>
      </c>
      <c r="BJ11" s="191">
        <v>29</v>
      </c>
      <c r="BK11" s="191">
        <v>28</v>
      </c>
      <c r="BL11" s="191">
        <v>16</v>
      </c>
      <c r="BM11" s="191">
        <v>9</v>
      </c>
      <c r="BN11" s="191">
        <v>6</v>
      </c>
      <c r="BO11" s="196">
        <v>88</v>
      </c>
      <c r="BP11" s="195">
        <v>88</v>
      </c>
      <c r="BQ11" s="190">
        <v>4</v>
      </c>
      <c r="BR11" s="191">
        <v>4</v>
      </c>
      <c r="BS11" s="196">
        <v>8</v>
      </c>
      <c r="BT11" s="193">
        <v>0</v>
      </c>
      <c r="BU11" s="191">
        <v>15</v>
      </c>
      <c r="BV11" s="191">
        <v>7</v>
      </c>
      <c r="BW11" s="191">
        <v>11</v>
      </c>
      <c r="BX11" s="191">
        <v>4</v>
      </c>
      <c r="BY11" s="191">
        <v>2</v>
      </c>
      <c r="BZ11" s="196">
        <v>39</v>
      </c>
      <c r="CA11" s="195">
        <v>47</v>
      </c>
      <c r="CB11" s="190">
        <v>0</v>
      </c>
      <c r="CC11" s="191">
        <v>0</v>
      </c>
      <c r="CD11" s="196">
        <v>0</v>
      </c>
      <c r="CE11" s="193">
        <v>0</v>
      </c>
      <c r="CF11" s="191">
        <v>5</v>
      </c>
      <c r="CG11" s="191">
        <v>9</v>
      </c>
      <c r="CH11" s="191">
        <v>12</v>
      </c>
      <c r="CI11" s="191">
        <v>3</v>
      </c>
      <c r="CJ11" s="191">
        <v>5</v>
      </c>
      <c r="CK11" s="196">
        <v>34</v>
      </c>
      <c r="CL11" s="195">
        <v>34</v>
      </c>
      <c r="CM11" s="190">
        <v>0</v>
      </c>
      <c r="CN11" s="191">
        <v>0</v>
      </c>
      <c r="CO11" s="196">
        <v>0</v>
      </c>
      <c r="CP11" s="193">
        <v>0</v>
      </c>
      <c r="CQ11" s="191">
        <v>0</v>
      </c>
      <c r="CR11" s="191">
        <v>1</v>
      </c>
      <c r="CS11" s="191">
        <v>0</v>
      </c>
      <c r="CT11" s="191">
        <v>1</v>
      </c>
      <c r="CU11" s="191">
        <v>0</v>
      </c>
      <c r="CV11" s="196">
        <v>2</v>
      </c>
      <c r="CW11" s="195">
        <v>2</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19</v>
      </c>
      <c r="DU11" s="191">
        <v>19</v>
      </c>
      <c r="DV11" s="196">
        <v>38</v>
      </c>
      <c r="DW11" s="193">
        <v>0</v>
      </c>
      <c r="DX11" s="191">
        <v>64</v>
      </c>
      <c r="DY11" s="191">
        <v>67</v>
      </c>
      <c r="DZ11" s="191">
        <v>41</v>
      </c>
      <c r="EA11" s="191">
        <v>32</v>
      </c>
      <c r="EB11" s="191">
        <v>21</v>
      </c>
      <c r="EC11" s="196">
        <v>225</v>
      </c>
      <c r="ED11" s="195">
        <v>263</v>
      </c>
      <c r="EE11" s="190">
        <v>6</v>
      </c>
      <c r="EF11" s="191">
        <v>2</v>
      </c>
      <c r="EG11" s="196">
        <v>8</v>
      </c>
      <c r="EH11" s="193">
        <v>0</v>
      </c>
      <c r="EI11" s="191">
        <v>15</v>
      </c>
      <c r="EJ11" s="191">
        <v>11</v>
      </c>
      <c r="EK11" s="191">
        <v>7</v>
      </c>
      <c r="EL11" s="191">
        <v>12</v>
      </c>
      <c r="EM11" s="191">
        <v>3</v>
      </c>
      <c r="EN11" s="196">
        <v>48</v>
      </c>
      <c r="EO11" s="195">
        <v>56</v>
      </c>
      <c r="EP11" s="190">
        <v>26</v>
      </c>
      <c r="EQ11" s="191">
        <v>23</v>
      </c>
      <c r="ER11" s="196">
        <v>49</v>
      </c>
      <c r="ES11" s="193">
        <v>0</v>
      </c>
      <c r="ET11" s="191">
        <v>121</v>
      </c>
      <c r="EU11" s="191">
        <v>88</v>
      </c>
      <c r="EV11" s="191">
        <v>44</v>
      </c>
      <c r="EW11" s="191">
        <v>32</v>
      </c>
      <c r="EX11" s="191">
        <v>21</v>
      </c>
      <c r="EY11" s="196">
        <v>306</v>
      </c>
      <c r="EZ11" s="195">
        <v>355</v>
      </c>
    </row>
    <row r="12" spans="2:156" ht="21" customHeight="1" x14ac:dyDescent="0.2">
      <c r="B12" s="106" t="s">
        <v>9</v>
      </c>
      <c r="C12" s="190">
        <v>0</v>
      </c>
      <c r="D12" s="191">
        <v>0</v>
      </c>
      <c r="E12" s="192">
        <v>0</v>
      </c>
      <c r="F12" s="193">
        <v>0</v>
      </c>
      <c r="G12" s="191">
        <v>71</v>
      </c>
      <c r="H12" s="191">
        <v>51</v>
      </c>
      <c r="I12" s="191">
        <v>34</v>
      </c>
      <c r="J12" s="191">
        <v>39</v>
      </c>
      <c r="K12" s="191">
        <v>20</v>
      </c>
      <c r="L12" s="194">
        <v>215</v>
      </c>
      <c r="M12" s="195">
        <v>215</v>
      </c>
      <c r="N12" s="190">
        <v>0</v>
      </c>
      <c r="O12" s="191">
        <v>0</v>
      </c>
      <c r="P12" s="196">
        <v>0</v>
      </c>
      <c r="Q12" s="193">
        <v>0</v>
      </c>
      <c r="R12" s="191">
        <v>1</v>
      </c>
      <c r="S12" s="191">
        <v>1</v>
      </c>
      <c r="T12" s="191">
        <v>3</v>
      </c>
      <c r="U12" s="191">
        <v>7</v>
      </c>
      <c r="V12" s="191">
        <v>10</v>
      </c>
      <c r="W12" s="196">
        <v>22</v>
      </c>
      <c r="X12" s="195">
        <v>22</v>
      </c>
      <c r="Y12" s="190">
        <v>15</v>
      </c>
      <c r="Z12" s="191">
        <v>17</v>
      </c>
      <c r="AA12" s="196">
        <v>32</v>
      </c>
      <c r="AB12" s="193">
        <v>0</v>
      </c>
      <c r="AC12" s="191">
        <v>51</v>
      </c>
      <c r="AD12" s="191">
        <v>48</v>
      </c>
      <c r="AE12" s="191">
        <v>33</v>
      </c>
      <c r="AF12" s="191">
        <v>23</v>
      </c>
      <c r="AG12" s="191">
        <v>22</v>
      </c>
      <c r="AH12" s="196">
        <v>177</v>
      </c>
      <c r="AI12" s="195">
        <v>209</v>
      </c>
      <c r="AJ12" s="190">
        <v>1</v>
      </c>
      <c r="AK12" s="191">
        <v>2</v>
      </c>
      <c r="AL12" s="196">
        <v>3</v>
      </c>
      <c r="AM12" s="193">
        <v>0</v>
      </c>
      <c r="AN12" s="191">
        <v>4</v>
      </c>
      <c r="AO12" s="191">
        <v>7</v>
      </c>
      <c r="AP12" s="191">
        <v>7</v>
      </c>
      <c r="AQ12" s="191">
        <v>5</v>
      </c>
      <c r="AR12" s="191">
        <v>2</v>
      </c>
      <c r="AS12" s="196">
        <v>25</v>
      </c>
      <c r="AT12" s="195">
        <v>28</v>
      </c>
      <c r="AU12" s="190">
        <v>15</v>
      </c>
      <c r="AV12" s="191">
        <v>11</v>
      </c>
      <c r="AW12" s="196">
        <v>26</v>
      </c>
      <c r="AX12" s="193">
        <v>0</v>
      </c>
      <c r="AY12" s="191">
        <v>61</v>
      </c>
      <c r="AZ12" s="191">
        <v>69</v>
      </c>
      <c r="BA12" s="191">
        <v>70</v>
      </c>
      <c r="BB12" s="191">
        <v>66</v>
      </c>
      <c r="BC12" s="191">
        <v>40</v>
      </c>
      <c r="BD12" s="194">
        <v>306</v>
      </c>
      <c r="BE12" s="195">
        <v>332</v>
      </c>
      <c r="BF12" s="190">
        <v>0</v>
      </c>
      <c r="BG12" s="191">
        <v>0</v>
      </c>
      <c r="BH12" s="196">
        <v>0</v>
      </c>
      <c r="BI12" s="193">
        <v>0</v>
      </c>
      <c r="BJ12" s="191">
        <v>70</v>
      </c>
      <c r="BK12" s="191">
        <v>33</v>
      </c>
      <c r="BL12" s="191">
        <v>22</v>
      </c>
      <c r="BM12" s="191">
        <v>14</v>
      </c>
      <c r="BN12" s="191">
        <v>4</v>
      </c>
      <c r="BO12" s="196">
        <v>143</v>
      </c>
      <c r="BP12" s="195">
        <v>143</v>
      </c>
      <c r="BQ12" s="190">
        <v>7</v>
      </c>
      <c r="BR12" s="191">
        <v>8</v>
      </c>
      <c r="BS12" s="196">
        <v>15</v>
      </c>
      <c r="BT12" s="193">
        <v>0</v>
      </c>
      <c r="BU12" s="191">
        <v>23</v>
      </c>
      <c r="BV12" s="191">
        <v>20</v>
      </c>
      <c r="BW12" s="191">
        <v>10</v>
      </c>
      <c r="BX12" s="191">
        <v>7</v>
      </c>
      <c r="BY12" s="191">
        <v>3</v>
      </c>
      <c r="BZ12" s="196">
        <v>63</v>
      </c>
      <c r="CA12" s="195">
        <v>78</v>
      </c>
      <c r="CB12" s="190">
        <v>0</v>
      </c>
      <c r="CC12" s="191">
        <v>1</v>
      </c>
      <c r="CD12" s="196">
        <v>1</v>
      </c>
      <c r="CE12" s="193">
        <v>0</v>
      </c>
      <c r="CF12" s="191">
        <v>11</v>
      </c>
      <c r="CG12" s="191">
        <v>9</v>
      </c>
      <c r="CH12" s="191">
        <v>10</v>
      </c>
      <c r="CI12" s="191">
        <v>8</v>
      </c>
      <c r="CJ12" s="191">
        <v>4</v>
      </c>
      <c r="CK12" s="196">
        <v>42</v>
      </c>
      <c r="CL12" s="195">
        <v>43</v>
      </c>
      <c r="CM12" s="190">
        <v>0</v>
      </c>
      <c r="CN12" s="191">
        <v>0</v>
      </c>
      <c r="CO12" s="196">
        <v>0</v>
      </c>
      <c r="CP12" s="193">
        <v>0</v>
      </c>
      <c r="CQ12" s="191">
        <v>1</v>
      </c>
      <c r="CR12" s="191">
        <v>1</v>
      </c>
      <c r="CS12" s="191">
        <v>6</v>
      </c>
      <c r="CT12" s="191">
        <v>2</v>
      </c>
      <c r="CU12" s="191">
        <v>0</v>
      </c>
      <c r="CV12" s="196">
        <v>10</v>
      </c>
      <c r="CW12" s="195">
        <v>10</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29</v>
      </c>
      <c r="DU12" s="191">
        <v>36</v>
      </c>
      <c r="DV12" s="196">
        <v>65</v>
      </c>
      <c r="DW12" s="193">
        <v>0</v>
      </c>
      <c r="DX12" s="191">
        <v>101</v>
      </c>
      <c r="DY12" s="191">
        <v>108</v>
      </c>
      <c r="DZ12" s="191">
        <v>67</v>
      </c>
      <c r="EA12" s="191">
        <v>53</v>
      </c>
      <c r="EB12" s="191">
        <v>32</v>
      </c>
      <c r="EC12" s="196">
        <v>361</v>
      </c>
      <c r="ED12" s="195">
        <v>426</v>
      </c>
      <c r="EE12" s="190">
        <v>14</v>
      </c>
      <c r="EF12" s="191">
        <v>8</v>
      </c>
      <c r="EG12" s="196">
        <v>22</v>
      </c>
      <c r="EH12" s="193">
        <v>0</v>
      </c>
      <c r="EI12" s="191">
        <v>27</v>
      </c>
      <c r="EJ12" s="191">
        <v>29</v>
      </c>
      <c r="EK12" s="191">
        <v>27</v>
      </c>
      <c r="EL12" s="191">
        <v>22</v>
      </c>
      <c r="EM12" s="191">
        <v>11</v>
      </c>
      <c r="EN12" s="196">
        <v>116</v>
      </c>
      <c r="EO12" s="195">
        <v>138</v>
      </c>
      <c r="EP12" s="190">
        <v>47</v>
      </c>
      <c r="EQ12" s="191">
        <v>48</v>
      </c>
      <c r="ER12" s="196">
        <v>95</v>
      </c>
      <c r="ES12" s="193">
        <v>0</v>
      </c>
      <c r="ET12" s="191">
        <v>203</v>
      </c>
      <c r="EU12" s="191">
        <v>141</v>
      </c>
      <c r="EV12" s="191">
        <v>85</v>
      </c>
      <c r="EW12" s="191">
        <v>63</v>
      </c>
      <c r="EX12" s="191">
        <v>32</v>
      </c>
      <c r="EY12" s="196">
        <v>524</v>
      </c>
      <c r="EZ12" s="195">
        <v>619</v>
      </c>
    </row>
    <row r="13" spans="2:156" ht="21" customHeight="1" x14ac:dyDescent="0.2">
      <c r="B13" s="106" t="s">
        <v>10</v>
      </c>
      <c r="C13" s="190">
        <v>0</v>
      </c>
      <c r="D13" s="191">
        <v>0</v>
      </c>
      <c r="E13" s="192">
        <v>0</v>
      </c>
      <c r="F13" s="193">
        <v>0</v>
      </c>
      <c r="G13" s="191">
        <v>95</v>
      </c>
      <c r="H13" s="191">
        <v>58</v>
      </c>
      <c r="I13" s="191">
        <v>39</v>
      </c>
      <c r="J13" s="191">
        <v>31</v>
      </c>
      <c r="K13" s="191">
        <v>19</v>
      </c>
      <c r="L13" s="194">
        <v>242</v>
      </c>
      <c r="M13" s="195">
        <v>242</v>
      </c>
      <c r="N13" s="190">
        <v>0</v>
      </c>
      <c r="O13" s="191">
        <v>0</v>
      </c>
      <c r="P13" s="196">
        <v>0</v>
      </c>
      <c r="Q13" s="193">
        <v>0</v>
      </c>
      <c r="R13" s="191">
        <v>1</v>
      </c>
      <c r="S13" s="191">
        <v>2</v>
      </c>
      <c r="T13" s="191">
        <v>3</v>
      </c>
      <c r="U13" s="191">
        <v>8</v>
      </c>
      <c r="V13" s="191">
        <v>5</v>
      </c>
      <c r="W13" s="196">
        <v>19</v>
      </c>
      <c r="X13" s="195">
        <v>19</v>
      </c>
      <c r="Y13" s="190">
        <v>17</v>
      </c>
      <c r="Z13" s="191">
        <v>23</v>
      </c>
      <c r="AA13" s="196">
        <v>40</v>
      </c>
      <c r="AB13" s="193">
        <v>0</v>
      </c>
      <c r="AC13" s="191">
        <v>67</v>
      </c>
      <c r="AD13" s="191">
        <v>51</v>
      </c>
      <c r="AE13" s="191">
        <v>26</v>
      </c>
      <c r="AF13" s="191">
        <v>21</v>
      </c>
      <c r="AG13" s="191">
        <v>11</v>
      </c>
      <c r="AH13" s="196">
        <v>176</v>
      </c>
      <c r="AI13" s="195">
        <v>216</v>
      </c>
      <c r="AJ13" s="190">
        <v>1</v>
      </c>
      <c r="AK13" s="191">
        <v>1</v>
      </c>
      <c r="AL13" s="196">
        <v>2</v>
      </c>
      <c r="AM13" s="193">
        <v>0</v>
      </c>
      <c r="AN13" s="191">
        <v>6</v>
      </c>
      <c r="AO13" s="191">
        <v>10</v>
      </c>
      <c r="AP13" s="191">
        <v>2</v>
      </c>
      <c r="AQ13" s="191">
        <v>2</v>
      </c>
      <c r="AR13" s="191">
        <v>1</v>
      </c>
      <c r="AS13" s="196">
        <v>21</v>
      </c>
      <c r="AT13" s="195">
        <v>23</v>
      </c>
      <c r="AU13" s="190">
        <v>21</v>
      </c>
      <c r="AV13" s="191">
        <v>20</v>
      </c>
      <c r="AW13" s="196">
        <v>41</v>
      </c>
      <c r="AX13" s="193">
        <v>0</v>
      </c>
      <c r="AY13" s="191">
        <v>100</v>
      </c>
      <c r="AZ13" s="191">
        <v>92</v>
      </c>
      <c r="BA13" s="191">
        <v>78</v>
      </c>
      <c r="BB13" s="191">
        <v>80</v>
      </c>
      <c r="BC13" s="191">
        <v>70</v>
      </c>
      <c r="BD13" s="194">
        <v>420</v>
      </c>
      <c r="BE13" s="195">
        <v>461</v>
      </c>
      <c r="BF13" s="190">
        <v>0</v>
      </c>
      <c r="BG13" s="191">
        <v>0</v>
      </c>
      <c r="BH13" s="196">
        <v>0</v>
      </c>
      <c r="BI13" s="193">
        <v>0</v>
      </c>
      <c r="BJ13" s="191">
        <v>131</v>
      </c>
      <c r="BK13" s="191">
        <v>68</v>
      </c>
      <c r="BL13" s="191">
        <v>41</v>
      </c>
      <c r="BM13" s="191">
        <v>16</v>
      </c>
      <c r="BN13" s="191">
        <v>6</v>
      </c>
      <c r="BO13" s="196">
        <v>262</v>
      </c>
      <c r="BP13" s="195">
        <v>262</v>
      </c>
      <c r="BQ13" s="190">
        <v>4</v>
      </c>
      <c r="BR13" s="191">
        <v>6</v>
      </c>
      <c r="BS13" s="196">
        <v>10</v>
      </c>
      <c r="BT13" s="193">
        <v>0</v>
      </c>
      <c r="BU13" s="191">
        <v>24</v>
      </c>
      <c r="BV13" s="191">
        <v>21</v>
      </c>
      <c r="BW13" s="191">
        <v>9</v>
      </c>
      <c r="BX13" s="191">
        <v>2</v>
      </c>
      <c r="BY13" s="191">
        <v>1</v>
      </c>
      <c r="BZ13" s="196">
        <v>57</v>
      </c>
      <c r="CA13" s="195">
        <v>67</v>
      </c>
      <c r="CB13" s="190">
        <v>0</v>
      </c>
      <c r="CC13" s="191">
        <v>2</v>
      </c>
      <c r="CD13" s="196">
        <v>2</v>
      </c>
      <c r="CE13" s="193">
        <v>0</v>
      </c>
      <c r="CF13" s="191">
        <v>17</v>
      </c>
      <c r="CG13" s="191">
        <v>9</v>
      </c>
      <c r="CH13" s="191">
        <v>18</v>
      </c>
      <c r="CI13" s="191">
        <v>10</v>
      </c>
      <c r="CJ13" s="191">
        <v>1</v>
      </c>
      <c r="CK13" s="196">
        <v>55</v>
      </c>
      <c r="CL13" s="195">
        <v>57</v>
      </c>
      <c r="CM13" s="190">
        <v>0</v>
      </c>
      <c r="CN13" s="191">
        <v>0</v>
      </c>
      <c r="CO13" s="196">
        <v>0</v>
      </c>
      <c r="CP13" s="193">
        <v>0</v>
      </c>
      <c r="CQ13" s="191">
        <v>1</v>
      </c>
      <c r="CR13" s="191">
        <v>3</v>
      </c>
      <c r="CS13" s="191">
        <v>2</v>
      </c>
      <c r="CT13" s="191">
        <v>0</v>
      </c>
      <c r="CU13" s="191">
        <v>0</v>
      </c>
      <c r="CV13" s="196">
        <v>6</v>
      </c>
      <c r="CW13" s="195">
        <v>6</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52</v>
      </c>
      <c r="DU13" s="191">
        <v>93</v>
      </c>
      <c r="DV13" s="196">
        <v>145</v>
      </c>
      <c r="DW13" s="193">
        <v>0</v>
      </c>
      <c r="DX13" s="191">
        <v>128</v>
      </c>
      <c r="DY13" s="191">
        <v>120</v>
      </c>
      <c r="DZ13" s="191">
        <v>70</v>
      </c>
      <c r="EA13" s="191">
        <v>51</v>
      </c>
      <c r="EB13" s="191">
        <v>32</v>
      </c>
      <c r="EC13" s="196">
        <v>401</v>
      </c>
      <c r="ED13" s="195">
        <v>546</v>
      </c>
      <c r="EE13" s="190">
        <v>11</v>
      </c>
      <c r="EF13" s="191">
        <v>10</v>
      </c>
      <c r="EG13" s="196">
        <v>21</v>
      </c>
      <c r="EH13" s="193">
        <v>0</v>
      </c>
      <c r="EI13" s="191">
        <v>34</v>
      </c>
      <c r="EJ13" s="191">
        <v>28</v>
      </c>
      <c r="EK13" s="191">
        <v>23</v>
      </c>
      <c r="EL13" s="191">
        <v>37</v>
      </c>
      <c r="EM13" s="191">
        <v>30</v>
      </c>
      <c r="EN13" s="196">
        <v>152</v>
      </c>
      <c r="EO13" s="195">
        <v>173</v>
      </c>
      <c r="EP13" s="190">
        <v>68</v>
      </c>
      <c r="EQ13" s="191">
        <v>103</v>
      </c>
      <c r="ER13" s="196">
        <v>171</v>
      </c>
      <c r="ES13" s="193">
        <v>0</v>
      </c>
      <c r="ET13" s="191">
        <v>271</v>
      </c>
      <c r="EU13" s="191">
        <v>164</v>
      </c>
      <c r="EV13" s="191">
        <v>87</v>
      </c>
      <c r="EW13" s="191">
        <v>54</v>
      </c>
      <c r="EX13" s="191">
        <v>29</v>
      </c>
      <c r="EY13" s="196">
        <v>605</v>
      </c>
      <c r="EZ13" s="195">
        <v>776</v>
      </c>
    </row>
    <row r="14" spans="2:156" ht="21" customHeight="1" x14ac:dyDescent="0.2">
      <c r="B14" s="106" t="s">
        <v>11</v>
      </c>
      <c r="C14" s="190">
        <v>0</v>
      </c>
      <c r="D14" s="191">
        <v>0</v>
      </c>
      <c r="E14" s="192">
        <v>0</v>
      </c>
      <c r="F14" s="193">
        <v>0</v>
      </c>
      <c r="G14" s="191">
        <v>12</v>
      </c>
      <c r="H14" s="191">
        <v>10</v>
      </c>
      <c r="I14" s="191">
        <v>7</v>
      </c>
      <c r="J14" s="191">
        <v>14</v>
      </c>
      <c r="K14" s="191">
        <v>5</v>
      </c>
      <c r="L14" s="194">
        <v>48</v>
      </c>
      <c r="M14" s="195">
        <v>48</v>
      </c>
      <c r="N14" s="190">
        <v>0</v>
      </c>
      <c r="O14" s="191">
        <v>0</v>
      </c>
      <c r="P14" s="196">
        <v>0</v>
      </c>
      <c r="Q14" s="193">
        <v>0</v>
      </c>
      <c r="R14" s="191">
        <v>0</v>
      </c>
      <c r="S14" s="191">
        <v>0</v>
      </c>
      <c r="T14" s="191">
        <v>0</v>
      </c>
      <c r="U14" s="191">
        <v>4</v>
      </c>
      <c r="V14" s="191">
        <v>2</v>
      </c>
      <c r="W14" s="196">
        <v>6</v>
      </c>
      <c r="X14" s="195">
        <v>6</v>
      </c>
      <c r="Y14" s="190">
        <v>3</v>
      </c>
      <c r="Z14" s="191">
        <v>3</v>
      </c>
      <c r="AA14" s="196">
        <v>6</v>
      </c>
      <c r="AB14" s="193">
        <v>0</v>
      </c>
      <c r="AC14" s="191">
        <v>26</v>
      </c>
      <c r="AD14" s="191">
        <v>15</v>
      </c>
      <c r="AE14" s="191">
        <v>9</v>
      </c>
      <c r="AF14" s="191">
        <v>16</v>
      </c>
      <c r="AG14" s="191">
        <v>5</v>
      </c>
      <c r="AH14" s="196">
        <v>71</v>
      </c>
      <c r="AI14" s="195">
        <v>77</v>
      </c>
      <c r="AJ14" s="190">
        <v>0</v>
      </c>
      <c r="AK14" s="191">
        <v>0</v>
      </c>
      <c r="AL14" s="196">
        <v>0</v>
      </c>
      <c r="AM14" s="193">
        <v>0</v>
      </c>
      <c r="AN14" s="191">
        <v>3</v>
      </c>
      <c r="AO14" s="191">
        <v>3</v>
      </c>
      <c r="AP14" s="191">
        <v>0</v>
      </c>
      <c r="AQ14" s="191">
        <v>1</v>
      </c>
      <c r="AR14" s="191">
        <v>1</v>
      </c>
      <c r="AS14" s="196">
        <v>8</v>
      </c>
      <c r="AT14" s="195">
        <v>8</v>
      </c>
      <c r="AU14" s="190">
        <v>3</v>
      </c>
      <c r="AV14" s="191">
        <v>5</v>
      </c>
      <c r="AW14" s="196">
        <v>8</v>
      </c>
      <c r="AX14" s="193">
        <v>0</v>
      </c>
      <c r="AY14" s="191">
        <v>22</v>
      </c>
      <c r="AZ14" s="191">
        <v>27</v>
      </c>
      <c r="BA14" s="191">
        <v>20</v>
      </c>
      <c r="BB14" s="191">
        <v>26</v>
      </c>
      <c r="BC14" s="191">
        <v>14</v>
      </c>
      <c r="BD14" s="194">
        <v>109</v>
      </c>
      <c r="BE14" s="195">
        <v>117</v>
      </c>
      <c r="BF14" s="190">
        <v>0</v>
      </c>
      <c r="BG14" s="191">
        <v>0</v>
      </c>
      <c r="BH14" s="196">
        <v>0</v>
      </c>
      <c r="BI14" s="193">
        <v>0</v>
      </c>
      <c r="BJ14" s="191">
        <v>21</v>
      </c>
      <c r="BK14" s="191">
        <v>12</v>
      </c>
      <c r="BL14" s="191">
        <v>9</v>
      </c>
      <c r="BM14" s="191">
        <v>7</v>
      </c>
      <c r="BN14" s="191">
        <v>4</v>
      </c>
      <c r="BO14" s="196">
        <v>53</v>
      </c>
      <c r="BP14" s="195">
        <v>53</v>
      </c>
      <c r="BQ14" s="190">
        <v>0</v>
      </c>
      <c r="BR14" s="191">
        <v>5</v>
      </c>
      <c r="BS14" s="196">
        <v>5</v>
      </c>
      <c r="BT14" s="193">
        <v>0</v>
      </c>
      <c r="BU14" s="191">
        <v>11</v>
      </c>
      <c r="BV14" s="191">
        <v>6</v>
      </c>
      <c r="BW14" s="191">
        <v>12</v>
      </c>
      <c r="BX14" s="191">
        <v>2</v>
      </c>
      <c r="BY14" s="191">
        <v>1</v>
      </c>
      <c r="BZ14" s="196">
        <v>32</v>
      </c>
      <c r="CA14" s="195">
        <v>37</v>
      </c>
      <c r="CB14" s="190">
        <v>0</v>
      </c>
      <c r="CC14" s="191">
        <v>0</v>
      </c>
      <c r="CD14" s="196">
        <v>0</v>
      </c>
      <c r="CE14" s="193">
        <v>0</v>
      </c>
      <c r="CF14" s="191">
        <v>4</v>
      </c>
      <c r="CG14" s="191">
        <v>1</v>
      </c>
      <c r="CH14" s="191">
        <v>2</v>
      </c>
      <c r="CI14" s="191">
        <v>1</v>
      </c>
      <c r="CJ14" s="191">
        <v>3</v>
      </c>
      <c r="CK14" s="196">
        <v>11</v>
      </c>
      <c r="CL14" s="195">
        <v>11</v>
      </c>
      <c r="CM14" s="190">
        <v>0</v>
      </c>
      <c r="CN14" s="191">
        <v>0</v>
      </c>
      <c r="CO14" s="196">
        <v>0</v>
      </c>
      <c r="CP14" s="193">
        <v>0</v>
      </c>
      <c r="CQ14" s="191">
        <v>0</v>
      </c>
      <c r="CR14" s="191">
        <v>0</v>
      </c>
      <c r="CS14" s="191">
        <v>3</v>
      </c>
      <c r="CT14" s="191">
        <v>1</v>
      </c>
      <c r="CU14" s="191">
        <v>2</v>
      </c>
      <c r="CV14" s="196">
        <v>6</v>
      </c>
      <c r="CW14" s="195">
        <v>6</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20</v>
      </c>
      <c r="DU14" s="191">
        <v>17</v>
      </c>
      <c r="DV14" s="196">
        <v>37</v>
      </c>
      <c r="DW14" s="193">
        <v>0</v>
      </c>
      <c r="DX14" s="191">
        <v>49</v>
      </c>
      <c r="DY14" s="191">
        <v>34</v>
      </c>
      <c r="DZ14" s="191">
        <v>30</v>
      </c>
      <c r="EA14" s="191">
        <v>31</v>
      </c>
      <c r="EB14" s="191">
        <v>10</v>
      </c>
      <c r="EC14" s="196">
        <v>154</v>
      </c>
      <c r="ED14" s="195">
        <v>191</v>
      </c>
      <c r="EE14" s="190">
        <v>3</v>
      </c>
      <c r="EF14" s="191">
        <v>3</v>
      </c>
      <c r="EG14" s="196">
        <v>6</v>
      </c>
      <c r="EH14" s="193">
        <v>0</v>
      </c>
      <c r="EI14" s="191">
        <v>19</v>
      </c>
      <c r="EJ14" s="191">
        <v>14</v>
      </c>
      <c r="EK14" s="191">
        <v>6</v>
      </c>
      <c r="EL14" s="191">
        <v>17</v>
      </c>
      <c r="EM14" s="191">
        <v>8</v>
      </c>
      <c r="EN14" s="196">
        <v>64</v>
      </c>
      <c r="EO14" s="195">
        <v>70</v>
      </c>
      <c r="EP14" s="190">
        <v>23</v>
      </c>
      <c r="EQ14" s="191">
        <v>22</v>
      </c>
      <c r="ER14" s="196">
        <v>45</v>
      </c>
      <c r="ES14" s="193">
        <v>0</v>
      </c>
      <c r="ET14" s="191">
        <v>92</v>
      </c>
      <c r="EU14" s="191">
        <v>42</v>
      </c>
      <c r="EV14" s="191">
        <v>37</v>
      </c>
      <c r="EW14" s="191">
        <v>34</v>
      </c>
      <c r="EX14" s="191">
        <v>12</v>
      </c>
      <c r="EY14" s="196">
        <v>217</v>
      </c>
      <c r="EZ14" s="195">
        <v>262</v>
      </c>
    </row>
    <row r="15" spans="2:156" ht="21" customHeight="1" x14ac:dyDescent="0.2">
      <c r="B15" s="106" t="s">
        <v>12</v>
      </c>
      <c r="C15" s="190">
        <v>0</v>
      </c>
      <c r="D15" s="191">
        <v>0</v>
      </c>
      <c r="E15" s="192">
        <v>0</v>
      </c>
      <c r="F15" s="193">
        <v>0</v>
      </c>
      <c r="G15" s="191">
        <v>37</v>
      </c>
      <c r="H15" s="191">
        <v>34</v>
      </c>
      <c r="I15" s="191">
        <v>18</v>
      </c>
      <c r="J15" s="191">
        <v>13</v>
      </c>
      <c r="K15" s="191">
        <v>21</v>
      </c>
      <c r="L15" s="194">
        <v>123</v>
      </c>
      <c r="M15" s="195">
        <v>123</v>
      </c>
      <c r="N15" s="190">
        <v>0</v>
      </c>
      <c r="O15" s="191">
        <v>0</v>
      </c>
      <c r="P15" s="196">
        <v>0</v>
      </c>
      <c r="Q15" s="193">
        <v>0</v>
      </c>
      <c r="R15" s="191">
        <v>0</v>
      </c>
      <c r="S15" s="191">
        <v>2</v>
      </c>
      <c r="T15" s="191">
        <v>2</v>
      </c>
      <c r="U15" s="191">
        <v>3</v>
      </c>
      <c r="V15" s="191">
        <v>4</v>
      </c>
      <c r="W15" s="196">
        <v>11</v>
      </c>
      <c r="X15" s="195">
        <v>11</v>
      </c>
      <c r="Y15" s="190">
        <v>9</v>
      </c>
      <c r="Z15" s="191">
        <v>31</v>
      </c>
      <c r="AA15" s="196">
        <v>40</v>
      </c>
      <c r="AB15" s="193">
        <v>0</v>
      </c>
      <c r="AC15" s="191">
        <v>25</v>
      </c>
      <c r="AD15" s="191">
        <v>26</v>
      </c>
      <c r="AE15" s="191">
        <v>11</v>
      </c>
      <c r="AF15" s="191">
        <v>15</v>
      </c>
      <c r="AG15" s="191">
        <v>13</v>
      </c>
      <c r="AH15" s="196">
        <v>90</v>
      </c>
      <c r="AI15" s="195">
        <v>130</v>
      </c>
      <c r="AJ15" s="190">
        <v>1</v>
      </c>
      <c r="AK15" s="191">
        <v>1</v>
      </c>
      <c r="AL15" s="196">
        <v>2</v>
      </c>
      <c r="AM15" s="193">
        <v>0</v>
      </c>
      <c r="AN15" s="191">
        <v>1</v>
      </c>
      <c r="AO15" s="191">
        <v>3</v>
      </c>
      <c r="AP15" s="191">
        <v>2</v>
      </c>
      <c r="AQ15" s="191">
        <v>1</v>
      </c>
      <c r="AR15" s="191">
        <v>0</v>
      </c>
      <c r="AS15" s="196">
        <v>7</v>
      </c>
      <c r="AT15" s="195">
        <v>9</v>
      </c>
      <c r="AU15" s="190">
        <v>4</v>
      </c>
      <c r="AV15" s="191">
        <v>12</v>
      </c>
      <c r="AW15" s="196">
        <v>16</v>
      </c>
      <c r="AX15" s="193">
        <v>0</v>
      </c>
      <c r="AY15" s="191">
        <v>21</v>
      </c>
      <c r="AZ15" s="191">
        <v>30</v>
      </c>
      <c r="BA15" s="191">
        <v>25</v>
      </c>
      <c r="BB15" s="191">
        <v>25</v>
      </c>
      <c r="BC15" s="191">
        <v>17</v>
      </c>
      <c r="BD15" s="194">
        <v>118</v>
      </c>
      <c r="BE15" s="195">
        <v>134</v>
      </c>
      <c r="BF15" s="190">
        <v>0</v>
      </c>
      <c r="BG15" s="191">
        <v>0</v>
      </c>
      <c r="BH15" s="196">
        <v>0</v>
      </c>
      <c r="BI15" s="193">
        <v>0</v>
      </c>
      <c r="BJ15" s="191">
        <v>40</v>
      </c>
      <c r="BK15" s="191">
        <v>35</v>
      </c>
      <c r="BL15" s="191">
        <v>14</v>
      </c>
      <c r="BM15" s="191">
        <v>11</v>
      </c>
      <c r="BN15" s="191">
        <v>8</v>
      </c>
      <c r="BO15" s="196">
        <v>108</v>
      </c>
      <c r="BP15" s="195">
        <v>108</v>
      </c>
      <c r="BQ15" s="190">
        <v>9</v>
      </c>
      <c r="BR15" s="191">
        <v>10</v>
      </c>
      <c r="BS15" s="196">
        <v>19</v>
      </c>
      <c r="BT15" s="193">
        <v>0</v>
      </c>
      <c r="BU15" s="191">
        <v>12</v>
      </c>
      <c r="BV15" s="191">
        <v>8</v>
      </c>
      <c r="BW15" s="191">
        <v>13</v>
      </c>
      <c r="BX15" s="191">
        <v>6</v>
      </c>
      <c r="BY15" s="191">
        <v>2</v>
      </c>
      <c r="BZ15" s="196">
        <v>41</v>
      </c>
      <c r="CA15" s="195">
        <v>60</v>
      </c>
      <c r="CB15" s="190">
        <v>0</v>
      </c>
      <c r="CC15" s="191">
        <v>1</v>
      </c>
      <c r="CD15" s="196">
        <v>1</v>
      </c>
      <c r="CE15" s="193">
        <v>0</v>
      </c>
      <c r="CF15" s="191">
        <v>8</v>
      </c>
      <c r="CG15" s="191">
        <v>9</v>
      </c>
      <c r="CH15" s="191">
        <v>8</v>
      </c>
      <c r="CI15" s="191">
        <v>5</v>
      </c>
      <c r="CJ15" s="191">
        <v>3</v>
      </c>
      <c r="CK15" s="196">
        <v>33</v>
      </c>
      <c r="CL15" s="195">
        <v>34</v>
      </c>
      <c r="CM15" s="190">
        <v>0</v>
      </c>
      <c r="CN15" s="191">
        <v>0</v>
      </c>
      <c r="CO15" s="196">
        <v>0</v>
      </c>
      <c r="CP15" s="193">
        <v>0</v>
      </c>
      <c r="CQ15" s="191">
        <v>1</v>
      </c>
      <c r="CR15" s="191">
        <v>0</v>
      </c>
      <c r="CS15" s="191">
        <v>1</v>
      </c>
      <c r="CT15" s="191">
        <v>0</v>
      </c>
      <c r="CU15" s="191">
        <v>0</v>
      </c>
      <c r="CV15" s="196">
        <v>2</v>
      </c>
      <c r="CW15" s="195">
        <v>2</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4</v>
      </c>
      <c r="DU15" s="191">
        <v>66</v>
      </c>
      <c r="DV15" s="196">
        <v>90</v>
      </c>
      <c r="DW15" s="193">
        <v>0</v>
      </c>
      <c r="DX15" s="191">
        <v>40</v>
      </c>
      <c r="DY15" s="191">
        <v>58</v>
      </c>
      <c r="DZ15" s="191">
        <v>40</v>
      </c>
      <c r="EA15" s="191">
        <v>39</v>
      </c>
      <c r="EB15" s="191">
        <v>27</v>
      </c>
      <c r="EC15" s="196">
        <v>204</v>
      </c>
      <c r="ED15" s="195">
        <v>294</v>
      </c>
      <c r="EE15" s="190">
        <v>4</v>
      </c>
      <c r="EF15" s="191">
        <v>5</v>
      </c>
      <c r="EG15" s="196">
        <v>9</v>
      </c>
      <c r="EH15" s="193">
        <v>0</v>
      </c>
      <c r="EI15" s="191">
        <v>9</v>
      </c>
      <c r="EJ15" s="191">
        <v>14</v>
      </c>
      <c r="EK15" s="191">
        <v>12</v>
      </c>
      <c r="EL15" s="191">
        <v>10</v>
      </c>
      <c r="EM15" s="191">
        <v>7</v>
      </c>
      <c r="EN15" s="196">
        <v>52</v>
      </c>
      <c r="EO15" s="195">
        <v>61</v>
      </c>
      <c r="EP15" s="190">
        <v>39</v>
      </c>
      <c r="EQ15" s="191">
        <v>86</v>
      </c>
      <c r="ER15" s="196">
        <v>125</v>
      </c>
      <c r="ES15" s="193">
        <v>0</v>
      </c>
      <c r="ET15" s="191">
        <v>109</v>
      </c>
      <c r="EU15" s="191">
        <v>81</v>
      </c>
      <c r="EV15" s="191">
        <v>46</v>
      </c>
      <c r="EW15" s="191">
        <v>38</v>
      </c>
      <c r="EX15" s="191">
        <v>28</v>
      </c>
      <c r="EY15" s="196">
        <v>302</v>
      </c>
      <c r="EZ15" s="195">
        <v>427</v>
      </c>
    </row>
    <row r="16" spans="2:156" ht="21" customHeight="1" x14ac:dyDescent="0.2">
      <c r="B16" s="106" t="s">
        <v>13</v>
      </c>
      <c r="C16" s="190">
        <v>0</v>
      </c>
      <c r="D16" s="191">
        <v>0</v>
      </c>
      <c r="E16" s="192">
        <v>0</v>
      </c>
      <c r="F16" s="193">
        <v>0</v>
      </c>
      <c r="G16" s="191">
        <v>28</v>
      </c>
      <c r="H16" s="191">
        <v>24</v>
      </c>
      <c r="I16" s="191">
        <v>16</v>
      </c>
      <c r="J16" s="191">
        <v>6</v>
      </c>
      <c r="K16" s="191">
        <v>10</v>
      </c>
      <c r="L16" s="194">
        <v>84</v>
      </c>
      <c r="M16" s="195">
        <v>84</v>
      </c>
      <c r="N16" s="190">
        <v>0</v>
      </c>
      <c r="O16" s="191">
        <v>0</v>
      </c>
      <c r="P16" s="196">
        <v>0</v>
      </c>
      <c r="Q16" s="193">
        <v>0</v>
      </c>
      <c r="R16" s="191">
        <v>0</v>
      </c>
      <c r="S16" s="191">
        <v>0</v>
      </c>
      <c r="T16" s="191">
        <v>0</v>
      </c>
      <c r="U16" s="191">
        <v>1</v>
      </c>
      <c r="V16" s="191">
        <v>2</v>
      </c>
      <c r="W16" s="196">
        <v>3</v>
      </c>
      <c r="X16" s="195">
        <v>3</v>
      </c>
      <c r="Y16" s="190">
        <v>2</v>
      </c>
      <c r="Z16" s="191">
        <v>5</v>
      </c>
      <c r="AA16" s="196">
        <v>7</v>
      </c>
      <c r="AB16" s="193">
        <v>0</v>
      </c>
      <c r="AC16" s="191">
        <v>21</v>
      </c>
      <c r="AD16" s="191">
        <v>16</v>
      </c>
      <c r="AE16" s="191">
        <v>11</v>
      </c>
      <c r="AF16" s="191">
        <v>7</v>
      </c>
      <c r="AG16" s="191">
        <v>6</v>
      </c>
      <c r="AH16" s="196">
        <v>61</v>
      </c>
      <c r="AI16" s="195">
        <v>68</v>
      </c>
      <c r="AJ16" s="190">
        <v>0</v>
      </c>
      <c r="AK16" s="191">
        <v>0</v>
      </c>
      <c r="AL16" s="196">
        <v>0</v>
      </c>
      <c r="AM16" s="193">
        <v>0</v>
      </c>
      <c r="AN16" s="191">
        <v>2</v>
      </c>
      <c r="AO16" s="191">
        <v>3</v>
      </c>
      <c r="AP16" s="191">
        <v>1</v>
      </c>
      <c r="AQ16" s="191">
        <v>1</v>
      </c>
      <c r="AR16" s="191">
        <v>2</v>
      </c>
      <c r="AS16" s="196">
        <v>9</v>
      </c>
      <c r="AT16" s="195">
        <v>9</v>
      </c>
      <c r="AU16" s="190">
        <v>7</v>
      </c>
      <c r="AV16" s="191">
        <v>6</v>
      </c>
      <c r="AW16" s="196">
        <v>13</v>
      </c>
      <c r="AX16" s="193">
        <v>0</v>
      </c>
      <c r="AY16" s="191">
        <v>25</v>
      </c>
      <c r="AZ16" s="191">
        <v>31</v>
      </c>
      <c r="BA16" s="191">
        <v>17</v>
      </c>
      <c r="BB16" s="191">
        <v>16</v>
      </c>
      <c r="BC16" s="191">
        <v>21</v>
      </c>
      <c r="BD16" s="194">
        <v>110</v>
      </c>
      <c r="BE16" s="195">
        <v>123</v>
      </c>
      <c r="BF16" s="190">
        <v>0</v>
      </c>
      <c r="BG16" s="191">
        <v>0</v>
      </c>
      <c r="BH16" s="196">
        <v>0</v>
      </c>
      <c r="BI16" s="193">
        <v>0</v>
      </c>
      <c r="BJ16" s="191">
        <v>23</v>
      </c>
      <c r="BK16" s="191">
        <v>15</v>
      </c>
      <c r="BL16" s="191">
        <v>11</v>
      </c>
      <c r="BM16" s="191">
        <v>1</v>
      </c>
      <c r="BN16" s="191">
        <v>1</v>
      </c>
      <c r="BO16" s="196">
        <v>51</v>
      </c>
      <c r="BP16" s="195">
        <v>51</v>
      </c>
      <c r="BQ16" s="190">
        <v>1</v>
      </c>
      <c r="BR16" s="191">
        <v>1</v>
      </c>
      <c r="BS16" s="196">
        <v>2</v>
      </c>
      <c r="BT16" s="193">
        <v>0</v>
      </c>
      <c r="BU16" s="191">
        <v>3</v>
      </c>
      <c r="BV16" s="191">
        <v>4</v>
      </c>
      <c r="BW16" s="191">
        <v>2</v>
      </c>
      <c r="BX16" s="191">
        <v>3</v>
      </c>
      <c r="BY16" s="191">
        <v>1</v>
      </c>
      <c r="BZ16" s="196">
        <v>13</v>
      </c>
      <c r="CA16" s="195">
        <v>15</v>
      </c>
      <c r="CB16" s="190">
        <v>0</v>
      </c>
      <c r="CC16" s="191">
        <v>0</v>
      </c>
      <c r="CD16" s="196">
        <v>0</v>
      </c>
      <c r="CE16" s="193">
        <v>0</v>
      </c>
      <c r="CF16" s="191">
        <v>1</v>
      </c>
      <c r="CG16" s="191">
        <v>4</v>
      </c>
      <c r="CH16" s="191">
        <v>2</v>
      </c>
      <c r="CI16" s="191">
        <v>2</v>
      </c>
      <c r="CJ16" s="191">
        <v>1</v>
      </c>
      <c r="CK16" s="196">
        <v>10</v>
      </c>
      <c r="CL16" s="195">
        <v>1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5</v>
      </c>
      <c r="DU16" s="191">
        <v>15</v>
      </c>
      <c r="DV16" s="196">
        <v>20</v>
      </c>
      <c r="DW16" s="193">
        <v>0</v>
      </c>
      <c r="DX16" s="191">
        <v>21</v>
      </c>
      <c r="DY16" s="191">
        <v>42</v>
      </c>
      <c r="DZ16" s="191">
        <v>23</v>
      </c>
      <c r="EA16" s="191">
        <v>12</v>
      </c>
      <c r="EB16" s="191">
        <v>12</v>
      </c>
      <c r="EC16" s="196">
        <v>110</v>
      </c>
      <c r="ED16" s="195">
        <v>130</v>
      </c>
      <c r="EE16" s="190">
        <v>4</v>
      </c>
      <c r="EF16" s="191">
        <v>5</v>
      </c>
      <c r="EG16" s="196">
        <v>9</v>
      </c>
      <c r="EH16" s="193">
        <v>0</v>
      </c>
      <c r="EI16" s="191">
        <v>10</v>
      </c>
      <c r="EJ16" s="191">
        <v>9</v>
      </c>
      <c r="EK16" s="191">
        <v>8</v>
      </c>
      <c r="EL16" s="191">
        <v>10</v>
      </c>
      <c r="EM16" s="191">
        <v>7</v>
      </c>
      <c r="EN16" s="196">
        <v>44</v>
      </c>
      <c r="EO16" s="195">
        <v>53</v>
      </c>
      <c r="EP16" s="190">
        <v>7</v>
      </c>
      <c r="EQ16" s="191">
        <v>18</v>
      </c>
      <c r="ER16" s="196">
        <v>25</v>
      </c>
      <c r="ES16" s="193">
        <v>0</v>
      </c>
      <c r="ET16" s="191">
        <v>62</v>
      </c>
      <c r="EU16" s="191">
        <v>57</v>
      </c>
      <c r="EV16" s="191">
        <v>30</v>
      </c>
      <c r="EW16" s="191">
        <v>12</v>
      </c>
      <c r="EX16" s="191">
        <v>14</v>
      </c>
      <c r="EY16" s="196">
        <v>175</v>
      </c>
      <c r="EZ16" s="195">
        <v>200</v>
      </c>
    </row>
    <row r="17" spans="2:156" ht="21" customHeight="1" x14ac:dyDescent="0.2">
      <c r="B17" s="106" t="s">
        <v>15</v>
      </c>
      <c r="C17" s="190">
        <v>0</v>
      </c>
      <c r="D17" s="191">
        <v>0</v>
      </c>
      <c r="E17" s="192">
        <v>0</v>
      </c>
      <c r="F17" s="193">
        <v>0</v>
      </c>
      <c r="G17" s="191">
        <v>7</v>
      </c>
      <c r="H17" s="191">
        <v>5</v>
      </c>
      <c r="I17" s="191">
        <v>2</v>
      </c>
      <c r="J17" s="191">
        <v>4</v>
      </c>
      <c r="K17" s="191">
        <v>1</v>
      </c>
      <c r="L17" s="194">
        <v>19</v>
      </c>
      <c r="M17" s="195">
        <v>19</v>
      </c>
      <c r="N17" s="190">
        <v>0</v>
      </c>
      <c r="O17" s="191">
        <v>0</v>
      </c>
      <c r="P17" s="196">
        <v>0</v>
      </c>
      <c r="Q17" s="193">
        <v>0</v>
      </c>
      <c r="R17" s="191">
        <v>0</v>
      </c>
      <c r="S17" s="191">
        <v>1</v>
      </c>
      <c r="T17" s="191">
        <v>1</v>
      </c>
      <c r="U17" s="191">
        <v>3</v>
      </c>
      <c r="V17" s="191">
        <v>2</v>
      </c>
      <c r="W17" s="196">
        <v>7</v>
      </c>
      <c r="X17" s="195">
        <v>7</v>
      </c>
      <c r="Y17" s="190">
        <v>0</v>
      </c>
      <c r="Z17" s="191">
        <v>2</v>
      </c>
      <c r="AA17" s="196">
        <v>2</v>
      </c>
      <c r="AB17" s="193">
        <v>0</v>
      </c>
      <c r="AC17" s="191">
        <v>2</v>
      </c>
      <c r="AD17" s="191">
        <v>3</v>
      </c>
      <c r="AE17" s="191">
        <v>1</v>
      </c>
      <c r="AF17" s="191">
        <v>4</v>
      </c>
      <c r="AG17" s="191">
        <v>3</v>
      </c>
      <c r="AH17" s="196">
        <v>13</v>
      </c>
      <c r="AI17" s="195">
        <v>15</v>
      </c>
      <c r="AJ17" s="190">
        <v>0</v>
      </c>
      <c r="AK17" s="191">
        <v>0</v>
      </c>
      <c r="AL17" s="196">
        <v>0</v>
      </c>
      <c r="AM17" s="193">
        <v>0</v>
      </c>
      <c r="AN17" s="191">
        <v>0</v>
      </c>
      <c r="AO17" s="191">
        <v>1</v>
      </c>
      <c r="AP17" s="191">
        <v>0</v>
      </c>
      <c r="AQ17" s="191">
        <v>0</v>
      </c>
      <c r="AR17" s="191">
        <v>1</v>
      </c>
      <c r="AS17" s="196">
        <v>2</v>
      </c>
      <c r="AT17" s="195">
        <v>2</v>
      </c>
      <c r="AU17" s="190">
        <v>0</v>
      </c>
      <c r="AV17" s="191">
        <v>1</v>
      </c>
      <c r="AW17" s="196">
        <v>1</v>
      </c>
      <c r="AX17" s="193">
        <v>0</v>
      </c>
      <c r="AY17" s="191">
        <v>4</v>
      </c>
      <c r="AZ17" s="191">
        <v>6</v>
      </c>
      <c r="BA17" s="191">
        <v>2</v>
      </c>
      <c r="BB17" s="191">
        <v>8</v>
      </c>
      <c r="BC17" s="191">
        <v>3</v>
      </c>
      <c r="BD17" s="194">
        <v>23</v>
      </c>
      <c r="BE17" s="195">
        <v>24</v>
      </c>
      <c r="BF17" s="190">
        <v>0</v>
      </c>
      <c r="BG17" s="191">
        <v>0</v>
      </c>
      <c r="BH17" s="196">
        <v>0</v>
      </c>
      <c r="BI17" s="193">
        <v>0</v>
      </c>
      <c r="BJ17" s="191">
        <v>4</v>
      </c>
      <c r="BK17" s="191">
        <v>5</v>
      </c>
      <c r="BL17" s="191">
        <v>3</v>
      </c>
      <c r="BM17" s="191">
        <v>2</v>
      </c>
      <c r="BN17" s="191">
        <v>0</v>
      </c>
      <c r="BO17" s="196">
        <v>14</v>
      </c>
      <c r="BP17" s="195">
        <v>14</v>
      </c>
      <c r="BQ17" s="190">
        <v>0</v>
      </c>
      <c r="BR17" s="191">
        <v>0</v>
      </c>
      <c r="BS17" s="196">
        <v>0</v>
      </c>
      <c r="BT17" s="193">
        <v>0</v>
      </c>
      <c r="BU17" s="191">
        <v>1</v>
      </c>
      <c r="BV17" s="191">
        <v>3</v>
      </c>
      <c r="BW17" s="191">
        <v>1</v>
      </c>
      <c r="BX17" s="191">
        <v>2</v>
      </c>
      <c r="BY17" s="191">
        <v>1</v>
      </c>
      <c r="BZ17" s="196">
        <v>8</v>
      </c>
      <c r="CA17" s="195">
        <v>8</v>
      </c>
      <c r="CB17" s="190">
        <v>0</v>
      </c>
      <c r="CC17" s="191">
        <v>0</v>
      </c>
      <c r="CD17" s="196">
        <v>0</v>
      </c>
      <c r="CE17" s="193">
        <v>0</v>
      </c>
      <c r="CF17" s="191">
        <v>0</v>
      </c>
      <c r="CG17" s="191">
        <v>3</v>
      </c>
      <c r="CH17" s="191">
        <v>3</v>
      </c>
      <c r="CI17" s="191">
        <v>4</v>
      </c>
      <c r="CJ17" s="191">
        <v>1</v>
      </c>
      <c r="CK17" s="196">
        <v>11</v>
      </c>
      <c r="CL17" s="195">
        <v>11</v>
      </c>
      <c r="CM17" s="190">
        <v>0</v>
      </c>
      <c r="CN17" s="191">
        <v>0</v>
      </c>
      <c r="CO17" s="196">
        <v>0</v>
      </c>
      <c r="CP17" s="193">
        <v>0</v>
      </c>
      <c r="CQ17" s="191">
        <v>0</v>
      </c>
      <c r="CR17" s="191">
        <v>1</v>
      </c>
      <c r="CS17" s="191">
        <v>0</v>
      </c>
      <c r="CT17" s="191">
        <v>0</v>
      </c>
      <c r="CU17" s="191">
        <v>0</v>
      </c>
      <c r="CV17" s="196">
        <v>1</v>
      </c>
      <c r="CW17" s="195">
        <v>1</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1</v>
      </c>
      <c r="DU17" s="191">
        <v>4</v>
      </c>
      <c r="DV17" s="196">
        <v>5</v>
      </c>
      <c r="DW17" s="193">
        <v>0</v>
      </c>
      <c r="DX17" s="191">
        <v>5</v>
      </c>
      <c r="DY17" s="191">
        <v>14</v>
      </c>
      <c r="DZ17" s="191">
        <v>5</v>
      </c>
      <c r="EA17" s="191">
        <v>12</v>
      </c>
      <c r="EB17" s="191">
        <v>3</v>
      </c>
      <c r="EC17" s="196">
        <v>39</v>
      </c>
      <c r="ED17" s="195">
        <v>44</v>
      </c>
      <c r="EE17" s="190">
        <v>1</v>
      </c>
      <c r="EF17" s="191">
        <v>1</v>
      </c>
      <c r="EG17" s="196">
        <v>2</v>
      </c>
      <c r="EH17" s="193">
        <v>0</v>
      </c>
      <c r="EI17" s="191">
        <v>4</v>
      </c>
      <c r="EJ17" s="191">
        <v>3</v>
      </c>
      <c r="EK17" s="191">
        <v>2</v>
      </c>
      <c r="EL17" s="191">
        <v>3</v>
      </c>
      <c r="EM17" s="191">
        <v>2</v>
      </c>
      <c r="EN17" s="196">
        <v>14</v>
      </c>
      <c r="EO17" s="195">
        <v>16</v>
      </c>
      <c r="EP17" s="190">
        <v>1</v>
      </c>
      <c r="EQ17" s="191">
        <v>5</v>
      </c>
      <c r="ER17" s="196">
        <v>6</v>
      </c>
      <c r="ES17" s="193">
        <v>0</v>
      </c>
      <c r="ET17" s="191">
        <v>14</v>
      </c>
      <c r="EU17" s="191">
        <v>19</v>
      </c>
      <c r="EV17" s="191">
        <v>7</v>
      </c>
      <c r="EW17" s="191">
        <v>12</v>
      </c>
      <c r="EX17" s="191">
        <v>3</v>
      </c>
      <c r="EY17" s="196">
        <v>55</v>
      </c>
      <c r="EZ17" s="195">
        <v>61</v>
      </c>
    </row>
    <row r="18" spans="2:156" ht="21" customHeight="1" x14ac:dyDescent="0.2">
      <c r="B18" s="106" t="s">
        <v>16</v>
      </c>
      <c r="C18" s="190">
        <v>0</v>
      </c>
      <c r="D18" s="191">
        <v>0</v>
      </c>
      <c r="E18" s="192">
        <v>0</v>
      </c>
      <c r="F18" s="193">
        <v>0</v>
      </c>
      <c r="G18" s="191">
        <v>6</v>
      </c>
      <c r="H18" s="191">
        <v>21</v>
      </c>
      <c r="I18" s="191">
        <v>5</v>
      </c>
      <c r="J18" s="191">
        <v>4</v>
      </c>
      <c r="K18" s="191">
        <v>0</v>
      </c>
      <c r="L18" s="194">
        <v>36</v>
      </c>
      <c r="M18" s="195">
        <v>36</v>
      </c>
      <c r="N18" s="190">
        <v>0</v>
      </c>
      <c r="O18" s="191">
        <v>0</v>
      </c>
      <c r="P18" s="196">
        <v>0</v>
      </c>
      <c r="Q18" s="193">
        <v>0</v>
      </c>
      <c r="R18" s="191">
        <v>0</v>
      </c>
      <c r="S18" s="191">
        <v>0</v>
      </c>
      <c r="T18" s="191">
        <v>0</v>
      </c>
      <c r="U18" s="191">
        <v>1</v>
      </c>
      <c r="V18" s="191">
        <v>2</v>
      </c>
      <c r="W18" s="196">
        <v>3</v>
      </c>
      <c r="X18" s="195">
        <v>3</v>
      </c>
      <c r="Y18" s="190">
        <v>2</v>
      </c>
      <c r="Z18" s="191">
        <v>5</v>
      </c>
      <c r="AA18" s="196">
        <v>7</v>
      </c>
      <c r="AB18" s="193">
        <v>0</v>
      </c>
      <c r="AC18" s="191">
        <v>5</v>
      </c>
      <c r="AD18" s="191">
        <v>17</v>
      </c>
      <c r="AE18" s="191">
        <v>7</v>
      </c>
      <c r="AF18" s="191">
        <v>8</v>
      </c>
      <c r="AG18" s="191">
        <v>2</v>
      </c>
      <c r="AH18" s="196">
        <v>39</v>
      </c>
      <c r="AI18" s="195">
        <v>46</v>
      </c>
      <c r="AJ18" s="190">
        <v>0</v>
      </c>
      <c r="AK18" s="191">
        <v>1</v>
      </c>
      <c r="AL18" s="196">
        <v>1</v>
      </c>
      <c r="AM18" s="193">
        <v>0</v>
      </c>
      <c r="AN18" s="191">
        <v>0</v>
      </c>
      <c r="AO18" s="191">
        <v>1</v>
      </c>
      <c r="AP18" s="191">
        <v>1</v>
      </c>
      <c r="AQ18" s="191">
        <v>0</v>
      </c>
      <c r="AR18" s="191">
        <v>1</v>
      </c>
      <c r="AS18" s="196">
        <v>3</v>
      </c>
      <c r="AT18" s="195">
        <v>4</v>
      </c>
      <c r="AU18" s="190">
        <v>3</v>
      </c>
      <c r="AV18" s="191">
        <v>1</v>
      </c>
      <c r="AW18" s="196">
        <v>4</v>
      </c>
      <c r="AX18" s="193">
        <v>0</v>
      </c>
      <c r="AY18" s="191">
        <v>9</v>
      </c>
      <c r="AZ18" s="191">
        <v>15</v>
      </c>
      <c r="BA18" s="191">
        <v>14</v>
      </c>
      <c r="BB18" s="191">
        <v>10</v>
      </c>
      <c r="BC18" s="191">
        <v>10</v>
      </c>
      <c r="BD18" s="194">
        <v>58</v>
      </c>
      <c r="BE18" s="195">
        <v>62</v>
      </c>
      <c r="BF18" s="190">
        <v>0</v>
      </c>
      <c r="BG18" s="191">
        <v>0</v>
      </c>
      <c r="BH18" s="196">
        <v>0</v>
      </c>
      <c r="BI18" s="193">
        <v>0</v>
      </c>
      <c r="BJ18" s="191">
        <v>20</v>
      </c>
      <c r="BK18" s="191">
        <v>20</v>
      </c>
      <c r="BL18" s="191">
        <v>6</v>
      </c>
      <c r="BM18" s="191">
        <v>3</v>
      </c>
      <c r="BN18" s="191">
        <v>1</v>
      </c>
      <c r="BO18" s="196">
        <v>50</v>
      </c>
      <c r="BP18" s="195">
        <v>50</v>
      </c>
      <c r="BQ18" s="190">
        <v>1</v>
      </c>
      <c r="BR18" s="191">
        <v>5</v>
      </c>
      <c r="BS18" s="196">
        <v>6</v>
      </c>
      <c r="BT18" s="193">
        <v>0</v>
      </c>
      <c r="BU18" s="191">
        <v>8</v>
      </c>
      <c r="BV18" s="191">
        <v>15</v>
      </c>
      <c r="BW18" s="191">
        <v>5</v>
      </c>
      <c r="BX18" s="191">
        <v>1</v>
      </c>
      <c r="BY18" s="191">
        <v>1</v>
      </c>
      <c r="BZ18" s="196">
        <v>30</v>
      </c>
      <c r="CA18" s="195">
        <v>36</v>
      </c>
      <c r="CB18" s="190">
        <v>0</v>
      </c>
      <c r="CC18" s="191">
        <v>1</v>
      </c>
      <c r="CD18" s="196">
        <v>1</v>
      </c>
      <c r="CE18" s="193">
        <v>0</v>
      </c>
      <c r="CF18" s="191">
        <v>0</v>
      </c>
      <c r="CG18" s="191">
        <v>9</v>
      </c>
      <c r="CH18" s="191">
        <v>3</v>
      </c>
      <c r="CI18" s="191">
        <v>2</v>
      </c>
      <c r="CJ18" s="191">
        <v>0</v>
      </c>
      <c r="CK18" s="196">
        <v>14</v>
      </c>
      <c r="CL18" s="195">
        <v>15</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8</v>
      </c>
      <c r="DU18" s="191">
        <v>19</v>
      </c>
      <c r="DV18" s="196">
        <v>27</v>
      </c>
      <c r="DW18" s="193">
        <v>0</v>
      </c>
      <c r="DX18" s="191">
        <v>14</v>
      </c>
      <c r="DY18" s="191">
        <v>44</v>
      </c>
      <c r="DZ18" s="191">
        <v>20</v>
      </c>
      <c r="EA18" s="191">
        <v>9</v>
      </c>
      <c r="EB18" s="191">
        <v>6</v>
      </c>
      <c r="EC18" s="196">
        <v>93</v>
      </c>
      <c r="ED18" s="195">
        <v>120</v>
      </c>
      <c r="EE18" s="190">
        <v>3</v>
      </c>
      <c r="EF18" s="191">
        <v>1</v>
      </c>
      <c r="EG18" s="196">
        <v>4</v>
      </c>
      <c r="EH18" s="193">
        <v>0</v>
      </c>
      <c r="EI18" s="191">
        <v>7</v>
      </c>
      <c r="EJ18" s="191">
        <v>6</v>
      </c>
      <c r="EK18" s="191">
        <v>11</v>
      </c>
      <c r="EL18" s="191">
        <v>10</v>
      </c>
      <c r="EM18" s="191">
        <v>8</v>
      </c>
      <c r="EN18" s="196">
        <v>42</v>
      </c>
      <c r="EO18" s="195">
        <v>46</v>
      </c>
      <c r="EP18" s="190">
        <v>10</v>
      </c>
      <c r="EQ18" s="191">
        <v>25</v>
      </c>
      <c r="ER18" s="196">
        <v>35</v>
      </c>
      <c r="ES18" s="193">
        <v>0</v>
      </c>
      <c r="ET18" s="191">
        <v>40</v>
      </c>
      <c r="EU18" s="191">
        <v>67</v>
      </c>
      <c r="EV18" s="191">
        <v>24</v>
      </c>
      <c r="EW18" s="191">
        <v>12</v>
      </c>
      <c r="EX18" s="191">
        <v>5</v>
      </c>
      <c r="EY18" s="196">
        <v>148</v>
      </c>
      <c r="EZ18" s="195">
        <v>183</v>
      </c>
    </row>
    <row r="19" spans="2:156" ht="21" customHeight="1" x14ac:dyDescent="0.2">
      <c r="B19" s="106" t="s">
        <v>17</v>
      </c>
      <c r="C19" s="190">
        <v>0</v>
      </c>
      <c r="D19" s="191">
        <v>0</v>
      </c>
      <c r="E19" s="192">
        <v>0</v>
      </c>
      <c r="F19" s="193">
        <v>0</v>
      </c>
      <c r="G19" s="191">
        <v>14</v>
      </c>
      <c r="H19" s="191">
        <v>17</v>
      </c>
      <c r="I19" s="191">
        <v>16</v>
      </c>
      <c r="J19" s="191">
        <v>9</v>
      </c>
      <c r="K19" s="191">
        <v>7</v>
      </c>
      <c r="L19" s="194">
        <v>63</v>
      </c>
      <c r="M19" s="195">
        <v>63</v>
      </c>
      <c r="N19" s="190">
        <v>0</v>
      </c>
      <c r="O19" s="191">
        <v>0</v>
      </c>
      <c r="P19" s="196">
        <v>0</v>
      </c>
      <c r="Q19" s="193">
        <v>0</v>
      </c>
      <c r="R19" s="191">
        <v>0</v>
      </c>
      <c r="S19" s="191">
        <v>0</v>
      </c>
      <c r="T19" s="191">
        <v>2</v>
      </c>
      <c r="U19" s="191">
        <v>3</v>
      </c>
      <c r="V19" s="191">
        <v>2</v>
      </c>
      <c r="W19" s="196">
        <v>7</v>
      </c>
      <c r="X19" s="195">
        <v>7</v>
      </c>
      <c r="Y19" s="190">
        <v>3</v>
      </c>
      <c r="Z19" s="191">
        <v>6</v>
      </c>
      <c r="AA19" s="196">
        <v>9</v>
      </c>
      <c r="AB19" s="193">
        <v>0</v>
      </c>
      <c r="AC19" s="191">
        <v>13</v>
      </c>
      <c r="AD19" s="191">
        <v>22</v>
      </c>
      <c r="AE19" s="191">
        <v>19</v>
      </c>
      <c r="AF19" s="191">
        <v>14</v>
      </c>
      <c r="AG19" s="191">
        <v>7</v>
      </c>
      <c r="AH19" s="196">
        <v>75</v>
      </c>
      <c r="AI19" s="195">
        <v>84</v>
      </c>
      <c r="AJ19" s="190">
        <v>0</v>
      </c>
      <c r="AK19" s="191">
        <v>0</v>
      </c>
      <c r="AL19" s="196">
        <v>0</v>
      </c>
      <c r="AM19" s="193">
        <v>0</v>
      </c>
      <c r="AN19" s="191">
        <v>0</v>
      </c>
      <c r="AO19" s="191">
        <v>4</v>
      </c>
      <c r="AP19" s="191">
        <v>4</v>
      </c>
      <c r="AQ19" s="191">
        <v>1</v>
      </c>
      <c r="AR19" s="191">
        <v>2</v>
      </c>
      <c r="AS19" s="196">
        <v>11</v>
      </c>
      <c r="AT19" s="195">
        <v>11</v>
      </c>
      <c r="AU19" s="190">
        <v>8</v>
      </c>
      <c r="AV19" s="191">
        <v>6</v>
      </c>
      <c r="AW19" s="196">
        <v>14</v>
      </c>
      <c r="AX19" s="193">
        <v>0</v>
      </c>
      <c r="AY19" s="191">
        <v>19</v>
      </c>
      <c r="AZ19" s="191">
        <v>24</v>
      </c>
      <c r="BA19" s="191">
        <v>28</v>
      </c>
      <c r="BB19" s="191">
        <v>22</v>
      </c>
      <c r="BC19" s="191">
        <v>18</v>
      </c>
      <c r="BD19" s="194">
        <v>111</v>
      </c>
      <c r="BE19" s="195">
        <v>125</v>
      </c>
      <c r="BF19" s="190">
        <v>0</v>
      </c>
      <c r="BG19" s="191">
        <v>0</v>
      </c>
      <c r="BH19" s="196">
        <v>0</v>
      </c>
      <c r="BI19" s="193">
        <v>0</v>
      </c>
      <c r="BJ19" s="191">
        <v>13</v>
      </c>
      <c r="BK19" s="191">
        <v>27</v>
      </c>
      <c r="BL19" s="191">
        <v>17</v>
      </c>
      <c r="BM19" s="191">
        <v>11</v>
      </c>
      <c r="BN19" s="191">
        <v>5</v>
      </c>
      <c r="BO19" s="196">
        <v>73</v>
      </c>
      <c r="BP19" s="195">
        <v>73</v>
      </c>
      <c r="BQ19" s="190">
        <v>6</v>
      </c>
      <c r="BR19" s="191">
        <v>4</v>
      </c>
      <c r="BS19" s="196">
        <v>10</v>
      </c>
      <c r="BT19" s="193">
        <v>0</v>
      </c>
      <c r="BU19" s="191">
        <v>4</v>
      </c>
      <c r="BV19" s="191">
        <v>14</v>
      </c>
      <c r="BW19" s="191">
        <v>5</v>
      </c>
      <c r="BX19" s="191">
        <v>3</v>
      </c>
      <c r="BY19" s="191">
        <v>2</v>
      </c>
      <c r="BZ19" s="196">
        <v>28</v>
      </c>
      <c r="CA19" s="195">
        <v>38</v>
      </c>
      <c r="CB19" s="190">
        <v>0</v>
      </c>
      <c r="CC19" s="191">
        <v>1</v>
      </c>
      <c r="CD19" s="196">
        <v>1</v>
      </c>
      <c r="CE19" s="193">
        <v>0</v>
      </c>
      <c r="CF19" s="191">
        <v>1</v>
      </c>
      <c r="CG19" s="191">
        <v>3</v>
      </c>
      <c r="CH19" s="191">
        <v>6</v>
      </c>
      <c r="CI19" s="191">
        <v>3</v>
      </c>
      <c r="CJ19" s="191">
        <v>1</v>
      </c>
      <c r="CK19" s="196">
        <v>14</v>
      </c>
      <c r="CL19" s="195">
        <v>15</v>
      </c>
      <c r="CM19" s="190">
        <v>0</v>
      </c>
      <c r="CN19" s="191">
        <v>0</v>
      </c>
      <c r="CO19" s="196">
        <v>0</v>
      </c>
      <c r="CP19" s="193">
        <v>0</v>
      </c>
      <c r="CQ19" s="191">
        <v>1</v>
      </c>
      <c r="CR19" s="191">
        <v>2</v>
      </c>
      <c r="CS19" s="191">
        <v>0</v>
      </c>
      <c r="CT19" s="191">
        <v>0</v>
      </c>
      <c r="CU19" s="191">
        <v>0</v>
      </c>
      <c r="CV19" s="196">
        <v>3</v>
      </c>
      <c r="CW19" s="195">
        <v>3</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8</v>
      </c>
      <c r="DU19" s="191">
        <v>27</v>
      </c>
      <c r="DV19" s="196">
        <v>35</v>
      </c>
      <c r="DW19" s="193">
        <v>0</v>
      </c>
      <c r="DX19" s="191">
        <v>31</v>
      </c>
      <c r="DY19" s="191">
        <v>53</v>
      </c>
      <c r="DZ19" s="191">
        <v>47</v>
      </c>
      <c r="EA19" s="191">
        <v>27</v>
      </c>
      <c r="EB19" s="191">
        <v>15</v>
      </c>
      <c r="EC19" s="196">
        <v>173</v>
      </c>
      <c r="ED19" s="195">
        <v>208</v>
      </c>
      <c r="EE19" s="190">
        <v>6</v>
      </c>
      <c r="EF19" s="191">
        <v>6</v>
      </c>
      <c r="EG19" s="196">
        <v>12</v>
      </c>
      <c r="EH19" s="193">
        <v>0</v>
      </c>
      <c r="EI19" s="191">
        <v>13</v>
      </c>
      <c r="EJ19" s="191">
        <v>11</v>
      </c>
      <c r="EK19" s="191">
        <v>7</v>
      </c>
      <c r="EL19" s="191">
        <v>10</v>
      </c>
      <c r="EM19" s="191">
        <v>7</v>
      </c>
      <c r="EN19" s="196">
        <v>48</v>
      </c>
      <c r="EO19" s="195">
        <v>60</v>
      </c>
      <c r="EP19" s="190">
        <v>17</v>
      </c>
      <c r="EQ19" s="191">
        <v>33</v>
      </c>
      <c r="ER19" s="196">
        <v>50</v>
      </c>
      <c r="ES19" s="193">
        <v>0</v>
      </c>
      <c r="ET19" s="191">
        <v>57</v>
      </c>
      <c r="EU19" s="191">
        <v>84</v>
      </c>
      <c r="EV19" s="191">
        <v>54</v>
      </c>
      <c r="EW19" s="191">
        <v>28</v>
      </c>
      <c r="EX19" s="191">
        <v>14</v>
      </c>
      <c r="EY19" s="196">
        <v>237</v>
      </c>
      <c r="EZ19" s="195">
        <v>287</v>
      </c>
    </row>
    <row r="20" spans="2:156" ht="21" customHeight="1" x14ac:dyDescent="0.2">
      <c r="B20" s="106" t="s">
        <v>18</v>
      </c>
      <c r="C20" s="190">
        <v>0</v>
      </c>
      <c r="D20" s="191">
        <v>0</v>
      </c>
      <c r="E20" s="192">
        <v>0</v>
      </c>
      <c r="F20" s="193">
        <v>0</v>
      </c>
      <c r="G20" s="191">
        <v>27</v>
      </c>
      <c r="H20" s="191">
        <v>27</v>
      </c>
      <c r="I20" s="191">
        <v>23</v>
      </c>
      <c r="J20" s="191">
        <v>12</v>
      </c>
      <c r="K20" s="191">
        <v>7</v>
      </c>
      <c r="L20" s="194">
        <v>96</v>
      </c>
      <c r="M20" s="195">
        <v>96</v>
      </c>
      <c r="N20" s="190">
        <v>0</v>
      </c>
      <c r="O20" s="191">
        <v>0</v>
      </c>
      <c r="P20" s="196">
        <v>0</v>
      </c>
      <c r="Q20" s="193">
        <v>0</v>
      </c>
      <c r="R20" s="191">
        <v>0</v>
      </c>
      <c r="S20" s="191">
        <v>0</v>
      </c>
      <c r="T20" s="191">
        <v>2</v>
      </c>
      <c r="U20" s="191">
        <v>4</v>
      </c>
      <c r="V20" s="191">
        <v>2</v>
      </c>
      <c r="W20" s="196">
        <v>8</v>
      </c>
      <c r="X20" s="195">
        <v>8</v>
      </c>
      <c r="Y20" s="190">
        <v>4</v>
      </c>
      <c r="Z20" s="191">
        <v>6</v>
      </c>
      <c r="AA20" s="196">
        <v>10</v>
      </c>
      <c r="AB20" s="193">
        <v>0</v>
      </c>
      <c r="AC20" s="191">
        <v>25</v>
      </c>
      <c r="AD20" s="191">
        <v>31</v>
      </c>
      <c r="AE20" s="191">
        <v>23</v>
      </c>
      <c r="AF20" s="191">
        <v>21</v>
      </c>
      <c r="AG20" s="191">
        <v>6</v>
      </c>
      <c r="AH20" s="196">
        <v>106</v>
      </c>
      <c r="AI20" s="195">
        <v>116</v>
      </c>
      <c r="AJ20" s="190">
        <v>1</v>
      </c>
      <c r="AK20" s="191">
        <v>1</v>
      </c>
      <c r="AL20" s="196">
        <v>2</v>
      </c>
      <c r="AM20" s="193">
        <v>0</v>
      </c>
      <c r="AN20" s="191">
        <v>1</v>
      </c>
      <c r="AO20" s="191">
        <v>2</v>
      </c>
      <c r="AP20" s="191">
        <v>2</v>
      </c>
      <c r="AQ20" s="191">
        <v>1</v>
      </c>
      <c r="AR20" s="191">
        <v>1</v>
      </c>
      <c r="AS20" s="196">
        <v>7</v>
      </c>
      <c r="AT20" s="195">
        <v>9</v>
      </c>
      <c r="AU20" s="190">
        <v>3</v>
      </c>
      <c r="AV20" s="191">
        <v>5</v>
      </c>
      <c r="AW20" s="196">
        <v>8</v>
      </c>
      <c r="AX20" s="193">
        <v>0</v>
      </c>
      <c r="AY20" s="191">
        <v>30</v>
      </c>
      <c r="AZ20" s="191">
        <v>43</v>
      </c>
      <c r="BA20" s="191">
        <v>39</v>
      </c>
      <c r="BB20" s="191">
        <v>38</v>
      </c>
      <c r="BC20" s="191">
        <v>27</v>
      </c>
      <c r="BD20" s="194">
        <v>177</v>
      </c>
      <c r="BE20" s="195">
        <v>185</v>
      </c>
      <c r="BF20" s="190">
        <v>0</v>
      </c>
      <c r="BG20" s="191">
        <v>0</v>
      </c>
      <c r="BH20" s="196">
        <v>0</v>
      </c>
      <c r="BI20" s="193">
        <v>0</v>
      </c>
      <c r="BJ20" s="191">
        <v>38</v>
      </c>
      <c r="BK20" s="191">
        <v>37</v>
      </c>
      <c r="BL20" s="191">
        <v>19</v>
      </c>
      <c r="BM20" s="191">
        <v>13</v>
      </c>
      <c r="BN20" s="191">
        <v>6</v>
      </c>
      <c r="BO20" s="196">
        <v>113</v>
      </c>
      <c r="BP20" s="195">
        <v>113</v>
      </c>
      <c r="BQ20" s="190">
        <v>7</v>
      </c>
      <c r="BR20" s="191">
        <v>6</v>
      </c>
      <c r="BS20" s="196">
        <v>13</v>
      </c>
      <c r="BT20" s="193">
        <v>0</v>
      </c>
      <c r="BU20" s="191">
        <v>12</v>
      </c>
      <c r="BV20" s="191">
        <v>15</v>
      </c>
      <c r="BW20" s="191">
        <v>8</v>
      </c>
      <c r="BX20" s="191">
        <v>6</v>
      </c>
      <c r="BY20" s="191">
        <v>1</v>
      </c>
      <c r="BZ20" s="196">
        <v>42</v>
      </c>
      <c r="CA20" s="195">
        <v>55</v>
      </c>
      <c r="CB20" s="190">
        <v>0</v>
      </c>
      <c r="CC20" s="191">
        <v>1</v>
      </c>
      <c r="CD20" s="196">
        <v>1</v>
      </c>
      <c r="CE20" s="193">
        <v>0</v>
      </c>
      <c r="CF20" s="191">
        <v>6</v>
      </c>
      <c r="CG20" s="191">
        <v>9</v>
      </c>
      <c r="CH20" s="191">
        <v>9</v>
      </c>
      <c r="CI20" s="191">
        <v>7</v>
      </c>
      <c r="CJ20" s="191">
        <v>6</v>
      </c>
      <c r="CK20" s="196">
        <v>37</v>
      </c>
      <c r="CL20" s="195">
        <v>38</v>
      </c>
      <c r="CM20" s="190">
        <v>0</v>
      </c>
      <c r="CN20" s="191">
        <v>0</v>
      </c>
      <c r="CO20" s="196">
        <v>0</v>
      </c>
      <c r="CP20" s="193">
        <v>0</v>
      </c>
      <c r="CQ20" s="191">
        <v>0</v>
      </c>
      <c r="CR20" s="191">
        <v>2</v>
      </c>
      <c r="CS20" s="191">
        <v>0</v>
      </c>
      <c r="CT20" s="191">
        <v>0</v>
      </c>
      <c r="CU20" s="191">
        <v>0</v>
      </c>
      <c r="CV20" s="196">
        <v>2</v>
      </c>
      <c r="CW20" s="195">
        <v>2</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2</v>
      </c>
      <c r="DU20" s="191">
        <v>25</v>
      </c>
      <c r="DV20" s="196">
        <v>37</v>
      </c>
      <c r="DW20" s="193">
        <v>0</v>
      </c>
      <c r="DX20" s="191">
        <v>50</v>
      </c>
      <c r="DY20" s="191">
        <v>70</v>
      </c>
      <c r="DZ20" s="191">
        <v>53</v>
      </c>
      <c r="EA20" s="191">
        <v>36</v>
      </c>
      <c r="EB20" s="191">
        <v>18</v>
      </c>
      <c r="EC20" s="196">
        <v>227</v>
      </c>
      <c r="ED20" s="195">
        <v>264</v>
      </c>
      <c r="EE20" s="190">
        <v>3</v>
      </c>
      <c r="EF20" s="191">
        <v>2</v>
      </c>
      <c r="EG20" s="196">
        <v>5</v>
      </c>
      <c r="EH20" s="193">
        <v>0</v>
      </c>
      <c r="EI20" s="191">
        <v>11</v>
      </c>
      <c r="EJ20" s="191">
        <v>13</v>
      </c>
      <c r="EK20" s="191">
        <v>9</v>
      </c>
      <c r="EL20" s="191">
        <v>14</v>
      </c>
      <c r="EM20" s="191">
        <v>14</v>
      </c>
      <c r="EN20" s="196">
        <v>61</v>
      </c>
      <c r="EO20" s="195">
        <v>66</v>
      </c>
      <c r="EP20" s="190">
        <v>22</v>
      </c>
      <c r="EQ20" s="191">
        <v>33</v>
      </c>
      <c r="ER20" s="196">
        <v>55</v>
      </c>
      <c r="ES20" s="193">
        <v>0</v>
      </c>
      <c r="ET20" s="191">
        <v>105</v>
      </c>
      <c r="EU20" s="191">
        <v>94</v>
      </c>
      <c r="EV20" s="191">
        <v>56</v>
      </c>
      <c r="EW20" s="191">
        <v>45</v>
      </c>
      <c r="EX20" s="191">
        <v>17</v>
      </c>
      <c r="EY20" s="196">
        <v>317</v>
      </c>
      <c r="EZ20" s="195">
        <v>372</v>
      </c>
    </row>
    <row r="21" spans="2:156" ht="21" customHeight="1" x14ac:dyDescent="0.2">
      <c r="B21" s="106" t="s">
        <v>19</v>
      </c>
      <c r="C21" s="190">
        <v>0</v>
      </c>
      <c r="D21" s="191">
        <v>0</v>
      </c>
      <c r="E21" s="192">
        <v>0</v>
      </c>
      <c r="F21" s="193">
        <v>0</v>
      </c>
      <c r="G21" s="191">
        <v>11</v>
      </c>
      <c r="H21" s="191">
        <v>11</v>
      </c>
      <c r="I21" s="191">
        <v>4</v>
      </c>
      <c r="J21" s="191">
        <v>2</v>
      </c>
      <c r="K21" s="191">
        <v>2</v>
      </c>
      <c r="L21" s="194">
        <v>30</v>
      </c>
      <c r="M21" s="195">
        <v>30</v>
      </c>
      <c r="N21" s="190">
        <v>0</v>
      </c>
      <c r="O21" s="191">
        <v>0</v>
      </c>
      <c r="P21" s="196">
        <v>0</v>
      </c>
      <c r="Q21" s="193">
        <v>0</v>
      </c>
      <c r="R21" s="191">
        <v>0</v>
      </c>
      <c r="S21" s="191">
        <v>0</v>
      </c>
      <c r="T21" s="191">
        <v>2</v>
      </c>
      <c r="U21" s="191">
        <v>1</v>
      </c>
      <c r="V21" s="191">
        <v>1</v>
      </c>
      <c r="W21" s="196">
        <v>4</v>
      </c>
      <c r="X21" s="195">
        <v>4</v>
      </c>
      <c r="Y21" s="190">
        <v>3</v>
      </c>
      <c r="Z21" s="191">
        <v>4</v>
      </c>
      <c r="AA21" s="196">
        <v>7</v>
      </c>
      <c r="AB21" s="193">
        <v>0</v>
      </c>
      <c r="AC21" s="191">
        <v>7</v>
      </c>
      <c r="AD21" s="191">
        <v>12</v>
      </c>
      <c r="AE21" s="191">
        <v>8</v>
      </c>
      <c r="AF21" s="191">
        <v>5</v>
      </c>
      <c r="AG21" s="191">
        <v>2</v>
      </c>
      <c r="AH21" s="196">
        <v>34</v>
      </c>
      <c r="AI21" s="195">
        <v>41</v>
      </c>
      <c r="AJ21" s="190">
        <v>0</v>
      </c>
      <c r="AK21" s="191">
        <v>0</v>
      </c>
      <c r="AL21" s="196">
        <v>0</v>
      </c>
      <c r="AM21" s="193">
        <v>0</v>
      </c>
      <c r="AN21" s="191">
        <v>2</v>
      </c>
      <c r="AO21" s="191">
        <v>0</v>
      </c>
      <c r="AP21" s="191">
        <v>0</v>
      </c>
      <c r="AQ21" s="191">
        <v>1</v>
      </c>
      <c r="AR21" s="191">
        <v>0</v>
      </c>
      <c r="AS21" s="196">
        <v>3</v>
      </c>
      <c r="AT21" s="195">
        <v>3</v>
      </c>
      <c r="AU21" s="190">
        <v>5</v>
      </c>
      <c r="AV21" s="191">
        <v>4</v>
      </c>
      <c r="AW21" s="196">
        <v>9</v>
      </c>
      <c r="AX21" s="193">
        <v>0</v>
      </c>
      <c r="AY21" s="191">
        <v>14</v>
      </c>
      <c r="AZ21" s="191">
        <v>19</v>
      </c>
      <c r="BA21" s="191">
        <v>12</v>
      </c>
      <c r="BB21" s="191">
        <v>10</v>
      </c>
      <c r="BC21" s="191">
        <v>9</v>
      </c>
      <c r="BD21" s="194">
        <v>64</v>
      </c>
      <c r="BE21" s="195">
        <v>73</v>
      </c>
      <c r="BF21" s="190">
        <v>0</v>
      </c>
      <c r="BG21" s="191">
        <v>0</v>
      </c>
      <c r="BH21" s="196">
        <v>0</v>
      </c>
      <c r="BI21" s="193">
        <v>0</v>
      </c>
      <c r="BJ21" s="191">
        <v>15</v>
      </c>
      <c r="BK21" s="191">
        <v>12</v>
      </c>
      <c r="BL21" s="191">
        <v>3</v>
      </c>
      <c r="BM21" s="191">
        <v>1</v>
      </c>
      <c r="BN21" s="191">
        <v>3</v>
      </c>
      <c r="BO21" s="196">
        <v>34</v>
      </c>
      <c r="BP21" s="195">
        <v>34</v>
      </c>
      <c r="BQ21" s="190">
        <v>2</v>
      </c>
      <c r="BR21" s="191">
        <v>0</v>
      </c>
      <c r="BS21" s="196">
        <v>2</v>
      </c>
      <c r="BT21" s="193">
        <v>0</v>
      </c>
      <c r="BU21" s="191">
        <v>13</v>
      </c>
      <c r="BV21" s="191">
        <v>3</v>
      </c>
      <c r="BW21" s="191">
        <v>5</v>
      </c>
      <c r="BX21" s="191">
        <v>4</v>
      </c>
      <c r="BY21" s="191">
        <v>1</v>
      </c>
      <c r="BZ21" s="196">
        <v>26</v>
      </c>
      <c r="CA21" s="195">
        <v>28</v>
      </c>
      <c r="CB21" s="190">
        <v>0</v>
      </c>
      <c r="CC21" s="191">
        <v>1</v>
      </c>
      <c r="CD21" s="196">
        <v>1</v>
      </c>
      <c r="CE21" s="193">
        <v>0</v>
      </c>
      <c r="CF21" s="191">
        <v>3</v>
      </c>
      <c r="CG21" s="191">
        <v>3</v>
      </c>
      <c r="CH21" s="191">
        <v>1</v>
      </c>
      <c r="CI21" s="191">
        <v>1</v>
      </c>
      <c r="CJ21" s="191">
        <v>0</v>
      </c>
      <c r="CK21" s="196">
        <v>8</v>
      </c>
      <c r="CL21" s="195">
        <v>9</v>
      </c>
      <c r="CM21" s="190">
        <v>0</v>
      </c>
      <c r="CN21" s="191">
        <v>0</v>
      </c>
      <c r="CO21" s="196">
        <v>0</v>
      </c>
      <c r="CP21" s="193">
        <v>0</v>
      </c>
      <c r="CQ21" s="191">
        <v>0</v>
      </c>
      <c r="CR21" s="191">
        <v>0</v>
      </c>
      <c r="CS21" s="191">
        <v>0</v>
      </c>
      <c r="CT21" s="191">
        <v>1</v>
      </c>
      <c r="CU21" s="191">
        <v>0</v>
      </c>
      <c r="CV21" s="196">
        <v>1</v>
      </c>
      <c r="CW21" s="195">
        <v>1</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8</v>
      </c>
      <c r="DU21" s="191">
        <v>8</v>
      </c>
      <c r="DV21" s="196">
        <v>16</v>
      </c>
      <c r="DW21" s="193">
        <v>0</v>
      </c>
      <c r="DX21" s="191">
        <v>27</v>
      </c>
      <c r="DY21" s="191">
        <v>23</v>
      </c>
      <c r="DZ21" s="191">
        <v>15</v>
      </c>
      <c r="EA21" s="191">
        <v>11</v>
      </c>
      <c r="EB21" s="191">
        <v>6</v>
      </c>
      <c r="EC21" s="196">
        <v>82</v>
      </c>
      <c r="ED21" s="195">
        <v>98</v>
      </c>
      <c r="EE21" s="190">
        <v>1</v>
      </c>
      <c r="EF21" s="191">
        <v>1</v>
      </c>
      <c r="EG21" s="196">
        <v>2</v>
      </c>
      <c r="EH21" s="193">
        <v>0</v>
      </c>
      <c r="EI21" s="191">
        <v>4</v>
      </c>
      <c r="EJ21" s="191">
        <v>6</v>
      </c>
      <c r="EK21" s="191">
        <v>6</v>
      </c>
      <c r="EL21" s="191">
        <v>5</v>
      </c>
      <c r="EM21" s="191">
        <v>2</v>
      </c>
      <c r="EN21" s="196">
        <v>23</v>
      </c>
      <c r="EO21" s="195">
        <v>25</v>
      </c>
      <c r="EP21" s="190">
        <v>13</v>
      </c>
      <c r="EQ21" s="191">
        <v>11</v>
      </c>
      <c r="ER21" s="196">
        <v>24</v>
      </c>
      <c r="ES21" s="193">
        <v>0</v>
      </c>
      <c r="ET21" s="191">
        <v>47</v>
      </c>
      <c r="EU21" s="191">
        <v>34</v>
      </c>
      <c r="EV21" s="191">
        <v>18</v>
      </c>
      <c r="EW21" s="191">
        <v>11</v>
      </c>
      <c r="EX21" s="191">
        <v>3</v>
      </c>
      <c r="EY21" s="196">
        <v>113</v>
      </c>
      <c r="EZ21" s="195">
        <v>137</v>
      </c>
    </row>
    <row r="22" spans="2:156" ht="21" customHeight="1" x14ac:dyDescent="0.2">
      <c r="B22" s="106" t="s">
        <v>20</v>
      </c>
      <c r="C22" s="190">
        <v>0</v>
      </c>
      <c r="D22" s="191">
        <v>0</v>
      </c>
      <c r="E22" s="192">
        <v>0</v>
      </c>
      <c r="F22" s="193">
        <v>0</v>
      </c>
      <c r="G22" s="191">
        <v>12</v>
      </c>
      <c r="H22" s="191">
        <v>15</v>
      </c>
      <c r="I22" s="191">
        <v>5</v>
      </c>
      <c r="J22" s="191">
        <v>6</v>
      </c>
      <c r="K22" s="191">
        <v>6</v>
      </c>
      <c r="L22" s="194">
        <v>44</v>
      </c>
      <c r="M22" s="195">
        <v>44</v>
      </c>
      <c r="N22" s="190">
        <v>0</v>
      </c>
      <c r="O22" s="191">
        <v>0</v>
      </c>
      <c r="P22" s="196">
        <v>0</v>
      </c>
      <c r="Q22" s="193">
        <v>0</v>
      </c>
      <c r="R22" s="191">
        <v>0</v>
      </c>
      <c r="S22" s="191">
        <v>0</v>
      </c>
      <c r="T22" s="191">
        <v>0</v>
      </c>
      <c r="U22" s="191">
        <v>2</v>
      </c>
      <c r="V22" s="191">
        <v>3</v>
      </c>
      <c r="W22" s="196">
        <v>5</v>
      </c>
      <c r="X22" s="195">
        <v>5</v>
      </c>
      <c r="Y22" s="190">
        <v>4</v>
      </c>
      <c r="Z22" s="191">
        <v>6</v>
      </c>
      <c r="AA22" s="196">
        <v>10</v>
      </c>
      <c r="AB22" s="193">
        <v>0</v>
      </c>
      <c r="AC22" s="191">
        <v>12</v>
      </c>
      <c r="AD22" s="191">
        <v>13</v>
      </c>
      <c r="AE22" s="191">
        <v>5</v>
      </c>
      <c r="AF22" s="191">
        <v>8</v>
      </c>
      <c r="AG22" s="191">
        <v>1</v>
      </c>
      <c r="AH22" s="196">
        <v>39</v>
      </c>
      <c r="AI22" s="195">
        <v>49</v>
      </c>
      <c r="AJ22" s="190">
        <v>0</v>
      </c>
      <c r="AK22" s="191">
        <v>4</v>
      </c>
      <c r="AL22" s="196">
        <v>4</v>
      </c>
      <c r="AM22" s="193">
        <v>0</v>
      </c>
      <c r="AN22" s="191">
        <v>5</v>
      </c>
      <c r="AO22" s="191">
        <v>2</v>
      </c>
      <c r="AP22" s="191">
        <v>2</v>
      </c>
      <c r="AQ22" s="191">
        <v>1</v>
      </c>
      <c r="AR22" s="191">
        <v>1</v>
      </c>
      <c r="AS22" s="196">
        <v>11</v>
      </c>
      <c r="AT22" s="195">
        <v>15</v>
      </c>
      <c r="AU22" s="190">
        <v>2</v>
      </c>
      <c r="AV22" s="191">
        <v>3</v>
      </c>
      <c r="AW22" s="196">
        <v>5</v>
      </c>
      <c r="AX22" s="193">
        <v>0</v>
      </c>
      <c r="AY22" s="191">
        <v>8</v>
      </c>
      <c r="AZ22" s="191">
        <v>15</v>
      </c>
      <c r="BA22" s="191">
        <v>10</v>
      </c>
      <c r="BB22" s="191">
        <v>14</v>
      </c>
      <c r="BC22" s="191">
        <v>14</v>
      </c>
      <c r="BD22" s="194">
        <v>61</v>
      </c>
      <c r="BE22" s="195">
        <v>66</v>
      </c>
      <c r="BF22" s="190">
        <v>0</v>
      </c>
      <c r="BG22" s="191">
        <v>0</v>
      </c>
      <c r="BH22" s="196">
        <v>0</v>
      </c>
      <c r="BI22" s="193">
        <v>0</v>
      </c>
      <c r="BJ22" s="191">
        <v>18</v>
      </c>
      <c r="BK22" s="191">
        <v>18</v>
      </c>
      <c r="BL22" s="191">
        <v>9</v>
      </c>
      <c r="BM22" s="191">
        <v>4</v>
      </c>
      <c r="BN22" s="191">
        <v>2</v>
      </c>
      <c r="BO22" s="196">
        <v>51</v>
      </c>
      <c r="BP22" s="195">
        <v>51</v>
      </c>
      <c r="BQ22" s="190">
        <v>0</v>
      </c>
      <c r="BR22" s="191">
        <v>3</v>
      </c>
      <c r="BS22" s="196">
        <v>3</v>
      </c>
      <c r="BT22" s="193">
        <v>0</v>
      </c>
      <c r="BU22" s="191">
        <v>4</v>
      </c>
      <c r="BV22" s="191">
        <v>11</v>
      </c>
      <c r="BW22" s="191">
        <v>4</v>
      </c>
      <c r="BX22" s="191">
        <v>5</v>
      </c>
      <c r="BY22" s="191">
        <v>1</v>
      </c>
      <c r="BZ22" s="196">
        <v>25</v>
      </c>
      <c r="CA22" s="195">
        <v>28</v>
      </c>
      <c r="CB22" s="190">
        <v>0</v>
      </c>
      <c r="CC22" s="191">
        <v>1</v>
      </c>
      <c r="CD22" s="196">
        <v>1</v>
      </c>
      <c r="CE22" s="193">
        <v>0</v>
      </c>
      <c r="CF22" s="191">
        <v>1</v>
      </c>
      <c r="CG22" s="191">
        <v>4</v>
      </c>
      <c r="CH22" s="191">
        <v>3</v>
      </c>
      <c r="CI22" s="191">
        <v>2</v>
      </c>
      <c r="CJ22" s="191">
        <v>2</v>
      </c>
      <c r="CK22" s="196">
        <v>12</v>
      </c>
      <c r="CL22" s="195">
        <v>13</v>
      </c>
      <c r="CM22" s="190">
        <v>0</v>
      </c>
      <c r="CN22" s="191">
        <v>0</v>
      </c>
      <c r="CO22" s="196">
        <v>0</v>
      </c>
      <c r="CP22" s="193">
        <v>0</v>
      </c>
      <c r="CQ22" s="191">
        <v>0</v>
      </c>
      <c r="CR22" s="191">
        <v>0</v>
      </c>
      <c r="CS22" s="191">
        <v>1</v>
      </c>
      <c r="CT22" s="191">
        <v>0</v>
      </c>
      <c r="CU22" s="191">
        <v>0</v>
      </c>
      <c r="CV22" s="196">
        <v>1</v>
      </c>
      <c r="CW22" s="195">
        <v>1</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8</v>
      </c>
      <c r="DU22" s="191">
        <v>21</v>
      </c>
      <c r="DV22" s="196">
        <v>29</v>
      </c>
      <c r="DW22" s="193">
        <v>0</v>
      </c>
      <c r="DX22" s="191">
        <v>29</v>
      </c>
      <c r="DY22" s="191">
        <v>32</v>
      </c>
      <c r="DZ22" s="191">
        <v>15</v>
      </c>
      <c r="EA22" s="191">
        <v>16</v>
      </c>
      <c r="EB22" s="191">
        <v>10</v>
      </c>
      <c r="EC22" s="196">
        <v>102</v>
      </c>
      <c r="ED22" s="195">
        <v>131</v>
      </c>
      <c r="EE22" s="190">
        <v>2</v>
      </c>
      <c r="EF22" s="191">
        <v>2</v>
      </c>
      <c r="EG22" s="196">
        <v>4</v>
      </c>
      <c r="EH22" s="193">
        <v>0</v>
      </c>
      <c r="EI22" s="191">
        <v>5</v>
      </c>
      <c r="EJ22" s="191">
        <v>5</v>
      </c>
      <c r="EK22" s="191">
        <v>5</v>
      </c>
      <c r="EL22" s="191">
        <v>7</v>
      </c>
      <c r="EM22" s="191">
        <v>3</v>
      </c>
      <c r="EN22" s="196">
        <v>25</v>
      </c>
      <c r="EO22" s="195">
        <v>29</v>
      </c>
      <c r="EP22" s="190">
        <v>11</v>
      </c>
      <c r="EQ22" s="191">
        <v>28</v>
      </c>
      <c r="ER22" s="196">
        <v>39</v>
      </c>
      <c r="ES22" s="193">
        <v>0</v>
      </c>
      <c r="ET22" s="191">
        <v>54</v>
      </c>
      <c r="EU22" s="191">
        <v>51</v>
      </c>
      <c r="EV22" s="191">
        <v>20</v>
      </c>
      <c r="EW22" s="191">
        <v>16</v>
      </c>
      <c r="EX22" s="191">
        <v>9</v>
      </c>
      <c r="EY22" s="196">
        <v>150</v>
      </c>
      <c r="EZ22" s="195">
        <v>189</v>
      </c>
    </row>
    <row r="23" spans="2:156" ht="21" customHeight="1" x14ac:dyDescent="0.2">
      <c r="B23" s="106" t="s">
        <v>21</v>
      </c>
      <c r="C23" s="190">
        <v>0</v>
      </c>
      <c r="D23" s="191">
        <v>0</v>
      </c>
      <c r="E23" s="192">
        <v>0</v>
      </c>
      <c r="F23" s="193">
        <v>0</v>
      </c>
      <c r="G23" s="191">
        <v>14</v>
      </c>
      <c r="H23" s="191">
        <v>12</v>
      </c>
      <c r="I23" s="191">
        <v>5</v>
      </c>
      <c r="J23" s="191">
        <v>5</v>
      </c>
      <c r="K23" s="191">
        <v>4</v>
      </c>
      <c r="L23" s="194">
        <v>40</v>
      </c>
      <c r="M23" s="195">
        <v>40</v>
      </c>
      <c r="N23" s="190">
        <v>0</v>
      </c>
      <c r="O23" s="191">
        <v>0</v>
      </c>
      <c r="P23" s="196">
        <v>0</v>
      </c>
      <c r="Q23" s="193">
        <v>0</v>
      </c>
      <c r="R23" s="191">
        <v>0</v>
      </c>
      <c r="S23" s="191">
        <v>1</v>
      </c>
      <c r="T23" s="191">
        <v>0</v>
      </c>
      <c r="U23" s="191">
        <v>0</v>
      </c>
      <c r="V23" s="191">
        <v>5</v>
      </c>
      <c r="W23" s="196">
        <v>6</v>
      </c>
      <c r="X23" s="195">
        <v>6</v>
      </c>
      <c r="Y23" s="190">
        <v>0</v>
      </c>
      <c r="Z23" s="191">
        <v>1</v>
      </c>
      <c r="AA23" s="196">
        <v>1</v>
      </c>
      <c r="AB23" s="193">
        <v>0</v>
      </c>
      <c r="AC23" s="191">
        <v>9</v>
      </c>
      <c r="AD23" s="191">
        <v>8</v>
      </c>
      <c r="AE23" s="191">
        <v>8</v>
      </c>
      <c r="AF23" s="191">
        <v>3</v>
      </c>
      <c r="AG23" s="191">
        <v>4</v>
      </c>
      <c r="AH23" s="196">
        <v>32</v>
      </c>
      <c r="AI23" s="195">
        <v>33</v>
      </c>
      <c r="AJ23" s="190">
        <v>0</v>
      </c>
      <c r="AK23" s="191">
        <v>1</v>
      </c>
      <c r="AL23" s="196">
        <v>1</v>
      </c>
      <c r="AM23" s="193">
        <v>0</v>
      </c>
      <c r="AN23" s="191">
        <v>0</v>
      </c>
      <c r="AO23" s="191">
        <v>0</v>
      </c>
      <c r="AP23" s="191">
        <v>0</v>
      </c>
      <c r="AQ23" s="191">
        <v>0</v>
      </c>
      <c r="AR23" s="191">
        <v>1</v>
      </c>
      <c r="AS23" s="196">
        <v>1</v>
      </c>
      <c r="AT23" s="195">
        <v>2</v>
      </c>
      <c r="AU23" s="190">
        <v>2</v>
      </c>
      <c r="AV23" s="191">
        <v>5</v>
      </c>
      <c r="AW23" s="196">
        <v>7</v>
      </c>
      <c r="AX23" s="193">
        <v>0</v>
      </c>
      <c r="AY23" s="191">
        <v>18</v>
      </c>
      <c r="AZ23" s="191">
        <v>16</v>
      </c>
      <c r="BA23" s="191">
        <v>11</v>
      </c>
      <c r="BB23" s="191">
        <v>17</v>
      </c>
      <c r="BC23" s="191">
        <v>8</v>
      </c>
      <c r="BD23" s="194">
        <v>70</v>
      </c>
      <c r="BE23" s="195">
        <v>77</v>
      </c>
      <c r="BF23" s="190">
        <v>0</v>
      </c>
      <c r="BG23" s="191">
        <v>0</v>
      </c>
      <c r="BH23" s="196">
        <v>0</v>
      </c>
      <c r="BI23" s="193">
        <v>0</v>
      </c>
      <c r="BJ23" s="191">
        <v>16</v>
      </c>
      <c r="BK23" s="191">
        <v>10</v>
      </c>
      <c r="BL23" s="191">
        <v>5</v>
      </c>
      <c r="BM23" s="191">
        <v>2</v>
      </c>
      <c r="BN23" s="191">
        <v>0</v>
      </c>
      <c r="BO23" s="196">
        <v>33</v>
      </c>
      <c r="BP23" s="195">
        <v>33</v>
      </c>
      <c r="BQ23" s="190">
        <v>0</v>
      </c>
      <c r="BR23" s="191">
        <v>1</v>
      </c>
      <c r="BS23" s="196">
        <v>1</v>
      </c>
      <c r="BT23" s="193">
        <v>0</v>
      </c>
      <c r="BU23" s="191">
        <v>3</v>
      </c>
      <c r="BV23" s="191">
        <v>2</v>
      </c>
      <c r="BW23" s="191">
        <v>3</v>
      </c>
      <c r="BX23" s="191">
        <v>0</v>
      </c>
      <c r="BY23" s="191">
        <v>1</v>
      </c>
      <c r="BZ23" s="196">
        <v>9</v>
      </c>
      <c r="CA23" s="195">
        <v>10</v>
      </c>
      <c r="CB23" s="190">
        <v>0</v>
      </c>
      <c r="CC23" s="191">
        <v>1</v>
      </c>
      <c r="CD23" s="196">
        <v>1</v>
      </c>
      <c r="CE23" s="193">
        <v>0</v>
      </c>
      <c r="CF23" s="191">
        <v>1</v>
      </c>
      <c r="CG23" s="191">
        <v>1</v>
      </c>
      <c r="CH23" s="191">
        <v>2</v>
      </c>
      <c r="CI23" s="191">
        <v>0</v>
      </c>
      <c r="CJ23" s="191">
        <v>0</v>
      </c>
      <c r="CK23" s="196">
        <v>4</v>
      </c>
      <c r="CL23" s="195">
        <v>5</v>
      </c>
      <c r="CM23" s="190">
        <v>0</v>
      </c>
      <c r="CN23" s="191">
        <v>0</v>
      </c>
      <c r="CO23" s="196">
        <v>0</v>
      </c>
      <c r="CP23" s="193">
        <v>0</v>
      </c>
      <c r="CQ23" s="191">
        <v>0</v>
      </c>
      <c r="CR23" s="191">
        <v>0</v>
      </c>
      <c r="CS23" s="191">
        <v>1</v>
      </c>
      <c r="CT23" s="191">
        <v>1</v>
      </c>
      <c r="CU23" s="191">
        <v>0</v>
      </c>
      <c r="CV23" s="196">
        <v>2</v>
      </c>
      <c r="CW23" s="195">
        <v>2</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11</v>
      </c>
      <c r="DU23" s="191">
        <v>10</v>
      </c>
      <c r="DV23" s="196">
        <v>21</v>
      </c>
      <c r="DW23" s="193">
        <v>0</v>
      </c>
      <c r="DX23" s="191">
        <v>15</v>
      </c>
      <c r="DY23" s="191">
        <v>24</v>
      </c>
      <c r="DZ23" s="191">
        <v>12</v>
      </c>
      <c r="EA23" s="191">
        <v>9</v>
      </c>
      <c r="EB23" s="191">
        <v>5</v>
      </c>
      <c r="EC23" s="196">
        <v>65</v>
      </c>
      <c r="ED23" s="195">
        <v>86</v>
      </c>
      <c r="EE23" s="190">
        <v>2</v>
      </c>
      <c r="EF23" s="191">
        <v>1</v>
      </c>
      <c r="EG23" s="196">
        <v>3</v>
      </c>
      <c r="EH23" s="193">
        <v>0</v>
      </c>
      <c r="EI23" s="191">
        <v>6</v>
      </c>
      <c r="EJ23" s="191">
        <v>3</v>
      </c>
      <c r="EK23" s="191">
        <v>8</v>
      </c>
      <c r="EL23" s="191">
        <v>9</v>
      </c>
      <c r="EM23" s="191">
        <v>2</v>
      </c>
      <c r="EN23" s="196">
        <v>28</v>
      </c>
      <c r="EO23" s="195">
        <v>31</v>
      </c>
      <c r="EP23" s="190">
        <v>11</v>
      </c>
      <c r="EQ23" s="191">
        <v>14</v>
      </c>
      <c r="ER23" s="196">
        <v>25</v>
      </c>
      <c r="ES23" s="193">
        <v>0</v>
      </c>
      <c r="ET23" s="191">
        <v>44</v>
      </c>
      <c r="EU23" s="191">
        <v>31</v>
      </c>
      <c r="EV23" s="191">
        <v>16</v>
      </c>
      <c r="EW23" s="191">
        <v>11</v>
      </c>
      <c r="EX23" s="191">
        <v>5</v>
      </c>
      <c r="EY23" s="196">
        <v>107</v>
      </c>
      <c r="EZ23" s="195">
        <v>132</v>
      </c>
    </row>
    <row r="24" spans="2:156" ht="21" customHeight="1" x14ac:dyDescent="0.2">
      <c r="B24" s="106" t="s">
        <v>22</v>
      </c>
      <c r="C24" s="190">
        <v>0</v>
      </c>
      <c r="D24" s="191">
        <v>0</v>
      </c>
      <c r="E24" s="192">
        <v>0</v>
      </c>
      <c r="F24" s="193">
        <v>0</v>
      </c>
      <c r="G24" s="191">
        <v>4</v>
      </c>
      <c r="H24" s="191">
        <v>1</v>
      </c>
      <c r="I24" s="191">
        <v>3</v>
      </c>
      <c r="J24" s="191">
        <v>1</v>
      </c>
      <c r="K24" s="191">
        <v>3</v>
      </c>
      <c r="L24" s="194">
        <v>12</v>
      </c>
      <c r="M24" s="195">
        <v>12</v>
      </c>
      <c r="N24" s="190">
        <v>0</v>
      </c>
      <c r="O24" s="191">
        <v>0</v>
      </c>
      <c r="P24" s="196">
        <v>0</v>
      </c>
      <c r="Q24" s="193">
        <v>0</v>
      </c>
      <c r="R24" s="191">
        <v>0</v>
      </c>
      <c r="S24" s="191">
        <v>0</v>
      </c>
      <c r="T24" s="191">
        <v>0</v>
      </c>
      <c r="U24" s="191">
        <v>0</v>
      </c>
      <c r="V24" s="191">
        <v>5</v>
      </c>
      <c r="W24" s="196">
        <v>5</v>
      </c>
      <c r="X24" s="195">
        <v>5</v>
      </c>
      <c r="Y24" s="190">
        <v>0</v>
      </c>
      <c r="Z24" s="191">
        <v>0</v>
      </c>
      <c r="AA24" s="196">
        <v>0</v>
      </c>
      <c r="AB24" s="193">
        <v>0</v>
      </c>
      <c r="AC24" s="191">
        <v>5</v>
      </c>
      <c r="AD24" s="191">
        <v>2</v>
      </c>
      <c r="AE24" s="191">
        <v>3</v>
      </c>
      <c r="AF24" s="191">
        <v>2</v>
      </c>
      <c r="AG24" s="191">
        <v>5</v>
      </c>
      <c r="AH24" s="196">
        <v>17</v>
      </c>
      <c r="AI24" s="195">
        <v>17</v>
      </c>
      <c r="AJ24" s="190">
        <v>0</v>
      </c>
      <c r="AK24" s="191">
        <v>0</v>
      </c>
      <c r="AL24" s="196">
        <v>0</v>
      </c>
      <c r="AM24" s="193">
        <v>0</v>
      </c>
      <c r="AN24" s="191">
        <v>2</v>
      </c>
      <c r="AO24" s="191">
        <v>1</v>
      </c>
      <c r="AP24" s="191">
        <v>0</v>
      </c>
      <c r="AQ24" s="191">
        <v>1</v>
      </c>
      <c r="AR24" s="191">
        <v>0</v>
      </c>
      <c r="AS24" s="196">
        <v>4</v>
      </c>
      <c r="AT24" s="195">
        <v>4</v>
      </c>
      <c r="AU24" s="190">
        <v>0</v>
      </c>
      <c r="AV24" s="191">
        <v>0</v>
      </c>
      <c r="AW24" s="196">
        <v>0</v>
      </c>
      <c r="AX24" s="193">
        <v>0</v>
      </c>
      <c r="AY24" s="191">
        <v>1</v>
      </c>
      <c r="AZ24" s="191">
        <v>1</v>
      </c>
      <c r="BA24" s="191">
        <v>5</v>
      </c>
      <c r="BB24" s="191">
        <v>5</v>
      </c>
      <c r="BC24" s="191">
        <v>3</v>
      </c>
      <c r="BD24" s="194">
        <v>15</v>
      </c>
      <c r="BE24" s="195">
        <v>15</v>
      </c>
      <c r="BF24" s="190">
        <v>0</v>
      </c>
      <c r="BG24" s="191">
        <v>0</v>
      </c>
      <c r="BH24" s="196">
        <v>0</v>
      </c>
      <c r="BI24" s="193">
        <v>0</v>
      </c>
      <c r="BJ24" s="191">
        <v>3</v>
      </c>
      <c r="BK24" s="191">
        <v>8</v>
      </c>
      <c r="BL24" s="191">
        <v>4</v>
      </c>
      <c r="BM24" s="191">
        <v>5</v>
      </c>
      <c r="BN24" s="191">
        <v>2</v>
      </c>
      <c r="BO24" s="196">
        <v>22</v>
      </c>
      <c r="BP24" s="195">
        <v>22</v>
      </c>
      <c r="BQ24" s="190">
        <v>2</v>
      </c>
      <c r="BR24" s="191">
        <v>1</v>
      </c>
      <c r="BS24" s="196">
        <v>3</v>
      </c>
      <c r="BT24" s="193">
        <v>0</v>
      </c>
      <c r="BU24" s="191">
        <v>2</v>
      </c>
      <c r="BV24" s="191">
        <v>5</v>
      </c>
      <c r="BW24" s="191">
        <v>1</v>
      </c>
      <c r="BX24" s="191">
        <v>1</v>
      </c>
      <c r="BY24" s="191">
        <v>0</v>
      </c>
      <c r="BZ24" s="196">
        <v>9</v>
      </c>
      <c r="CA24" s="195">
        <v>12</v>
      </c>
      <c r="CB24" s="190">
        <v>0</v>
      </c>
      <c r="CC24" s="191">
        <v>0</v>
      </c>
      <c r="CD24" s="196">
        <v>0</v>
      </c>
      <c r="CE24" s="193">
        <v>0</v>
      </c>
      <c r="CF24" s="191">
        <v>0</v>
      </c>
      <c r="CG24" s="191">
        <v>4</v>
      </c>
      <c r="CH24" s="191">
        <v>1</v>
      </c>
      <c r="CI24" s="191">
        <v>2</v>
      </c>
      <c r="CJ24" s="191">
        <v>0</v>
      </c>
      <c r="CK24" s="196">
        <v>7</v>
      </c>
      <c r="CL24" s="195">
        <v>7</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5</v>
      </c>
      <c r="DV24" s="196">
        <v>9</v>
      </c>
      <c r="DW24" s="193">
        <v>0</v>
      </c>
      <c r="DX24" s="191">
        <v>7</v>
      </c>
      <c r="DY24" s="191">
        <v>13</v>
      </c>
      <c r="DZ24" s="191">
        <v>6</v>
      </c>
      <c r="EA24" s="191">
        <v>6</v>
      </c>
      <c r="EB24" s="191">
        <v>6</v>
      </c>
      <c r="EC24" s="196">
        <v>38</v>
      </c>
      <c r="ED24" s="195">
        <v>47</v>
      </c>
      <c r="EE24" s="190">
        <v>0</v>
      </c>
      <c r="EF24" s="191">
        <v>0</v>
      </c>
      <c r="EG24" s="196">
        <v>0</v>
      </c>
      <c r="EH24" s="193">
        <v>0</v>
      </c>
      <c r="EI24" s="191">
        <v>3</v>
      </c>
      <c r="EJ24" s="191">
        <v>1</v>
      </c>
      <c r="EK24" s="191">
        <v>3</v>
      </c>
      <c r="EL24" s="191">
        <v>2</v>
      </c>
      <c r="EM24" s="191">
        <v>2</v>
      </c>
      <c r="EN24" s="196">
        <v>11</v>
      </c>
      <c r="EO24" s="195">
        <v>11</v>
      </c>
      <c r="EP24" s="190">
        <v>5</v>
      </c>
      <c r="EQ24" s="191">
        <v>6</v>
      </c>
      <c r="ER24" s="196">
        <v>11</v>
      </c>
      <c r="ES24" s="193">
        <v>0</v>
      </c>
      <c r="ET24" s="191">
        <v>20</v>
      </c>
      <c r="EU24" s="191">
        <v>20</v>
      </c>
      <c r="EV24" s="191">
        <v>7</v>
      </c>
      <c r="EW24" s="191">
        <v>6</v>
      </c>
      <c r="EX24" s="191">
        <v>7</v>
      </c>
      <c r="EY24" s="196">
        <v>60</v>
      </c>
      <c r="EZ24" s="195">
        <v>71</v>
      </c>
    </row>
    <row r="25" spans="2:156" ht="21" customHeight="1" x14ac:dyDescent="0.2">
      <c r="B25" s="106" t="s">
        <v>23</v>
      </c>
      <c r="C25" s="190">
        <v>0</v>
      </c>
      <c r="D25" s="191">
        <v>0</v>
      </c>
      <c r="E25" s="192">
        <v>0</v>
      </c>
      <c r="F25" s="193">
        <v>0</v>
      </c>
      <c r="G25" s="191">
        <v>1</v>
      </c>
      <c r="H25" s="191">
        <v>5</v>
      </c>
      <c r="I25" s="191">
        <v>5</v>
      </c>
      <c r="J25" s="191">
        <v>3</v>
      </c>
      <c r="K25" s="191">
        <v>0</v>
      </c>
      <c r="L25" s="194">
        <v>14</v>
      </c>
      <c r="M25" s="195">
        <v>14</v>
      </c>
      <c r="N25" s="190">
        <v>0</v>
      </c>
      <c r="O25" s="191">
        <v>0</v>
      </c>
      <c r="P25" s="196">
        <v>0</v>
      </c>
      <c r="Q25" s="193">
        <v>0</v>
      </c>
      <c r="R25" s="191">
        <v>0</v>
      </c>
      <c r="S25" s="191">
        <v>1</v>
      </c>
      <c r="T25" s="191">
        <v>2</v>
      </c>
      <c r="U25" s="191">
        <v>0</v>
      </c>
      <c r="V25" s="191">
        <v>0</v>
      </c>
      <c r="W25" s="196">
        <v>3</v>
      </c>
      <c r="X25" s="195">
        <v>3</v>
      </c>
      <c r="Y25" s="190">
        <v>3</v>
      </c>
      <c r="Z25" s="191">
        <v>3</v>
      </c>
      <c r="AA25" s="196">
        <v>6</v>
      </c>
      <c r="AB25" s="193">
        <v>0</v>
      </c>
      <c r="AC25" s="191">
        <v>4</v>
      </c>
      <c r="AD25" s="191">
        <v>10</v>
      </c>
      <c r="AE25" s="191">
        <v>5</v>
      </c>
      <c r="AF25" s="191">
        <v>3</v>
      </c>
      <c r="AG25" s="191">
        <v>3</v>
      </c>
      <c r="AH25" s="196">
        <v>25</v>
      </c>
      <c r="AI25" s="195">
        <v>31</v>
      </c>
      <c r="AJ25" s="190">
        <v>1</v>
      </c>
      <c r="AK25" s="191">
        <v>1</v>
      </c>
      <c r="AL25" s="196">
        <v>2</v>
      </c>
      <c r="AM25" s="193">
        <v>0</v>
      </c>
      <c r="AN25" s="191">
        <v>0</v>
      </c>
      <c r="AO25" s="191">
        <v>1</v>
      </c>
      <c r="AP25" s="191">
        <v>0</v>
      </c>
      <c r="AQ25" s="191">
        <v>0</v>
      </c>
      <c r="AR25" s="191">
        <v>0</v>
      </c>
      <c r="AS25" s="196">
        <v>1</v>
      </c>
      <c r="AT25" s="195">
        <v>3</v>
      </c>
      <c r="AU25" s="190">
        <v>0</v>
      </c>
      <c r="AV25" s="191">
        <v>0</v>
      </c>
      <c r="AW25" s="196">
        <v>0</v>
      </c>
      <c r="AX25" s="193">
        <v>0</v>
      </c>
      <c r="AY25" s="191">
        <v>5</v>
      </c>
      <c r="AZ25" s="191">
        <v>6</v>
      </c>
      <c r="BA25" s="191">
        <v>9</v>
      </c>
      <c r="BB25" s="191">
        <v>10</v>
      </c>
      <c r="BC25" s="191">
        <v>6</v>
      </c>
      <c r="BD25" s="194">
        <v>36</v>
      </c>
      <c r="BE25" s="195">
        <v>36</v>
      </c>
      <c r="BF25" s="190">
        <v>0</v>
      </c>
      <c r="BG25" s="191">
        <v>0</v>
      </c>
      <c r="BH25" s="196">
        <v>0</v>
      </c>
      <c r="BI25" s="193">
        <v>0</v>
      </c>
      <c r="BJ25" s="191">
        <v>10</v>
      </c>
      <c r="BK25" s="191">
        <v>11</v>
      </c>
      <c r="BL25" s="191">
        <v>5</v>
      </c>
      <c r="BM25" s="191">
        <v>6</v>
      </c>
      <c r="BN25" s="191">
        <v>1</v>
      </c>
      <c r="BO25" s="196">
        <v>33</v>
      </c>
      <c r="BP25" s="195">
        <v>33</v>
      </c>
      <c r="BQ25" s="190">
        <v>0</v>
      </c>
      <c r="BR25" s="191">
        <v>0</v>
      </c>
      <c r="BS25" s="196">
        <v>0</v>
      </c>
      <c r="BT25" s="193">
        <v>0</v>
      </c>
      <c r="BU25" s="191">
        <v>1</v>
      </c>
      <c r="BV25" s="191">
        <v>1</v>
      </c>
      <c r="BW25" s="191">
        <v>2</v>
      </c>
      <c r="BX25" s="191">
        <v>2</v>
      </c>
      <c r="BY25" s="191">
        <v>1</v>
      </c>
      <c r="BZ25" s="196">
        <v>7</v>
      </c>
      <c r="CA25" s="195">
        <v>7</v>
      </c>
      <c r="CB25" s="190">
        <v>0</v>
      </c>
      <c r="CC25" s="191">
        <v>0</v>
      </c>
      <c r="CD25" s="196">
        <v>0</v>
      </c>
      <c r="CE25" s="193">
        <v>0</v>
      </c>
      <c r="CF25" s="191">
        <v>3</v>
      </c>
      <c r="CG25" s="191">
        <v>2</v>
      </c>
      <c r="CH25" s="191">
        <v>4</v>
      </c>
      <c r="CI25" s="191">
        <v>3</v>
      </c>
      <c r="CJ25" s="191">
        <v>1</v>
      </c>
      <c r="CK25" s="196">
        <v>13</v>
      </c>
      <c r="CL25" s="195">
        <v>13</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5</v>
      </c>
      <c r="DU25" s="191">
        <v>7</v>
      </c>
      <c r="DV25" s="196">
        <v>12</v>
      </c>
      <c r="DW25" s="193">
        <v>0</v>
      </c>
      <c r="DX25" s="191">
        <v>9</v>
      </c>
      <c r="DY25" s="191">
        <v>17</v>
      </c>
      <c r="DZ25" s="191">
        <v>10</v>
      </c>
      <c r="EA25" s="191">
        <v>10</v>
      </c>
      <c r="EB25" s="191">
        <v>5</v>
      </c>
      <c r="EC25" s="196">
        <v>51</v>
      </c>
      <c r="ED25" s="195">
        <v>63</v>
      </c>
      <c r="EE25" s="190">
        <v>0</v>
      </c>
      <c r="EF25" s="191">
        <v>0</v>
      </c>
      <c r="EG25" s="196">
        <v>0</v>
      </c>
      <c r="EH25" s="193">
        <v>0</v>
      </c>
      <c r="EI25" s="191">
        <v>3</v>
      </c>
      <c r="EJ25" s="191">
        <v>2</v>
      </c>
      <c r="EK25" s="191">
        <v>0</v>
      </c>
      <c r="EL25" s="191">
        <v>8</v>
      </c>
      <c r="EM25" s="191">
        <v>5</v>
      </c>
      <c r="EN25" s="196">
        <v>18</v>
      </c>
      <c r="EO25" s="195">
        <v>18</v>
      </c>
      <c r="EP25" s="190">
        <v>7</v>
      </c>
      <c r="EQ25" s="191">
        <v>8</v>
      </c>
      <c r="ER25" s="196">
        <v>15</v>
      </c>
      <c r="ES25" s="193">
        <v>0</v>
      </c>
      <c r="ET25" s="191">
        <v>16</v>
      </c>
      <c r="EU25" s="191">
        <v>26</v>
      </c>
      <c r="EV25" s="191">
        <v>15</v>
      </c>
      <c r="EW25" s="191">
        <v>10</v>
      </c>
      <c r="EX25" s="191">
        <v>6</v>
      </c>
      <c r="EY25" s="196">
        <v>73</v>
      </c>
      <c r="EZ25" s="195">
        <v>88</v>
      </c>
    </row>
    <row r="26" spans="2:156" ht="21" customHeight="1" x14ac:dyDescent="0.2">
      <c r="B26" s="106" t="s">
        <v>24</v>
      </c>
      <c r="C26" s="190">
        <v>0</v>
      </c>
      <c r="D26" s="191">
        <v>0</v>
      </c>
      <c r="E26" s="192">
        <v>0</v>
      </c>
      <c r="F26" s="193">
        <v>0</v>
      </c>
      <c r="G26" s="191">
        <v>8</v>
      </c>
      <c r="H26" s="191">
        <v>7</v>
      </c>
      <c r="I26" s="191">
        <v>3</v>
      </c>
      <c r="J26" s="191">
        <v>4</v>
      </c>
      <c r="K26" s="191">
        <v>2</v>
      </c>
      <c r="L26" s="194">
        <v>24</v>
      </c>
      <c r="M26" s="195">
        <v>24</v>
      </c>
      <c r="N26" s="190">
        <v>0</v>
      </c>
      <c r="O26" s="191">
        <v>0</v>
      </c>
      <c r="P26" s="196">
        <v>0</v>
      </c>
      <c r="Q26" s="193">
        <v>0</v>
      </c>
      <c r="R26" s="191">
        <v>1</v>
      </c>
      <c r="S26" s="191">
        <v>0</v>
      </c>
      <c r="T26" s="191">
        <v>0</v>
      </c>
      <c r="U26" s="191">
        <v>0</v>
      </c>
      <c r="V26" s="191">
        <v>2</v>
      </c>
      <c r="W26" s="196">
        <v>3</v>
      </c>
      <c r="X26" s="195">
        <v>3</v>
      </c>
      <c r="Y26" s="190">
        <v>3</v>
      </c>
      <c r="Z26" s="191">
        <v>2</v>
      </c>
      <c r="AA26" s="196">
        <v>5</v>
      </c>
      <c r="AB26" s="193">
        <v>0</v>
      </c>
      <c r="AC26" s="191">
        <v>6</v>
      </c>
      <c r="AD26" s="191">
        <v>5</v>
      </c>
      <c r="AE26" s="191">
        <v>4</v>
      </c>
      <c r="AF26" s="191">
        <v>5</v>
      </c>
      <c r="AG26" s="191">
        <v>4</v>
      </c>
      <c r="AH26" s="196">
        <v>24</v>
      </c>
      <c r="AI26" s="195">
        <v>29</v>
      </c>
      <c r="AJ26" s="190">
        <v>0</v>
      </c>
      <c r="AK26" s="191">
        <v>0</v>
      </c>
      <c r="AL26" s="196">
        <v>0</v>
      </c>
      <c r="AM26" s="193">
        <v>0</v>
      </c>
      <c r="AN26" s="191">
        <v>0</v>
      </c>
      <c r="AO26" s="191">
        <v>0</v>
      </c>
      <c r="AP26" s="191">
        <v>0</v>
      </c>
      <c r="AQ26" s="191">
        <v>0</v>
      </c>
      <c r="AR26" s="191">
        <v>1</v>
      </c>
      <c r="AS26" s="196">
        <v>1</v>
      </c>
      <c r="AT26" s="195">
        <v>1</v>
      </c>
      <c r="AU26" s="190">
        <v>1</v>
      </c>
      <c r="AV26" s="191">
        <v>2</v>
      </c>
      <c r="AW26" s="196">
        <v>3</v>
      </c>
      <c r="AX26" s="193">
        <v>0</v>
      </c>
      <c r="AY26" s="191">
        <v>14</v>
      </c>
      <c r="AZ26" s="191">
        <v>7</v>
      </c>
      <c r="BA26" s="191">
        <v>7</v>
      </c>
      <c r="BB26" s="191">
        <v>13</v>
      </c>
      <c r="BC26" s="191">
        <v>9</v>
      </c>
      <c r="BD26" s="194">
        <v>50</v>
      </c>
      <c r="BE26" s="195">
        <v>53</v>
      </c>
      <c r="BF26" s="190">
        <v>0</v>
      </c>
      <c r="BG26" s="191">
        <v>0</v>
      </c>
      <c r="BH26" s="196">
        <v>0</v>
      </c>
      <c r="BI26" s="193">
        <v>0</v>
      </c>
      <c r="BJ26" s="191">
        <v>11</v>
      </c>
      <c r="BK26" s="191">
        <v>8</v>
      </c>
      <c r="BL26" s="191">
        <v>1</v>
      </c>
      <c r="BM26" s="191">
        <v>0</v>
      </c>
      <c r="BN26" s="191">
        <v>1</v>
      </c>
      <c r="BO26" s="196">
        <v>21</v>
      </c>
      <c r="BP26" s="195">
        <v>21</v>
      </c>
      <c r="BQ26" s="190">
        <v>2</v>
      </c>
      <c r="BR26" s="191">
        <v>1</v>
      </c>
      <c r="BS26" s="196">
        <v>3</v>
      </c>
      <c r="BT26" s="193">
        <v>0</v>
      </c>
      <c r="BU26" s="191">
        <v>6</v>
      </c>
      <c r="BV26" s="191">
        <v>1</v>
      </c>
      <c r="BW26" s="191">
        <v>1</v>
      </c>
      <c r="BX26" s="191">
        <v>2</v>
      </c>
      <c r="BY26" s="191">
        <v>2</v>
      </c>
      <c r="BZ26" s="196">
        <v>12</v>
      </c>
      <c r="CA26" s="195">
        <v>15</v>
      </c>
      <c r="CB26" s="190">
        <v>0</v>
      </c>
      <c r="CC26" s="191">
        <v>0</v>
      </c>
      <c r="CD26" s="196">
        <v>0</v>
      </c>
      <c r="CE26" s="193">
        <v>0</v>
      </c>
      <c r="CF26" s="191">
        <v>1</v>
      </c>
      <c r="CG26" s="191">
        <v>0</v>
      </c>
      <c r="CH26" s="191">
        <v>1</v>
      </c>
      <c r="CI26" s="191">
        <v>0</v>
      </c>
      <c r="CJ26" s="191">
        <v>1</v>
      </c>
      <c r="CK26" s="196">
        <v>3</v>
      </c>
      <c r="CL26" s="195">
        <v>3</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5</v>
      </c>
      <c r="DU26" s="191">
        <v>13</v>
      </c>
      <c r="DV26" s="196">
        <v>18</v>
      </c>
      <c r="DW26" s="193">
        <v>0</v>
      </c>
      <c r="DX26" s="191">
        <v>11</v>
      </c>
      <c r="DY26" s="191">
        <v>13</v>
      </c>
      <c r="DZ26" s="191">
        <v>8</v>
      </c>
      <c r="EA26" s="191">
        <v>10</v>
      </c>
      <c r="EB26" s="191">
        <v>5</v>
      </c>
      <c r="EC26" s="196">
        <v>47</v>
      </c>
      <c r="ED26" s="195">
        <v>65</v>
      </c>
      <c r="EE26" s="190">
        <v>2</v>
      </c>
      <c r="EF26" s="191">
        <v>3</v>
      </c>
      <c r="EG26" s="196">
        <v>5</v>
      </c>
      <c r="EH26" s="193">
        <v>0</v>
      </c>
      <c r="EI26" s="191">
        <v>7</v>
      </c>
      <c r="EJ26" s="191">
        <v>6</v>
      </c>
      <c r="EK26" s="191">
        <v>3</v>
      </c>
      <c r="EL26" s="191">
        <v>5</v>
      </c>
      <c r="EM26" s="191">
        <v>4</v>
      </c>
      <c r="EN26" s="196">
        <v>25</v>
      </c>
      <c r="EO26" s="195">
        <v>30</v>
      </c>
      <c r="EP26" s="190">
        <v>8</v>
      </c>
      <c r="EQ26" s="191">
        <v>14</v>
      </c>
      <c r="ER26" s="196">
        <v>22</v>
      </c>
      <c r="ES26" s="193">
        <v>0</v>
      </c>
      <c r="ET26" s="191">
        <v>24</v>
      </c>
      <c r="EU26" s="191">
        <v>18</v>
      </c>
      <c r="EV26" s="191">
        <v>10</v>
      </c>
      <c r="EW26" s="191">
        <v>9</v>
      </c>
      <c r="EX26" s="191">
        <v>6</v>
      </c>
      <c r="EY26" s="196">
        <v>67</v>
      </c>
      <c r="EZ26" s="195">
        <v>89</v>
      </c>
    </row>
    <row r="27" spans="2:156" ht="21" customHeight="1" x14ac:dyDescent="0.2">
      <c r="B27" s="106" t="s">
        <v>25</v>
      </c>
      <c r="C27" s="190">
        <v>0</v>
      </c>
      <c r="D27" s="191">
        <v>0</v>
      </c>
      <c r="E27" s="192">
        <v>0</v>
      </c>
      <c r="F27" s="193">
        <v>0</v>
      </c>
      <c r="G27" s="191">
        <v>2</v>
      </c>
      <c r="H27" s="191">
        <v>2</v>
      </c>
      <c r="I27" s="191">
        <v>1</v>
      </c>
      <c r="J27" s="191">
        <v>1</v>
      </c>
      <c r="K27" s="191">
        <v>1</v>
      </c>
      <c r="L27" s="194">
        <v>7</v>
      </c>
      <c r="M27" s="195">
        <v>7</v>
      </c>
      <c r="N27" s="190">
        <v>0</v>
      </c>
      <c r="O27" s="191">
        <v>0</v>
      </c>
      <c r="P27" s="196">
        <v>0</v>
      </c>
      <c r="Q27" s="193">
        <v>0</v>
      </c>
      <c r="R27" s="191">
        <v>1</v>
      </c>
      <c r="S27" s="191">
        <v>0</v>
      </c>
      <c r="T27" s="191">
        <v>0</v>
      </c>
      <c r="U27" s="191">
        <v>0</v>
      </c>
      <c r="V27" s="191">
        <v>1</v>
      </c>
      <c r="W27" s="196">
        <v>2</v>
      </c>
      <c r="X27" s="195">
        <v>2</v>
      </c>
      <c r="Y27" s="190">
        <v>1</v>
      </c>
      <c r="Z27" s="191">
        <v>5</v>
      </c>
      <c r="AA27" s="196">
        <v>6</v>
      </c>
      <c r="AB27" s="193">
        <v>0</v>
      </c>
      <c r="AC27" s="191">
        <v>3</v>
      </c>
      <c r="AD27" s="191">
        <v>1</v>
      </c>
      <c r="AE27" s="191">
        <v>1</v>
      </c>
      <c r="AF27" s="191">
        <v>1</v>
      </c>
      <c r="AG27" s="191">
        <v>1</v>
      </c>
      <c r="AH27" s="196">
        <v>7</v>
      </c>
      <c r="AI27" s="195">
        <v>13</v>
      </c>
      <c r="AJ27" s="190">
        <v>0</v>
      </c>
      <c r="AK27" s="191">
        <v>0</v>
      </c>
      <c r="AL27" s="196">
        <v>0</v>
      </c>
      <c r="AM27" s="193">
        <v>0</v>
      </c>
      <c r="AN27" s="191">
        <v>0</v>
      </c>
      <c r="AO27" s="191">
        <v>0</v>
      </c>
      <c r="AP27" s="191">
        <v>0</v>
      </c>
      <c r="AQ27" s="191">
        <v>0</v>
      </c>
      <c r="AR27" s="191">
        <v>0</v>
      </c>
      <c r="AS27" s="196">
        <v>0</v>
      </c>
      <c r="AT27" s="195">
        <v>0</v>
      </c>
      <c r="AU27" s="190">
        <v>2</v>
      </c>
      <c r="AV27" s="191">
        <v>1</v>
      </c>
      <c r="AW27" s="196">
        <v>3</v>
      </c>
      <c r="AX27" s="193">
        <v>0</v>
      </c>
      <c r="AY27" s="191">
        <v>2</v>
      </c>
      <c r="AZ27" s="191">
        <v>2</v>
      </c>
      <c r="BA27" s="191">
        <v>3</v>
      </c>
      <c r="BB27" s="191">
        <v>2</v>
      </c>
      <c r="BC27" s="191">
        <v>2</v>
      </c>
      <c r="BD27" s="194">
        <v>11</v>
      </c>
      <c r="BE27" s="195">
        <v>14</v>
      </c>
      <c r="BF27" s="190">
        <v>0</v>
      </c>
      <c r="BG27" s="191">
        <v>0</v>
      </c>
      <c r="BH27" s="196">
        <v>0</v>
      </c>
      <c r="BI27" s="193">
        <v>0</v>
      </c>
      <c r="BJ27" s="191">
        <v>1</v>
      </c>
      <c r="BK27" s="191">
        <v>3</v>
      </c>
      <c r="BL27" s="191">
        <v>2</v>
      </c>
      <c r="BM27" s="191">
        <v>0</v>
      </c>
      <c r="BN27" s="191">
        <v>0</v>
      </c>
      <c r="BO27" s="196">
        <v>6</v>
      </c>
      <c r="BP27" s="195">
        <v>6</v>
      </c>
      <c r="BQ27" s="190">
        <v>1</v>
      </c>
      <c r="BR27" s="191">
        <v>0</v>
      </c>
      <c r="BS27" s="196">
        <v>1</v>
      </c>
      <c r="BT27" s="193">
        <v>0</v>
      </c>
      <c r="BU27" s="191">
        <v>2</v>
      </c>
      <c r="BV27" s="191">
        <v>1</v>
      </c>
      <c r="BW27" s="191">
        <v>2</v>
      </c>
      <c r="BX27" s="191">
        <v>0</v>
      </c>
      <c r="BY27" s="191">
        <v>1</v>
      </c>
      <c r="BZ27" s="196">
        <v>6</v>
      </c>
      <c r="CA27" s="195">
        <v>7</v>
      </c>
      <c r="CB27" s="190">
        <v>0</v>
      </c>
      <c r="CC27" s="191">
        <v>0</v>
      </c>
      <c r="CD27" s="196">
        <v>0</v>
      </c>
      <c r="CE27" s="193">
        <v>0</v>
      </c>
      <c r="CF27" s="191">
        <v>1</v>
      </c>
      <c r="CG27" s="191">
        <v>0</v>
      </c>
      <c r="CH27" s="191">
        <v>1</v>
      </c>
      <c r="CI27" s="191">
        <v>0</v>
      </c>
      <c r="CJ27" s="191">
        <v>0</v>
      </c>
      <c r="CK27" s="196">
        <v>2</v>
      </c>
      <c r="CL27" s="195">
        <v>2</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5</v>
      </c>
      <c r="DU27" s="191">
        <v>7</v>
      </c>
      <c r="DV27" s="196">
        <v>12</v>
      </c>
      <c r="DW27" s="193">
        <v>0</v>
      </c>
      <c r="DX27" s="191">
        <v>5</v>
      </c>
      <c r="DY27" s="191">
        <v>5</v>
      </c>
      <c r="DZ27" s="191">
        <v>6</v>
      </c>
      <c r="EA27" s="191">
        <v>0</v>
      </c>
      <c r="EB27" s="191">
        <v>4</v>
      </c>
      <c r="EC27" s="196">
        <v>20</v>
      </c>
      <c r="ED27" s="195">
        <v>32</v>
      </c>
      <c r="EE27" s="190">
        <v>0</v>
      </c>
      <c r="EF27" s="191">
        <v>0</v>
      </c>
      <c r="EG27" s="196">
        <v>0</v>
      </c>
      <c r="EH27" s="193">
        <v>0</v>
      </c>
      <c r="EI27" s="191">
        <v>1</v>
      </c>
      <c r="EJ27" s="191">
        <v>1</v>
      </c>
      <c r="EK27" s="191">
        <v>2</v>
      </c>
      <c r="EL27" s="191">
        <v>1</v>
      </c>
      <c r="EM27" s="191">
        <v>1</v>
      </c>
      <c r="EN27" s="196">
        <v>6</v>
      </c>
      <c r="EO27" s="195">
        <v>6</v>
      </c>
      <c r="EP27" s="190">
        <v>7</v>
      </c>
      <c r="EQ27" s="191">
        <v>10</v>
      </c>
      <c r="ER27" s="196">
        <v>17</v>
      </c>
      <c r="ES27" s="193">
        <v>0</v>
      </c>
      <c r="ET27" s="191">
        <v>10</v>
      </c>
      <c r="EU27" s="191">
        <v>7</v>
      </c>
      <c r="EV27" s="191">
        <v>7</v>
      </c>
      <c r="EW27" s="191">
        <v>1</v>
      </c>
      <c r="EX27" s="191">
        <v>4</v>
      </c>
      <c r="EY27" s="196">
        <v>29</v>
      </c>
      <c r="EZ27" s="195">
        <v>46</v>
      </c>
    </row>
    <row r="28" spans="2:156" ht="21" customHeight="1" x14ac:dyDescent="0.2">
      <c r="B28" s="106" t="s">
        <v>26</v>
      </c>
      <c r="C28" s="190">
        <v>0</v>
      </c>
      <c r="D28" s="191">
        <v>0</v>
      </c>
      <c r="E28" s="192">
        <v>0</v>
      </c>
      <c r="F28" s="193">
        <v>0</v>
      </c>
      <c r="G28" s="191">
        <v>4</v>
      </c>
      <c r="H28" s="191">
        <v>5</v>
      </c>
      <c r="I28" s="191">
        <v>1</v>
      </c>
      <c r="J28" s="191">
        <v>0</v>
      </c>
      <c r="K28" s="191">
        <v>5</v>
      </c>
      <c r="L28" s="194">
        <v>15</v>
      </c>
      <c r="M28" s="195">
        <v>15</v>
      </c>
      <c r="N28" s="190">
        <v>0</v>
      </c>
      <c r="O28" s="191">
        <v>0</v>
      </c>
      <c r="P28" s="196">
        <v>0</v>
      </c>
      <c r="Q28" s="193">
        <v>0</v>
      </c>
      <c r="R28" s="191">
        <v>0</v>
      </c>
      <c r="S28" s="191">
        <v>0</v>
      </c>
      <c r="T28" s="191">
        <v>0</v>
      </c>
      <c r="U28" s="191">
        <v>0</v>
      </c>
      <c r="V28" s="191">
        <v>2</v>
      </c>
      <c r="W28" s="196">
        <v>2</v>
      </c>
      <c r="X28" s="195">
        <v>2</v>
      </c>
      <c r="Y28" s="190">
        <v>0</v>
      </c>
      <c r="Z28" s="191">
        <v>1</v>
      </c>
      <c r="AA28" s="196">
        <v>1</v>
      </c>
      <c r="AB28" s="193">
        <v>0</v>
      </c>
      <c r="AC28" s="191">
        <v>4</v>
      </c>
      <c r="AD28" s="191">
        <v>5</v>
      </c>
      <c r="AE28" s="191">
        <v>0</v>
      </c>
      <c r="AF28" s="191">
        <v>0</v>
      </c>
      <c r="AG28" s="191">
        <v>5</v>
      </c>
      <c r="AH28" s="196">
        <v>14</v>
      </c>
      <c r="AI28" s="195">
        <v>15</v>
      </c>
      <c r="AJ28" s="190">
        <v>1</v>
      </c>
      <c r="AK28" s="191">
        <v>1</v>
      </c>
      <c r="AL28" s="196">
        <v>2</v>
      </c>
      <c r="AM28" s="193">
        <v>0</v>
      </c>
      <c r="AN28" s="191">
        <v>1</v>
      </c>
      <c r="AO28" s="191">
        <v>0</v>
      </c>
      <c r="AP28" s="191">
        <v>0</v>
      </c>
      <c r="AQ28" s="191">
        <v>0</v>
      </c>
      <c r="AR28" s="191">
        <v>0</v>
      </c>
      <c r="AS28" s="196">
        <v>1</v>
      </c>
      <c r="AT28" s="195">
        <v>3</v>
      </c>
      <c r="AU28" s="190">
        <v>2</v>
      </c>
      <c r="AV28" s="191">
        <v>0</v>
      </c>
      <c r="AW28" s="196">
        <v>2</v>
      </c>
      <c r="AX28" s="193">
        <v>0</v>
      </c>
      <c r="AY28" s="191">
        <v>10</v>
      </c>
      <c r="AZ28" s="191">
        <v>4</v>
      </c>
      <c r="BA28" s="191">
        <v>5</v>
      </c>
      <c r="BB28" s="191">
        <v>4</v>
      </c>
      <c r="BC28" s="191">
        <v>4</v>
      </c>
      <c r="BD28" s="194">
        <v>27</v>
      </c>
      <c r="BE28" s="195">
        <v>29</v>
      </c>
      <c r="BF28" s="190">
        <v>0</v>
      </c>
      <c r="BG28" s="191">
        <v>0</v>
      </c>
      <c r="BH28" s="196">
        <v>0</v>
      </c>
      <c r="BI28" s="193">
        <v>0</v>
      </c>
      <c r="BJ28" s="191">
        <v>9</v>
      </c>
      <c r="BK28" s="191">
        <v>3</v>
      </c>
      <c r="BL28" s="191">
        <v>1</v>
      </c>
      <c r="BM28" s="191">
        <v>0</v>
      </c>
      <c r="BN28" s="191">
        <v>1</v>
      </c>
      <c r="BO28" s="196">
        <v>14</v>
      </c>
      <c r="BP28" s="195">
        <v>14</v>
      </c>
      <c r="BQ28" s="190">
        <v>0</v>
      </c>
      <c r="BR28" s="191">
        <v>0</v>
      </c>
      <c r="BS28" s="196">
        <v>0</v>
      </c>
      <c r="BT28" s="193">
        <v>0</v>
      </c>
      <c r="BU28" s="191">
        <v>3</v>
      </c>
      <c r="BV28" s="191">
        <v>3</v>
      </c>
      <c r="BW28" s="191">
        <v>0</v>
      </c>
      <c r="BX28" s="191">
        <v>0</v>
      </c>
      <c r="BY28" s="191">
        <v>0</v>
      </c>
      <c r="BZ28" s="196">
        <v>6</v>
      </c>
      <c r="CA28" s="195">
        <v>6</v>
      </c>
      <c r="CB28" s="190">
        <v>0</v>
      </c>
      <c r="CC28" s="191">
        <v>0</v>
      </c>
      <c r="CD28" s="196">
        <v>0</v>
      </c>
      <c r="CE28" s="193">
        <v>0</v>
      </c>
      <c r="CF28" s="191">
        <v>2</v>
      </c>
      <c r="CG28" s="191">
        <v>1</v>
      </c>
      <c r="CH28" s="191">
        <v>1</v>
      </c>
      <c r="CI28" s="191">
        <v>0</v>
      </c>
      <c r="CJ28" s="191">
        <v>0</v>
      </c>
      <c r="CK28" s="196">
        <v>4</v>
      </c>
      <c r="CL28" s="195">
        <v>4</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5</v>
      </c>
      <c r="DV28" s="196">
        <v>6</v>
      </c>
      <c r="DW28" s="193">
        <v>0</v>
      </c>
      <c r="DX28" s="191">
        <v>7</v>
      </c>
      <c r="DY28" s="191">
        <v>12</v>
      </c>
      <c r="DZ28" s="191">
        <v>2</v>
      </c>
      <c r="EA28" s="191">
        <v>0</v>
      </c>
      <c r="EB28" s="191">
        <v>6</v>
      </c>
      <c r="EC28" s="196">
        <v>27</v>
      </c>
      <c r="ED28" s="195">
        <v>33</v>
      </c>
      <c r="EE28" s="190">
        <v>1</v>
      </c>
      <c r="EF28" s="191">
        <v>1</v>
      </c>
      <c r="EG28" s="196">
        <v>2</v>
      </c>
      <c r="EH28" s="193">
        <v>0</v>
      </c>
      <c r="EI28" s="191">
        <v>8</v>
      </c>
      <c r="EJ28" s="191">
        <v>2</v>
      </c>
      <c r="EK28" s="191">
        <v>3</v>
      </c>
      <c r="EL28" s="191">
        <v>3</v>
      </c>
      <c r="EM28" s="191">
        <v>2</v>
      </c>
      <c r="EN28" s="196">
        <v>18</v>
      </c>
      <c r="EO28" s="195">
        <v>20</v>
      </c>
      <c r="EP28" s="190">
        <v>2</v>
      </c>
      <c r="EQ28" s="191">
        <v>7</v>
      </c>
      <c r="ER28" s="196">
        <v>9</v>
      </c>
      <c r="ES28" s="193">
        <v>0</v>
      </c>
      <c r="ET28" s="191">
        <v>23</v>
      </c>
      <c r="EU28" s="191">
        <v>12</v>
      </c>
      <c r="EV28" s="191">
        <v>3</v>
      </c>
      <c r="EW28" s="191">
        <v>0</v>
      </c>
      <c r="EX28" s="191">
        <v>6</v>
      </c>
      <c r="EY28" s="196">
        <v>44</v>
      </c>
      <c r="EZ28" s="195">
        <v>53</v>
      </c>
    </row>
    <row r="29" spans="2:156" ht="21" customHeight="1" x14ac:dyDescent="0.2">
      <c r="B29" s="106" t="s">
        <v>27</v>
      </c>
      <c r="C29" s="190">
        <v>0</v>
      </c>
      <c r="D29" s="191">
        <v>0</v>
      </c>
      <c r="E29" s="192">
        <v>0</v>
      </c>
      <c r="F29" s="193">
        <v>0</v>
      </c>
      <c r="G29" s="191">
        <v>1</v>
      </c>
      <c r="H29" s="191">
        <v>3</v>
      </c>
      <c r="I29" s="191">
        <v>4</v>
      </c>
      <c r="J29" s="191">
        <v>1</v>
      </c>
      <c r="K29" s="191">
        <v>0</v>
      </c>
      <c r="L29" s="194">
        <v>9</v>
      </c>
      <c r="M29" s="195">
        <v>9</v>
      </c>
      <c r="N29" s="190">
        <v>0</v>
      </c>
      <c r="O29" s="191">
        <v>0</v>
      </c>
      <c r="P29" s="196">
        <v>0</v>
      </c>
      <c r="Q29" s="193">
        <v>0</v>
      </c>
      <c r="R29" s="191">
        <v>0</v>
      </c>
      <c r="S29" s="191">
        <v>0</v>
      </c>
      <c r="T29" s="191">
        <v>1</v>
      </c>
      <c r="U29" s="191">
        <v>1</v>
      </c>
      <c r="V29" s="191">
        <v>0</v>
      </c>
      <c r="W29" s="196">
        <v>2</v>
      </c>
      <c r="X29" s="195">
        <v>2</v>
      </c>
      <c r="Y29" s="190">
        <v>1</v>
      </c>
      <c r="Z29" s="191">
        <v>2</v>
      </c>
      <c r="AA29" s="196">
        <v>3</v>
      </c>
      <c r="AB29" s="193">
        <v>0</v>
      </c>
      <c r="AC29" s="191">
        <v>0</v>
      </c>
      <c r="AD29" s="191">
        <v>3</v>
      </c>
      <c r="AE29" s="191">
        <v>5</v>
      </c>
      <c r="AF29" s="191">
        <v>2</v>
      </c>
      <c r="AG29" s="191">
        <v>0</v>
      </c>
      <c r="AH29" s="196">
        <v>10</v>
      </c>
      <c r="AI29" s="195">
        <v>13</v>
      </c>
      <c r="AJ29" s="190">
        <v>0</v>
      </c>
      <c r="AK29" s="191">
        <v>0</v>
      </c>
      <c r="AL29" s="196">
        <v>0</v>
      </c>
      <c r="AM29" s="193">
        <v>0</v>
      </c>
      <c r="AN29" s="191">
        <v>0</v>
      </c>
      <c r="AO29" s="191">
        <v>0</v>
      </c>
      <c r="AP29" s="191">
        <v>0</v>
      </c>
      <c r="AQ29" s="191">
        <v>0</v>
      </c>
      <c r="AR29" s="191">
        <v>0</v>
      </c>
      <c r="AS29" s="196">
        <v>0</v>
      </c>
      <c r="AT29" s="195">
        <v>0</v>
      </c>
      <c r="AU29" s="190">
        <v>0</v>
      </c>
      <c r="AV29" s="191">
        <v>1</v>
      </c>
      <c r="AW29" s="196">
        <v>1</v>
      </c>
      <c r="AX29" s="193">
        <v>0</v>
      </c>
      <c r="AY29" s="191">
        <v>4</v>
      </c>
      <c r="AZ29" s="191">
        <v>3</v>
      </c>
      <c r="BA29" s="191">
        <v>7</v>
      </c>
      <c r="BB29" s="191">
        <v>2</v>
      </c>
      <c r="BC29" s="191">
        <v>2</v>
      </c>
      <c r="BD29" s="194">
        <v>18</v>
      </c>
      <c r="BE29" s="195">
        <v>19</v>
      </c>
      <c r="BF29" s="190">
        <v>0</v>
      </c>
      <c r="BG29" s="191">
        <v>0</v>
      </c>
      <c r="BH29" s="196">
        <v>0</v>
      </c>
      <c r="BI29" s="193">
        <v>0</v>
      </c>
      <c r="BJ29" s="191">
        <v>3</v>
      </c>
      <c r="BK29" s="191">
        <v>3</v>
      </c>
      <c r="BL29" s="191">
        <v>3</v>
      </c>
      <c r="BM29" s="191">
        <v>3</v>
      </c>
      <c r="BN29" s="191">
        <v>0</v>
      </c>
      <c r="BO29" s="196">
        <v>12</v>
      </c>
      <c r="BP29" s="195">
        <v>12</v>
      </c>
      <c r="BQ29" s="190">
        <v>1</v>
      </c>
      <c r="BR29" s="191">
        <v>1</v>
      </c>
      <c r="BS29" s="196">
        <v>2</v>
      </c>
      <c r="BT29" s="193">
        <v>0</v>
      </c>
      <c r="BU29" s="191">
        <v>2</v>
      </c>
      <c r="BV29" s="191">
        <v>1</v>
      </c>
      <c r="BW29" s="191">
        <v>1</v>
      </c>
      <c r="BX29" s="191">
        <v>0</v>
      </c>
      <c r="BY29" s="191">
        <v>0</v>
      </c>
      <c r="BZ29" s="196">
        <v>4</v>
      </c>
      <c r="CA29" s="195">
        <v>6</v>
      </c>
      <c r="CB29" s="190">
        <v>0</v>
      </c>
      <c r="CC29" s="191">
        <v>0</v>
      </c>
      <c r="CD29" s="196">
        <v>0</v>
      </c>
      <c r="CE29" s="193">
        <v>0</v>
      </c>
      <c r="CF29" s="191">
        <v>1</v>
      </c>
      <c r="CG29" s="191">
        <v>0</v>
      </c>
      <c r="CH29" s="191">
        <v>2</v>
      </c>
      <c r="CI29" s="191">
        <v>2</v>
      </c>
      <c r="CJ29" s="191">
        <v>0</v>
      </c>
      <c r="CK29" s="196">
        <v>5</v>
      </c>
      <c r="CL29" s="195">
        <v>5</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5</v>
      </c>
      <c r="DU29" s="191">
        <v>10</v>
      </c>
      <c r="DV29" s="196">
        <v>15</v>
      </c>
      <c r="DW29" s="193">
        <v>0</v>
      </c>
      <c r="DX29" s="191">
        <v>1</v>
      </c>
      <c r="DY29" s="191">
        <v>7</v>
      </c>
      <c r="DZ29" s="191">
        <v>10</v>
      </c>
      <c r="EA29" s="191">
        <v>3</v>
      </c>
      <c r="EB29" s="191">
        <v>0</v>
      </c>
      <c r="EC29" s="196">
        <v>21</v>
      </c>
      <c r="ED29" s="195">
        <v>36</v>
      </c>
      <c r="EE29" s="190">
        <v>0</v>
      </c>
      <c r="EF29" s="191">
        <v>0</v>
      </c>
      <c r="EG29" s="196">
        <v>0</v>
      </c>
      <c r="EH29" s="193">
        <v>0</v>
      </c>
      <c r="EI29" s="191">
        <v>4</v>
      </c>
      <c r="EJ29" s="191">
        <v>2</v>
      </c>
      <c r="EK29" s="191">
        <v>3</v>
      </c>
      <c r="EL29" s="191">
        <v>2</v>
      </c>
      <c r="EM29" s="191">
        <v>2</v>
      </c>
      <c r="EN29" s="196">
        <v>13</v>
      </c>
      <c r="EO29" s="195">
        <v>13</v>
      </c>
      <c r="EP29" s="190">
        <v>6</v>
      </c>
      <c r="EQ29" s="191">
        <v>12</v>
      </c>
      <c r="ER29" s="196">
        <v>18</v>
      </c>
      <c r="ES29" s="193">
        <v>0</v>
      </c>
      <c r="ET29" s="191">
        <v>8</v>
      </c>
      <c r="EU29" s="191">
        <v>10</v>
      </c>
      <c r="EV29" s="191">
        <v>12</v>
      </c>
      <c r="EW29" s="191">
        <v>3</v>
      </c>
      <c r="EX29" s="191">
        <v>0</v>
      </c>
      <c r="EY29" s="196">
        <v>33</v>
      </c>
      <c r="EZ29" s="195">
        <v>51</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0</v>
      </c>
      <c r="AD30" s="191">
        <v>1</v>
      </c>
      <c r="AE30" s="191">
        <v>1</v>
      </c>
      <c r="AF30" s="191">
        <v>0</v>
      </c>
      <c r="AG30" s="191">
        <v>0</v>
      </c>
      <c r="AH30" s="196">
        <v>2</v>
      </c>
      <c r="AI30" s="195">
        <v>2</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1</v>
      </c>
      <c r="BB30" s="191">
        <v>2</v>
      </c>
      <c r="BC30" s="191">
        <v>1</v>
      </c>
      <c r="BD30" s="194">
        <v>7</v>
      </c>
      <c r="BE30" s="195">
        <v>7</v>
      </c>
      <c r="BF30" s="190">
        <v>0</v>
      </c>
      <c r="BG30" s="191">
        <v>0</v>
      </c>
      <c r="BH30" s="196">
        <v>0</v>
      </c>
      <c r="BI30" s="193">
        <v>0</v>
      </c>
      <c r="BJ30" s="191">
        <v>0</v>
      </c>
      <c r="BK30" s="191">
        <v>2</v>
      </c>
      <c r="BL30" s="191">
        <v>2</v>
      </c>
      <c r="BM30" s="191">
        <v>0</v>
      </c>
      <c r="BN30" s="191">
        <v>0</v>
      </c>
      <c r="BO30" s="196">
        <v>4</v>
      </c>
      <c r="BP30" s="195">
        <v>4</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1</v>
      </c>
      <c r="DY30" s="191">
        <v>3</v>
      </c>
      <c r="DZ30" s="191">
        <v>2</v>
      </c>
      <c r="EA30" s="191">
        <v>1</v>
      </c>
      <c r="EB30" s="191">
        <v>0</v>
      </c>
      <c r="EC30" s="196">
        <v>7</v>
      </c>
      <c r="ED30" s="195">
        <v>8</v>
      </c>
      <c r="EE30" s="190">
        <v>0</v>
      </c>
      <c r="EF30" s="191">
        <v>0</v>
      </c>
      <c r="EG30" s="196">
        <v>0</v>
      </c>
      <c r="EH30" s="193">
        <v>0</v>
      </c>
      <c r="EI30" s="191">
        <v>0</v>
      </c>
      <c r="EJ30" s="191">
        <v>0</v>
      </c>
      <c r="EK30" s="191">
        <v>0</v>
      </c>
      <c r="EL30" s="191">
        <v>1</v>
      </c>
      <c r="EM30" s="191">
        <v>1</v>
      </c>
      <c r="EN30" s="196">
        <v>2</v>
      </c>
      <c r="EO30" s="195">
        <v>2</v>
      </c>
      <c r="EP30" s="190">
        <v>0</v>
      </c>
      <c r="EQ30" s="191">
        <v>1</v>
      </c>
      <c r="ER30" s="196">
        <v>1</v>
      </c>
      <c r="ES30" s="193">
        <v>0</v>
      </c>
      <c r="ET30" s="191">
        <v>6</v>
      </c>
      <c r="EU30" s="191">
        <v>4</v>
      </c>
      <c r="EV30" s="191">
        <v>3</v>
      </c>
      <c r="EW30" s="191">
        <v>1</v>
      </c>
      <c r="EX30" s="191">
        <v>0</v>
      </c>
      <c r="EY30" s="196">
        <v>14</v>
      </c>
      <c r="EZ30" s="195">
        <v>15</v>
      </c>
    </row>
    <row r="31" spans="2:156" ht="21" customHeight="1" x14ac:dyDescent="0.2">
      <c r="B31" s="106" t="s">
        <v>29</v>
      </c>
      <c r="C31" s="190">
        <v>0</v>
      </c>
      <c r="D31" s="191">
        <v>0</v>
      </c>
      <c r="E31" s="192">
        <v>0</v>
      </c>
      <c r="F31" s="193">
        <v>0</v>
      </c>
      <c r="G31" s="191">
        <v>2</v>
      </c>
      <c r="H31" s="191">
        <v>2</v>
      </c>
      <c r="I31" s="191">
        <v>0</v>
      </c>
      <c r="J31" s="191">
        <v>1</v>
      </c>
      <c r="K31" s="191">
        <v>0</v>
      </c>
      <c r="L31" s="194">
        <v>5</v>
      </c>
      <c r="M31" s="195">
        <v>5</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4</v>
      </c>
      <c r="AD31" s="191">
        <v>2</v>
      </c>
      <c r="AE31" s="191">
        <v>3</v>
      </c>
      <c r="AF31" s="191">
        <v>0</v>
      </c>
      <c r="AG31" s="191">
        <v>0</v>
      </c>
      <c r="AH31" s="196">
        <v>9</v>
      </c>
      <c r="AI31" s="195">
        <v>11</v>
      </c>
      <c r="AJ31" s="190">
        <v>0</v>
      </c>
      <c r="AK31" s="191">
        <v>1</v>
      </c>
      <c r="AL31" s="196">
        <v>1</v>
      </c>
      <c r="AM31" s="193">
        <v>0</v>
      </c>
      <c r="AN31" s="191">
        <v>0</v>
      </c>
      <c r="AO31" s="191">
        <v>0</v>
      </c>
      <c r="AP31" s="191">
        <v>0</v>
      </c>
      <c r="AQ31" s="191">
        <v>1</v>
      </c>
      <c r="AR31" s="191">
        <v>0</v>
      </c>
      <c r="AS31" s="196">
        <v>1</v>
      </c>
      <c r="AT31" s="195">
        <v>2</v>
      </c>
      <c r="AU31" s="190">
        <v>0</v>
      </c>
      <c r="AV31" s="191">
        <v>0</v>
      </c>
      <c r="AW31" s="196">
        <v>0</v>
      </c>
      <c r="AX31" s="193">
        <v>0</v>
      </c>
      <c r="AY31" s="191">
        <v>4</v>
      </c>
      <c r="AZ31" s="191">
        <v>2</v>
      </c>
      <c r="BA31" s="191">
        <v>0</v>
      </c>
      <c r="BB31" s="191">
        <v>1</v>
      </c>
      <c r="BC31" s="191">
        <v>0</v>
      </c>
      <c r="BD31" s="194">
        <v>7</v>
      </c>
      <c r="BE31" s="195">
        <v>7</v>
      </c>
      <c r="BF31" s="190">
        <v>0</v>
      </c>
      <c r="BG31" s="191">
        <v>0</v>
      </c>
      <c r="BH31" s="196">
        <v>0</v>
      </c>
      <c r="BI31" s="193">
        <v>0</v>
      </c>
      <c r="BJ31" s="191">
        <v>2</v>
      </c>
      <c r="BK31" s="191">
        <v>1</v>
      </c>
      <c r="BL31" s="191">
        <v>0</v>
      </c>
      <c r="BM31" s="191">
        <v>0</v>
      </c>
      <c r="BN31" s="191">
        <v>0</v>
      </c>
      <c r="BO31" s="196">
        <v>3</v>
      </c>
      <c r="BP31" s="195">
        <v>3</v>
      </c>
      <c r="BQ31" s="190">
        <v>0</v>
      </c>
      <c r="BR31" s="191">
        <v>0</v>
      </c>
      <c r="BS31" s="196">
        <v>0</v>
      </c>
      <c r="BT31" s="193">
        <v>0</v>
      </c>
      <c r="BU31" s="191">
        <v>1</v>
      </c>
      <c r="BV31" s="191">
        <v>0</v>
      </c>
      <c r="BW31" s="191">
        <v>1</v>
      </c>
      <c r="BX31" s="191">
        <v>1</v>
      </c>
      <c r="BY31" s="191">
        <v>0</v>
      </c>
      <c r="BZ31" s="196">
        <v>3</v>
      </c>
      <c r="CA31" s="195">
        <v>3</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0</v>
      </c>
      <c r="DU31" s="191">
        <v>3</v>
      </c>
      <c r="DV31" s="196">
        <v>3</v>
      </c>
      <c r="DW31" s="193">
        <v>0</v>
      </c>
      <c r="DX31" s="191">
        <v>2</v>
      </c>
      <c r="DY31" s="191">
        <v>2</v>
      </c>
      <c r="DZ31" s="191">
        <v>2</v>
      </c>
      <c r="EA31" s="191">
        <v>2</v>
      </c>
      <c r="EB31" s="191">
        <v>0</v>
      </c>
      <c r="EC31" s="196">
        <v>8</v>
      </c>
      <c r="ED31" s="195">
        <v>11</v>
      </c>
      <c r="EE31" s="190">
        <v>1</v>
      </c>
      <c r="EF31" s="191">
        <v>0</v>
      </c>
      <c r="EG31" s="196">
        <v>1</v>
      </c>
      <c r="EH31" s="193">
        <v>0</v>
      </c>
      <c r="EI31" s="191">
        <v>0</v>
      </c>
      <c r="EJ31" s="191">
        <v>1</v>
      </c>
      <c r="EK31" s="191">
        <v>0</v>
      </c>
      <c r="EL31" s="191">
        <v>1</v>
      </c>
      <c r="EM31" s="191">
        <v>1</v>
      </c>
      <c r="EN31" s="196">
        <v>3</v>
      </c>
      <c r="EO31" s="195">
        <v>4</v>
      </c>
      <c r="EP31" s="190">
        <v>1</v>
      </c>
      <c r="EQ31" s="191">
        <v>4</v>
      </c>
      <c r="ER31" s="196">
        <v>5</v>
      </c>
      <c r="ES31" s="193">
        <v>0</v>
      </c>
      <c r="ET31" s="191">
        <v>7</v>
      </c>
      <c r="EU31" s="191">
        <v>2</v>
      </c>
      <c r="EV31" s="191">
        <v>3</v>
      </c>
      <c r="EW31" s="191">
        <v>2</v>
      </c>
      <c r="EX31" s="191">
        <v>0</v>
      </c>
      <c r="EY31" s="196">
        <v>14</v>
      </c>
      <c r="EZ31" s="195">
        <v>19</v>
      </c>
    </row>
    <row r="32" spans="2:156" ht="21" customHeight="1" x14ac:dyDescent="0.2">
      <c r="B32" s="106" t="s">
        <v>30</v>
      </c>
      <c r="C32" s="190">
        <v>0</v>
      </c>
      <c r="D32" s="191">
        <v>0</v>
      </c>
      <c r="E32" s="192">
        <v>0</v>
      </c>
      <c r="F32" s="193">
        <v>0</v>
      </c>
      <c r="G32" s="191">
        <v>2</v>
      </c>
      <c r="H32" s="191">
        <v>2</v>
      </c>
      <c r="I32" s="191">
        <v>1</v>
      </c>
      <c r="J32" s="191">
        <v>1</v>
      </c>
      <c r="K32" s="191">
        <v>0</v>
      </c>
      <c r="L32" s="194">
        <v>6</v>
      </c>
      <c r="M32" s="195">
        <v>6</v>
      </c>
      <c r="N32" s="190">
        <v>0</v>
      </c>
      <c r="O32" s="191">
        <v>0</v>
      </c>
      <c r="P32" s="196">
        <v>0</v>
      </c>
      <c r="Q32" s="193">
        <v>0</v>
      </c>
      <c r="R32" s="191">
        <v>1</v>
      </c>
      <c r="S32" s="191">
        <v>0</v>
      </c>
      <c r="T32" s="191">
        <v>1</v>
      </c>
      <c r="U32" s="191">
        <v>0</v>
      </c>
      <c r="V32" s="191">
        <v>0</v>
      </c>
      <c r="W32" s="196">
        <v>2</v>
      </c>
      <c r="X32" s="195">
        <v>2</v>
      </c>
      <c r="Y32" s="190">
        <v>0</v>
      </c>
      <c r="Z32" s="191">
        <v>0</v>
      </c>
      <c r="AA32" s="196">
        <v>0</v>
      </c>
      <c r="AB32" s="193">
        <v>0</v>
      </c>
      <c r="AC32" s="191">
        <v>1</v>
      </c>
      <c r="AD32" s="191">
        <v>1</v>
      </c>
      <c r="AE32" s="191">
        <v>1</v>
      </c>
      <c r="AF32" s="191">
        <v>0</v>
      </c>
      <c r="AG32" s="191">
        <v>0</v>
      </c>
      <c r="AH32" s="196">
        <v>3</v>
      </c>
      <c r="AI32" s="195">
        <v>3</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4</v>
      </c>
      <c r="AZ32" s="191">
        <v>2</v>
      </c>
      <c r="BA32" s="191">
        <v>2</v>
      </c>
      <c r="BB32" s="191">
        <v>0</v>
      </c>
      <c r="BC32" s="191">
        <v>0</v>
      </c>
      <c r="BD32" s="194">
        <v>8</v>
      </c>
      <c r="BE32" s="195">
        <v>8</v>
      </c>
      <c r="BF32" s="190">
        <v>0</v>
      </c>
      <c r="BG32" s="191">
        <v>0</v>
      </c>
      <c r="BH32" s="196">
        <v>0</v>
      </c>
      <c r="BI32" s="193">
        <v>0</v>
      </c>
      <c r="BJ32" s="191">
        <v>1</v>
      </c>
      <c r="BK32" s="191">
        <v>1</v>
      </c>
      <c r="BL32" s="191">
        <v>1</v>
      </c>
      <c r="BM32" s="191">
        <v>0</v>
      </c>
      <c r="BN32" s="191">
        <v>0</v>
      </c>
      <c r="BO32" s="196">
        <v>3</v>
      </c>
      <c r="BP32" s="195">
        <v>3</v>
      </c>
      <c r="BQ32" s="190">
        <v>0</v>
      </c>
      <c r="BR32" s="191">
        <v>0</v>
      </c>
      <c r="BS32" s="196">
        <v>0</v>
      </c>
      <c r="BT32" s="193">
        <v>0</v>
      </c>
      <c r="BU32" s="191">
        <v>1</v>
      </c>
      <c r="BV32" s="191">
        <v>0</v>
      </c>
      <c r="BW32" s="191">
        <v>0</v>
      </c>
      <c r="BX32" s="191">
        <v>2</v>
      </c>
      <c r="BY32" s="191">
        <v>0</v>
      </c>
      <c r="BZ32" s="196">
        <v>3</v>
      </c>
      <c r="CA32" s="195">
        <v>3</v>
      </c>
      <c r="CB32" s="190">
        <v>0</v>
      </c>
      <c r="CC32" s="191">
        <v>0</v>
      </c>
      <c r="CD32" s="196">
        <v>0</v>
      </c>
      <c r="CE32" s="193">
        <v>0</v>
      </c>
      <c r="CF32" s="191">
        <v>0</v>
      </c>
      <c r="CG32" s="191">
        <v>0</v>
      </c>
      <c r="CH32" s="191">
        <v>0</v>
      </c>
      <c r="CI32" s="191">
        <v>1</v>
      </c>
      <c r="CJ32" s="191">
        <v>0</v>
      </c>
      <c r="CK32" s="196">
        <v>1</v>
      </c>
      <c r="CL32" s="195">
        <v>1</v>
      </c>
      <c r="CM32" s="190">
        <v>0</v>
      </c>
      <c r="CN32" s="191">
        <v>0</v>
      </c>
      <c r="CO32" s="196">
        <v>0</v>
      </c>
      <c r="CP32" s="193">
        <v>0</v>
      </c>
      <c r="CQ32" s="191">
        <v>1</v>
      </c>
      <c r="CR32" s="191">
        <v>0</v>
      </c>
      <c r="CS32" s="191">
        <v>0</v>
      </c>
      <c r="CT32" s="191">
        <v>0</v>
      </c>
      <c r="CU32" s="191">
        <v>0</v>
      </c>
      <c r="CV32" s="196">
        <v>1</v>
      </c>
      <c r="CW32" s="195">
        <v>1</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2</v>
      </c>
      <c r="DU32" s="191">
        <v>0</v>
      </c>
      <c r="DV32" s="196">
        <v>2</v>
      </c>
      <c r="DW32" s="193">
        <v>0</v>
      </c>
      <c r="DX32" s="191">
        <v>1</v>
      </c>
      <c r="DY32" s="191">
        <v>3</v>
      </c>
      <c r="DZ32" s="191">
        <v>1</v>
      </c>
      <c r="EA32" s="191">
        <v>3</v>
      </c>
      <c r="EB32" s="191">
        <v>0</v>
      </c>
      <c r="EC32" s="196">
        <v>8</v>
      </c>
      <c r="ED32" s="195">
        <v>10</v>
      </c>
      <c r="EE32" s="190">
        <v>0</v>
      </c>
      <c r="EF32" s="191">
        <v>0</v>
      </c>
      <c r="EG32" s="196">
        <v>0</v>
      </c>
      <c r="EH32" s="193">
        <v>0</v>
      </c>
      <c r="EI32" s="191">
        <v>1</v>
      </c>
      <c r="EJ32" s="191">
        <v>1</v>
      </c>
      <c r="EK32" s="191">
        <v>3</v>
      </c>
      <c r="EL32" s="191">
        <v>0</v>
      </c>
      <c r="EM32" s="191">
        <v>0</v>
      </c>
      <c r="EN32" s="196">
        <v>5</v>
      </c>
      <c r="EO32" s="195">
        <v>5</v>
      </c>
      <c r="EP32" s="190">
        <v>2</v>
      </c>
      <c r="EQ32" s="191">
        <v>0</v>
      </c>
      <c r="ER32" s="196">
        <v>2</v>
      </c>
      <c r="ES32" s="193">
        <v>0</v>
      </c>
      <c r="ET32" s="191">
        <v>4</v>
      </c>
      <c r="EU32" s="191">
        <v>3</v>
      </c>
      <c r="EV32" s="191">
        <v>2</v>
      </c>
      <c r="EW32" s="191">
        <v>3</v>
      </c>
      <c r="EX32" s="191">
        <v>0</v>
      </c>
      <c r="EY32" s="196">
        <v>12</v>
      </c>
      <c r="EZ32" s="195">
        <v>14</v>
      </c>
    </row>
    <row r="33" spans="2:156" ht="21" customHeight="1" x14ac:dyDescent="0.2">
      <c r="B33" s="106" t="s">
        <v>31</v>
      </c>
      <c r="C33" s="190">
        <v>0</v>
      </c>
      <c r="D33" s="191">
        <v>0</v>
      </c>
      <c r="E33" s="192">
        <v>0</v>
      </c>
      <c r="F33" s="193">
        <v>0</v>
      </c>
      <c r="G33" s="191">
        <v>1</v>
      </c>
      <c r="H33" s="191">
        <v>0</v>
      </c>
      <c r="I33" s="191">
        <v>0</v>
      </c>
      <c r="J33" s="191">
        <v>0</v>
      </c>
      <c r="K33" s="191">
        <v>0</v>
      </c>
      <c r="L33" s="194">
        <v>1</v>
      </c>
      <c r="M33" s="195">
        <v>1</v>
      </c>
      <c r="N33" s="190">
        <v>0</v>
      </c>
      <c r="O33" s="191">
        <v>0</v>
      </c>
      <c r="P33" s="196">
        <v>0</v>
      </c>
      <c r="Q33" s="193">
        <v>0</v>
      </c>
      <c r="R33" s="191">
        <v>0</v>
      </c>
      <c r="S33" s="191">
        <v>0</v>
      </c>
      <c r="T33" s="191">
        <v>0</v>
      </c>
      <c r="U33" s="191">
        <v>0</v>
      </c>
      <c r="V33" s="191">
        <v>1</v>
      </c>
      <c r="W33" s="196">
        <v>1</v>
      </c>
      <c r="X33" s="195">
        <v>1</v>
      </c>
      <c r="Y33" s="190">
        <v>0</v>
      </c>
      <c r="Z33" s="191">
        <v>0</v>
      </c>
      <c r="AA33" s="196">
        <v>0</v>
      </c>
      <c r="AB33" s="193">
        <v>0</v>
      </c>
      <c r="AC33" s="191">
        <v>2</v>
      </c>
      <c r="AD33" s="191">
        <v>0</v>
      </c>
      <c r="AE33" s="191">
        <v>2</v>
      </c>
      <c r="AF33" s="191">
        <v>0</v>
      </c>
      <c r="AG33" s="191">
        <v>1</v>
      </c>
      <c r="AH33" s="196">
        <v>5</v>
      </c>
      <c r="AI33" s="195">
        <v>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1</v>
      </c>
      <c r="BA33" s="191">
        <v>0</v>
      </c>
      <c r="BB33" s="191">
        <v>0</v>
      </c>
      <c r="BC33" s="191">
        <v>0</v>
      </c>
      <c r="BD33" s="194">
        <v>1</v>
      </c>
      <c r="BE33" s="195">
        <v>1</v>
      </c>
      <c r="BF33" s="190">
        <v>0</v>
      </c>
      <c r="BG33" s="191">
        <v>0</v>
      </c>
      <c r="BH33" s="196">
        <v>0</v>
      </c>
      <c r="BI33" s="193">
        <v>0</v>
      </c>
      <c r="BJ33" s="191">
        <v>2</v>
      </c>
      <c r="BK33" s="191">
        <v>1</v>
      </c>
      <c r="BL33" s="191">
        <v>3</v>
      </c>
      <c r="BM33" s="191">
        <v>0</v>
      </c>
      <c r="BN33" s="191">
        <v>0</v>
      </c>
      <c r="BO33" s="196">
        <v>6</v>
      </c>
      <c r="BP33" s="195">
        <v>6</v>
      </c>
      <c r="BQ33" s="190">
        <v>0</v>
      </c>
      <c r="BR33" s="191">
        <v>1</v>
      </c>
      <c r="BS33" s="196">
        <v>1</v>
      </c>
      <c r="BT33" s="193">
        <v>0</v>
      </c>
      <c r="BU33" s="191">
        <v>2</v>
      </c>
      <c r="BV33" s="191">
        <v>0</v>
      </c>
      <c r="BW33" s="191">
        <v>1</v>
      </c>
      <c r="BX33" s="191">
        <v>0</v>
      </c>
      <c r="BY33" s="191">
        <v>0</v>
      </c>
      <c r="BZ33" s="196">
        <v>3</v>
      </c>
      <c r="CA33" s="195">
        <v>4</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1</v>
      </c>
      <c r="DV33" s="196">
        <v>2</v>
      </c>
      <c r="DW33" s="193">
        <v>0</v>
      </c>
      <c r="DX33" s="191">
        <v>3</v>
      </c>
      <c r="DY33" s="191">
        <v>2</v>
      </c>
      <c r="DZ33" s="191">
        <v>4</v>
      </c>
      <c r="EA33" s="191">
        <v>0</v>
      </c>
      <c r="EB33" s="191">
        <v>1</v>
      </c>
      <c r="EC33" s="196">
        <v>10</v>
      </c>
      <c r="ED33" s="195">
        <v>12</v>
      </c>
      <c r="EE33" s="190">
        <v>0</v>
      </c>
      <c r="EF33" s="191">
        <v>0</v>
      </c>
      <c r="EG33" s="196">
        <v>0</v>
      </c>
      <c r="EH33" s="193">
        <v>0</v>
      </c>
      <c r="EI33" s="191">
        <v>0</v>
      </c>
      <c r="EJ33" s="191">
        <v>1</v>
      </c>
      <c r="EK33" s="191">
        <v>0</v>
      </c>
      <c r="EL33" s="191">
        <v>0</v>
      </c>
      <c r="EM33" s="191">
        <v>0</v>
      </c>
      <c r="EN33" s="196">
        <v>1</v>
      </c>
      <c r="EO33" s="195">
        <v>1</v>
      </c>
      <c r="EP33" s="190">
        <v>1</v>
      </c>
      <c r="EQ33" s="191">
        <v>2</v>
      </c>
      <c r="ER33" s="196">
        <v>3</v>
      </c>
      <c r="ES33" s="193">
        <v>0</v>
      </c>
      <c r="ET33" s="191">
        <v>7</v>
      </c>
      <c r="EU33" s="191">
        <v>4</v>
      </c>
      <c r="EV33" s="191">
        <v>5</v>
      </c>
      <c r="EW33" s="191">
        <v>0</v>
      </c>
      <c r="EX33" s="191">
        <v>1</v>
      </c>
      <c r="EY33" s="196">
        <v>17</v>
      </c>
      <c r="EZ33" s="195">
        <v>20</v>
      </c>
    </row>
    <row r="34" spans="2:156" ht="21" customHeight="1" x14ac:dyDescent="0.2">
      <c r="B34" s="106" t="s">
        <v>32</v>
      </c>
      <c r="C34" s="190">
        <v>0</v>
      </c>
      <c r="D34" s="191">
        <v>0</v>
      </c>
      <c r="E34" s="192">
        <v>0</v>
      </c>
      <c r="F34" s="193">
        <v>0</v>
      </c>
      <c r="G34" s="191">
        <v>1</v>
      </c>
      <c r="H34" s="191">
        <v>1</v>
      </c>
      <c r="I34" s="191">
        <v>1</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0</v>
      </c>
      <c r="Z34" s="191">
        <v>2</v>
      </c>
      <c r="AA34" s="196">
        <v>2</v>
      </c>
      <c r="AB34" s="193">
        <v>0</v>
      </c>
      <c r="AC34" s="191">
        <v>4</v>
      </c>
      <c r="AD34" s="191">
        <v>2</v>
      </c>
      <c r="AE34" s="191">
        <v>0</v>
      </c>
      <c r="AF34" s="191">
        <v>0</v>
      </c>
      <c r="AG34" s="191">
        <v>1</v>
      </c>
      <c r="AH34" s="196">
        <v>7</v>
      </c>
      <c r="AI34" s="195">
        <v>9</v>
      </c>
      <c r="AJ34" s="190">
        <v>0</v>
      </c>
      <c r="AK34" s="191">
        <v>0</v>
      </c>
      <c r="AL34" s="196">
        <v>0</v>
      </c>
      <c r="AM34" s="193">
        <v>0</v>
      </c>
      <c r="AN34" s="191">
        <v>0</v>
      </c>
      <c r="AO34" s="191">
        <v>1</v>
      </c>
      <c r="AP34" s="191">
        <v>0</v>
      </c>
      <c r="AQ34" s="191">
        <v>1</v>
      </c>
      <c r="AR34" s="191">
        <v>0</v>
      </c>
      <c r="AS34" s="196">
        <v>2</v>
      </c>
      <c r="AT34" s="195">
        <v>2</v>
      </c>
      <c r="AU34" s="190">
        <v>0</v>
      </c>
      <c r="AV34" s="191">
        <v>0</v>
      </c>
      <c r="AW34" s="196">
        <v>0</v>
      </c>
      <c r="AX34" s="193">
        <v>0</v>
      </c>
      <c r="AY34" s="191">
        <v>0</v>
      </c>
      <c r="AZ34" s="191">
        <v>3</v>
      </c>
      <c r="BA34" s="191">
        <v>2</v>
      </c>
      <c r="BB34" s="191">
        <v>2</v>
      </c>
      <c r="BC34" s="191">
        <v>3</v>
      </c>
      <c r="BD34" s="194">
        <v>10</v>
      </c>
      <c r="BE34" s="195">
        <v>10</v>
      </c>
      <c r="BF34" s="190">
        <v>0</v>
      </c>
      <c r="BG34" s="191">
        <v>0</v>
      </c>
      <c r="BH34" s="196">
        <v>0</v>
      </c>
      <c r="BI34" s="193">
        <v>0</v>
      </c>
      <c r="BJ34" s="191">
        <v>3</v>
      </c>
      <c r="BK34" s="191">
        <v>4</v>
      </c>
      <c r="BL34" s="191">
        <v>1</v>
      </c>
      <c r="BM34" s="191">
        <v>2</v>
      </c>
      <c r="BN34" s="191">
        <v>2</v>
      </c>
      <c r="BO34" s="196">
        <v>12</v>
      </c>
      <c r="BP34" s="195">
        <v>12</v>
      </c>
      <c r="BQ34" s="190">
        <v>0</v>
      </c>
      <c r="BR34" s="191">
        <v>0</v>
      </c>
      <c r="BS34" s="196">
        <v>0</v>
      </c>
      <c r="BT34" s="193">
        <v>0</v>
      </c>
      <c r="BU34" s="191">
        <v>0</v>
      </c>
      <c r="BV34" s="191">
        <v>1</v>
      </c>
      <c r="BW34" s="191">
        <v>0</v>
      </c>
      <c r="BX34" s="191">
        <v>2</v>
      </c>
      <c r="BY34" s="191">
        <v>1</v>
      </c>
      <c r="BZ34" s="196">
        <v>4</v>
      </c>
      <c r="CA34" s="195">
        <v>4</v>
      </c>
      <c r="CB34" s="190">
        <v>0</v>
      </c>
      <c r="CC34" s="191">
        <v>0</v>
      </c>
      <c r="CD34" s="196">
        <v>0</v>
      </c>
      <c r="CE34" s="193">
        <v>0</v>
      </c>
      <c r="CF34" s="191">
        <v>0</v>
      </c>
      <c r="CG34" s="191">
        <v>2</v>
      </c>
      <c r="CH34" s="191">
        <v>0</v>
      </c>
      <c r="CI34" s="191">
        <v>1</v>
      </c>
      <c r="CJ34" s="191">
        <v>1</v>
      </c>
      <c r="CK34" s="196">
        <v>4</v>
      </c>
      <c r="CL34" s="195">
        <v>4</v>
      </c>
      <c r="CM34" s="190">
        <v>0</v>
      </c>
      <c r="CN34" s="191">
        <v>0</v>
      </c>
      <c r="CO34" s="196">
        <v>0</v>
      </c>
      <c r="CP34" s="193">
        <v>0</v>
      </c>
      <c r="CQ34" s="191">
        <v>0</v>
      </c>
      <c r="CR34" s="191">
        <v>0</v>
      </c>
      <c r="CS34" s="191">
        <v>0</v>
      </c>
      <c r="CT34" s="191">
        <v>0</v>
      </c>
      <c r="CU34" s="191">
        <v>1</v>
      </c>
      <c r="CV34" s="196">
        <v>1</v>
      </c>
      <c r="CW34" s="195">
        <v>1</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2</v>
      </c>
      <c r="DU34" s="191">
        <v>2</v>
      </c>
      <c r="DV34" s="196">
        <v>4</v>
      </c>
      <c r="DW34" s="193">
        <v>0</v>
      </c>
      <c r="DX34" s="191">
        <v>3</v>
      </c>
      <c r="DY34" s="191">
        <v>6</v>
      </c>
      <c r="DZ34" s="191">
        <v>3</v>
      </c>
      <c r="EA34" s="191">
        <v>2</v>
      </c>
      <c r="EB34" s="191">
        <v>2</v>
      </c>
      <c r="EC34" s="196">
        <v>16</v>
      </c>
      <c r="ED34" s="195">
        <v>20</v>
      </c>
      <c r="EE34" s="190">
        <v>0</v>
      </c>
      <c r="EF34" s="191">
        <v>0</v>
      </c>
      <c r="EG34" s="196">
        <v>0</v>
      </c>
      <c r="EH34" s="193">
        <v>0</v>
      </c>
      <c r="EI34" s="191">
        <v>1</v>
      </c>
      <c r="EJ34" s="191">
        <v>0</v>
      </c>
      <c r="EK34" s="191">
        <v>1</v>
      </c>
      <c r="EL34" s="191">
        <v>2</v>
      </c>
      <c r="EM34" s="191">
        <v>1</v>
      </c>
      <c r="EN34" s="196">
        <v>5</v>
      </c>
      <c r="EO34" s="195">
        <v>5</v>
      </c>
      <c r="EP34" s="190">
        <v>2</v>
      </c>
      <c r="EQ34" s="191">
        <v>3</v>
      </c>
      <c r="ER34" s="196">
        <v>5</v>
      </c>
      <c r="ES34" s="193">
        <v>0</v>
      </c>
      <c r="ET34" s="191">
        <v>11</v>
      </c>
      <c r="EU34" s="191">
        <v>7</v>
      </c>
      <c r="EV34" s="191">
        <v>3</v>
      </c>
      <c r="EW34" s="191">
        <v>2</v>
      </c>
      <c r="EX34" s="191">
        <v>2</v>
      </c>
      <c r="EY34" s="196">
        <v>25</v>
      </c>
      <c r="EZ34" s="195">
        <v>30</v>
      </c>
    </row>
    <row r="35" spans="2:156" ht="21" customHeight="1" x14ac:dyDescent="0.2">
      <c r="B35" s="106" t="s">
        <v>33</v>
      </c>
      <c r="C35" s="190">
        <v>0</v>
      </c>
      <c r="D35" s="191">
        <v>0</v>
      </c>
      <c r="E35" s="192">
        <v>0</v>
      </c>
      <c r="F35" s="193">
        <v>0</v>
      </c>
      <c r="G35" s="191">
        <v>1</v>
      </c>
      <c r="H35" s="191">
        <v>0</v>
      </c>
      <c r="I35" s="191">
        <v>0</v>
      </c>
      <c r="J35" s="191">
        <v>0</v>
      </c>
      <c r="K35" s="191">
        <v>1</v>
      </c>
      <c r="L35" s="194">
        <v>2</v>
      </c>
      <c r="M35" s="195">
        <v>2</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2</v>
      </c>
      <c r="AE35" s="191">
        <v>0</v>
      </c>
      <c r="AF35" s="191">
        <v>0</v>
      </c>
      <c r="AG35" s="191">
        <v>1</v>
      </c>
      <c r="AH35" s="196">
        <v>4</v>
      </c>
      <c r="AI35" s="195">
        <v>4</v>
      </c>
      <c r="AJ35" s="190">
        <v>0</v>
      </c>
      <c r="AK35" s="191">
        <v>1</v>
      </c>
      <c r="AL35" s="196">
        <v>1</v>
      </c>
      <c r="AM35" s="193">
        <v>0</v>
      </c>
      <c r="AN35" s="191">
        <v>2</v>
      </c>
      <c r="AO35" s="191">
        <v>1</v>
      </c>
      <c r="AP35" s="191">
        <v>1</v>
      </c>
      <c r="AQ35" s="191">
        <v>1</v>
      </c>
      <c r="AR35" s="191">
        <v>0</v>
      </c>
      <c r="AS35" s="196">
        <v>5</v>
      </c>
      <c r="AT35" s="195">
        <v>6</v>
      </c>
      <c r="AU35" s="190">
        <v>0</v>
      </c>
      <c r="AV35" s="191">
        <v>1</v>
      </c>
      <c r="AW35" s="196">
        <v>1</v>
      </c>
      <c r="AX35" s="193">
        <v>0</v>
      </c>
      <c r="AY35" s="191">
        <v>3</v>
      </c>
      <c r="AZ35" s="191">
        <v>1</v>
      </c>
      <c r="BA35" s="191">
        <v>5</v>
      </c>
      <c r="BB35" s="191">
        <v>2</v>
      </c>
      <c r="BC35" s="191">
        <v>2</v>
      </c>
      <c r="BD35" s="194">
        <v>13</v>
      </c>
      <c r="BE35" s="195">
        <v>14</v>
      </c>
      <c r="BF35" s="190">
        <v>0</v>
      </c>
      <c r="BG35" s="191">
        <v>0</v>
      </c>
      <c r="BH35" s="196">
        <v>0</v>
      </c>
      <c r="BI35" s="193">
        <v>0</v>
      </c>
      <c r="BJ35" s="191">
        <v>2</v>
      </c>
      <c r="BK35" s="191">
        <v>0</v>
      </c>
      <c r="BL35" s="191">
        <v>0</v>
      </c>
      <c r="BM35" s="191">
        <v>0</v>
      </c>
      <c r="BN35" s="191">
        <v>1</v>
      </c>
      <c r="BO35" s="196">
        <v>3</v>
      </c>
      <c r="BP35" s="195">
        <v>3</v>
      </c>
      <c r="BQ35" s="190">
        <v>1</v>
      </c>
      <c r="BR35" s="191">
        <v>0</v>
      </c>
      <c r="BS35" s="196">
        <v>1</v>
      </c>
      <c r="BT35" s="193">
        <v>0</v>
      </c>
      <c r="BU35" s="191">
        <v>1</v>
      </c>
      <c r="BV35" s="191">
        <v>0</v>
      </c>
      <c r="BW35" s="191">
        <v>1</v>
      </c>
      <c r="BX35" s="191">
        <v>0</v>
      </c>
      <c r="BY35" s="191">
        <v>0</v>
      </c>
      <c r="BZ35" s="196">
        <v>2</v>
      </c>
      <c r="CA35" s="195">
        <v>3</v>
      </c>
      <c r="CB35" s="190">
        <v>0</v>
      </c>
      <c r="CC35" s="191">
        <v>0</v>
      </c>
      <c r="CD35" s="196">
        <v>0</v>
      </c>
      <c r="CE35" s="193">
        <v>0</v>
      </c>
      <c r="CF35" s="191">
        <v>1</v>
      </c>
      <c r="CG35" s="191">
        <v>0</v>
      </c>
      <c r="CH35" s="191">
        <v>1</v>
      </c>
      <c r="CI35" s="191">
        <v>1</v>
      </c>
      <c r="CJ35" s="191">
        <v>0</v>
      </c>
      <c r="CK35" s="196">
        <v>3</v>
      </c>
      <c r="CL35" s="195">
        <v>3</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0</v>
      </c>
      <c r="DU35" s="191">
        <v>2</v>
      </c>
      <c r="DV35" s="196">
        <v>2</v>
      </c>
      <c r="DW35" s="193">
        <v>0</v>
      </c>
      <c r="DX35" s="191">
        <v>3</v>
      </c>
      <c r="DY35" s="191">
        <v>2</v>
      </c>
      <c r="DZ35" s="191">
        <v>2</v>
      </c>
      <c r="EA35" s="191">
        <v>2</v>
      </c>
      <c r="EB35" s="191">
        <v>2</v>
      </c>
      <c r="EC35" s="196">
        <v>11</v>
      </c>
      <c r="ED35" s="195">
        <v>13</v>
      </c>
      <c r="EE35" s="190">
        <v>0</v>
      </c>
      <c r="EF35" s="191">
        <v>2</v>
      </c>
      <c r="EG35" s="196">
        <v>2</v>
      </c>
      <c r="EH35" s="193">
        <v>0</v>
      </c>
      <c r="EI35" s="191">
        <v>1</v>
      </c>
      <c r="EJ35" s="191">
        <v>0</v>
      </c>
      <c r="EK35" s="191">
        <v>4</v>
      </c>
      <c r="EL35" s="191">
        <v>2</v>
      </c>
      <c r="EM35" s="191">
        <v>1</v>
      </c>
      <c r="EN35" s="196">
        <v>8</v>
      </c>
      <c r="EO35" s="195">
        <v>10</v>
      </c>
      <c r="EP35" s="190">
        <v>1</v>
      </c>
      <c r="EQ35" s="191">
        <v>2</v>
      </c>
      <c r="ER35" s="196">
        <v>3</v>
      </c>
      <c r="ES35" s="193">
        <v>0</v>
      </c>
      <c r="ET35" s="191">
        <v>8</v>
      </c>
      <c r="EU35" s="191">
        <v>2</v>
      </c>
      <c r="EV35" s="191">
        <v>2</v>
      </c>
      <c r="EW35" s="191">
        <v>2</v>
      </c>
      <c r="EX35" s="191">
        <v>1</v>
      </c>
      <c r="EY35" s="196">
        <v>15</v>
      </c>
      <c r="EZ35" s="195">
        <v>18</v>
      </c>
    </row>
    <row r="36" spans="2:156" ht="21" customHeight="1" x14ac:dyDescent="0.2">
      <c r="B36" s="106" t="s">
        <v>34</v>
      </c>
      <c r="C36" s="190">
        <v>0</v>
      </c>
      <c r="D36" s="191">
        <v>0</v>
      </c>
      <c r="E36" s="192">
        <v>0</v>
      </c>
      <c r="F36" s="193">
        <v>0</v>
      </c>
      <c r="G36" s="191">
        <v>1</v>
      </c>
      <c r="H36" s="191">
        <v>0</v>
      </c>
      <c r="I36" s="191">
        <v>0</v>
      </c>
      <c r="J36" s="191">
        <v>0</v>
      </c>
      <c r="K36" s="191">
        <v>0</v>
      </c>
      <c r="L36" s="194">
        <v>1</v>
      </c>
      <c r="M36" s="195">
        <v>1</v>
      </c>
      <c r="N36" s="190">
        <v>0</v>
      </c>
      <c r="O36" s="191">
        <v>0</v>
      </c>
      <c r="P36" s="196">
        <v>0</v>
      </c>
      <c r="Q36" s="193">
        <v>0</v>
      </c>
      <c r="R36" s="191">
        <v>0</v>
      </c>
      <c r="S36" s="191">
        <v>0</v>
      </c>
      <c r="T36" s="191">
        <v>0</v>
      </c>
      <c r="U36" s="191">
        <v>0</v>
      </c>
      <c r="V36" s="191">
        <v>0</v>
      </c>
      <c r="W36" s="196">
        <v>0</v>
      </c>
      <c r="X36" s="195">
        <v>0</v>
      </c>
      <c r="Y36" s="190">
        <v>0</v>
      </c>
      <c r="Z36" s="191">
        <v>1</v>
      </c>
      <c r="AA36" s="196">
        <v>1</v>
      </c>
      <c r="AB36" s="193">
        <v>0</v>
      </c>
      <c r="AC36" s="191">
        <v>0</v>
      </c>
      <c r="AD36" s="191">
        <v>0</v>
      </c>
      <c r="AE36" s="191">
        <v>0</v>
      </c>
      <c r="AF36" s="191">
        <v>0</v>
      </c>
      <c r="AG36" s="191">
        <v>0</v>
      </c>
      <c r="AH36" s="196">
        <v>0</v>
      </c>
      <c r="AI36" s="195">
        <v>1</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0</v>
      </c>
      <c r="BA36" s="191">
        <v>1</v>
      </c>
      <c r="BB36" s="191">
        <v>0</v>
      </c>
      <c r="BC36" s="191">
        <v>0</v>
      </c>
      <c r="BD36" s="194">
        <v>3</v>
      </c>
      <c r="BE36" s="195">
        <v>3</v>
      </c>
      <c r="BF36" s="190">
        <v>0</v>
      </c>
      <c r="BG36" s="191">
        <v>0</v>
      </c>
      <c r="BH36" s="196">
        <v>0</v>
      </c>
      <c r="BI36" s="193">
        <v>0</v>
      </c>
      <c r="BJ36" s="191">
        <v>0</v>
      </c>
      <c r="BK36" s="191">
        <v>2</v>
      </c>
      <c r="BL36" s="191">
        <v>1</v>
      </c>
      <c r="BM36" s="191">
        <v>0</v>
      </c>
      <c r="BN36" s="191">
        <v>0</v>
      </c>
      <c r="BO36" s="196">
        <v>3</v>
      </c>
      <c r="BP36" s="195">
        <v>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0</v>
      </c>
      <c r="DU36" s="191">
        <v>1</v>
      </c>
      <c r="DV36" s="196">
        <v>1</v>
      </c>
      <c r="DW36" s="193">
        <v>0</v>
      </c>
      <c r="DX36" s="191">
        <v>1</v>
      </c>
      <c r="DY36" s="191">
        <v>2</v>
      </c>
      <c r="DZ36" s="191">
        <v>0</v>
      </c>
      <c r="EA36" s="191">
        <v>0</v>
      </c>
      <c r="EB36" s="191">
        <v>0</v>
      </c>
      <c r="EC36" s="196">
        <v>3</v>
      </c>
      <c r="ED36" s="195">
        <v>4</v>
      </c>
      <c r="EE36" s="190">
        <v>0</v>
      </c>
      <c r="EF36" s="191">
        <v>0</v>
      </c>
      <c r="EG36" s="196">
        <v>0</v>
      </c>
      <c r="EH36" s="193">
        <v>0</v>
      </c>
      <c r="EI36" s="191">
        <v>0</v>
      </c>
      <c r="EJ36" s="191">
        <v>0</v>
      </c>
      <c r="EK36" s="191">
        <v>2</v>
      </c>
      <c r="EL36" s="191">
        <v>0</v>
      </c>
      <c r="EM36" s="191">
        <v>0</v>
      </c>
      <c r="EN36" s="196">
        <v>2</v>
      </c>
      <c r="EO36" s="195">
        <v>2</v>
      </c>
      <c r="EP36" s="190">
        <v>0</v>
      </c>
      <c r="EQ36" s="191">
        <v>1</v>
      </c>
      <c r="ER36" s="196">
        <v>1</v>
      </c>
      <c r="ES36" s="193">
        <v>0</v>
      </c>
      <c r="ET36" s="191">
        <v>1</v>
      </c>
      <c r="EU36" s="191">
        <v>2</v>
      </c>
      <c r="EV36" s="191">
        <v>1</v>
      </c>
      <c r="EW36" s="191">
        <v>0</v>
      </c>
      <c r="EX36" s="191">
        <v>0</v>
      </c>
      <c r="EY36" s="196">
        <v>4</v>
      </c>
      <c r="EZ36" s="195">
        <v>5</v>
      </c>
    </row>
    <row r="37" spans="2:156" ht="21" customHeight="1" x14ac:dyDescent="0.2">
      <c r="B37" s="106" t="s">
        <v>35</v>
      </c>
      <c r="C37" s="190">
        <v>0</v>
      </c>
      <c r="D37" s="191">
        <v>0</v>
      </c>
      <c r="E37" s="192">
        <v>0</v>
      </c>
      <c r="F37" s="193">
        <v>0</v>
      </c>
      <c r="G37" s="191">
        <v>2</v>
      </c>
      <c r="H37" s="191">
        <v>5</v>
      </c>
      <c r="I37" s="191">
        <v>1</v>
      </c>
      <c r="J37" s="191">
        <v>0</v>
      </c>
      <c r="K37" s="191">
        <v>0</v>
      </c>
      <c r="L37" s="194">
        <v>8</v>
      </c>
      <c r="M37" s="195">
        <v>8</v>
      </c>
      <c r="N37" s="190">
        <v>0</v>
      </c>
      <c r="O37" s="191">
        <v>0</v>
      </c>
      <c r="P37" s="196">
        <v>0</v>
      </c>
      <c r="Q37" s="193">
        <v>0</v>
      </c>
      <c r="R37" s="191">
        <v>0</v>
      </c>
      <c r="S37" s="191">
        <v>0</v>
      </c>
      <c r="T37" s="191">
        <v>0</v>
      </c>
      <c r="U37" s="191">
        <v>0</v>
      </c>
      <c r="V37" s="191">
        <v>0</v>
      </c>
      <c r="W37" s="196">
        <v>0</v>
      </c>
      <c r="X37" s="195">
        <v>0</v>
      </c>
      <c r="Y37" s="190">
        <v>1</v>
      </c>
      <c r="Z37" s="191">
        <v>2</v>
      </c>
      <c r="AA37" s="196">
        <v>3</v>
      </c>
      <c r="AB37" s="193">
        <v>0</v>
      </c>
      <c r="AC37" s="191">
        <v>3</v>
      </c>
      <c r="AD37" s="191">
        <v>3</v>
      </c>
      <c r="AE37" s="191">
        <v>3</v>
      </c>
      <c r="AF37" s="191">
        <v>0</v>
      </c>
      <c r="AG37" s="191">
        <v>1</v>
      </c>
      <c r="AH37" s="196">
        <v>10</v>
      </c>
      <c r="AI37" s="195">
        <v>13</v>
      </c>
      <c r="AJ37" s="190">
        <v>1</v>
      </c>
      <c r="AK37" s="191">
        <v>1</v>
      </c>
      <c r="AL37" s="196">
        <v>2</v>
      </c>
      <c r="AM37" s="193">
        <v>0</v>
      </c>
      <c r="AN37" s="191">
        <v>1</v>
      </c>
      <c r="AO37" s="191">
        <v>0</v>
      </c>
      <c r="AP37" s="191">
        <v>0</v>
      </c>
      <c r="AQ37" s="191">
        <v>1</v>
      </c>
      <c r="AR37" s="191">
        <v>0</v>
      </c>
      <c r="AS37" s="196">
        <v>2</v>
      </c>
      <c r="AT37" s="195">
        <v>4</v>
      </c>
      <c r="AU37" s="190">
        <v>3</v>
      </c>
      <c r="AV37" s="191">
        <v>3</v>
      </c>
      <c r="AW37" s="196">
        <v>6</v>
      </c>
      <c r="AX37" s="193">
        <v>0</v>
      </c>
      <c r="AY37" s="191">
        <v>5</v>
      </c>
      <c r="AZ37" s="191">
        <v>2</v>
      </c>
      <c r="BA37" s="191">
        <v>6</v>
      </c>
      <c r="BB37" s="191">
        <v>2</v>
      </c>
      <c r="BC37" s="191">
        <v>1</v>
      </c>
      <c r="BD37" s="194">
        <v>16</v>
      </c>
      <c r="BE37" s="195">
        <v>22</v>
      </c>
      <c r="BF37" s="190">
        <v>0</v>
      </c>
      <c r="BG37" s="191">
        <v>0</v>
      </c>
      <c r="BH37" s="196">
        <v>0</v>
      </c>
      <c r="BI37" s="193">
        <v>0</v>
      </c>
      <c r="BJ37" s="191">
        <v>2</v>
      </c>
      <c r="BK37" s="191">
        <v>1</v>
      </c>
      <c r="BL37" s="191">
        <v>1</v>
      </c>
      <c r="BM37" s="191">
        <v>1</v>
      </c>
      <c r="BN37" s="191">
        <v>1</v>
      </c>
      <c r="BO37" s="196">
        <v>6</v>
      </c>
      <c r="BP37" s="195">
        <v>6</v>
      </c>
      <c r="BQ37" s="190">
        <v>0</v>
      </c>
      <c r="BR37" s="191">
        <v>3</v>
      </c>
      <c r="BS37" s="196">
        <v>3</v>
      </c>
      <c r="BT37" s="193">
        <v>0</v>
      </c>
      <c r="BU37" s="191">
        <v>3</v>
      </c>
      <c r="BV37" s="191">
        <v>3</v>
      </c>
      <c r="BW37" s="191">
        <v>2</v>
      </c>
      <c r="BX37" s="191">
        <v>0</v>
      </c>
      <c r="BY37" s="191">
        <v>0</v>
      </c>
      <c r="BZ37" s="196">
        <v>8</v>
      </c>
      <c r="CA37" s="195">
        <v>11</v>
      </c>
      <c r="CB37" s="190">
        <v>0</v>
      </c>
      <c r="CC37" s="191">
        <v>0</v>
      </c>
      <c r="CD37" s="196">
        <v>0</v>
      </c>
      <c r="CE37" s="193">
        <v>0</v>
      </c>
      <c r="CF37" s="191">
        <v>0</v>
      </c>
      <c r="CG37" s="191">
        <v>0</v>
      </c>
      <c r="CH37" s="191">
        <v>0</v>
      </c>
      <c r="CI37" s="191">
        <v>0</v>
      </c>
      <c r="CJ37" s="191">
        <v>1</v>
      </c>
      <c r="CK37" s="196">
        <v>1</v>
      </c>
      <c r="CL37" s="195">
        <v>1</v>
      </c>
      <c r="CM37" s="190">
        <v>0</v>
      </c>
      <c r="CN37" s="191">
        <v>0</v>
      </c>
      <c r="CO37" s="196">
        <v>0</v>
      </c>
      <c r="CP37" s="193">
        <v>0</v>
      </c>
      <c r="CQ37" s="191">
        <v>0</v>
      </c>
      <c r="CR37" s="191">
        <v>0</v>
      </c>
      <c r="CS37" s="191">
        <v>1</v>
      </c>
      <c r="CT37" s="191">
        <v>0</v>
      </c>
      <c r="CU37" s="191">
        <v>0</v>
      </c>
      <c r="CV37" s="196">
        <v>1</v>
      </c>
      <c r="CW37" s="195">
        <v>1</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4</v>
      </c>
      <c r="DU37" s="191">
        <v>5</v>
      </c>
      <c r="DV37" s="196">
        <v>9</v>
      </c>
      <c r="DW37" s="193">
        <v>0</v>
      </c>
      <c r="DX37" s="191">
        <v>4</v>
      </c>
      <c r="DY37" s="191">
        <v>7</v>
      </c>
      <c r="DZ37" s="191">
        <v>4</v>
      </c>
      <c r="EA37" s="191">
        <v>1</v>
      </c>
      <c r="EB37" s="191">
        <v>1</v>
      </c>
      <c r="EC37" s="196">
        <v>17</v>
      </c>
      <c r="ED37" s="195">
        <v>26</v>
      </c>
      <c r="EE37" s="190">
        <v>4</v>
      </c>
      <c r="EF37" s="191">
        <v>1</v>
      </c>
      <c r="EG37" s="196">
        <v>5</v>
      </c>
      <c r="EH37" s="193">
        <v>0</v>
      </c>
      <c r="EI37" s="191">
        <v>3</v>
      </c>
      <c r="EJ37" s="191">
        <v>0</v>
      </c>
      <c r="EK37" s="191">
        <v>4</v>
      </c>
      <c r="EL37" s="191">
        <v>2</v>
      </c>
      <c r="EM37" s="191">
        <v>0</v>
      </c>
      <c r="EN37" s="196">
        <v>9</v>
      </c>
      <c r="EO37" s="195">
        <v>14</v>
      </c>
      <c r="EP37" s="190">
        <v>6</v>
      </c>
      <c r="EQ37" s="191">
        <v>9</v>
      </c>
      <c r="ER37" s="196">
        <v>15</v>
      </c>
      <c r="ES37" s="193">
        <v>0</v>
      </c>
      <c r="ET37" s="191">
        <v>10</v>
      </c>
      <c r="EU37" s="191">
        <v>7</v>
      </c>
      <c r="EV37" s="191">
        <v>4</v>
      </c>
      <c r="EW37" s="191">
        <v>1</v>
      </c>
      <c r="EX37" s="191">
        <v>1</v>
      </c>
      <c r="EY37" s="196">
        <v>23</v>
      </c>
      <c r="EZ37" s="195">
        <v>38</v>
      </c>
    </row>
    <row r="38" spans="2:156" ht="21" customHeight="1" x14ac:dyDescent="0.2">
      <c r="B38" s="106" t="s">
        <v>36</v>
      </c>
      <c r="C38" s="190">
        <v>0</v>
      </c>
      <c r="D38" s="191">
        <v>0</v>
      </c>
      <c r="E38" s="192">
        <v>0</v>
      </c>
      <c r="F38" s="193">
        <v>0</v>
      </c>
      <c r="G38" s="191">
        <v>2</v>
      </c>
      <c r="H38" s="191">
        <v>2</v>
      </c>
      <c r="I38" s="191">
        <v>1</v>
      </c>
      <c r="J38" s="191">
        <v>0</v>
      </c>
      <c r="K38" s="191">
        <v>0</v>
      </c>
      <c r="L38" s="194">
        <v>5</v>
      </c>
      <c r="M38" s="195">
        <v>5</v>
      </c>
      <c r="N38" s="190">
        <v>0</v>
      </c>
      <c r="O38" s="191">
        <v>0</v>
      </c>
      <c r="P38" s="196">
        <v>0</v>
      </c>
      <c r="Q38" s="193">
        <v>0</v>
      </c>
      <c r="R38" s="191">
        <v>1</v>
      </c>
      <c r="S38" s="191">
        <v>0</v>
      </c>
      <c r="T38" s="191">
        <v>0</v>
      </c>
      <c r="U38" s="191">
        <v>0</v>
      </c>
      <c r="V38" s="191">
        <v>0</v>
      </c>
      <c r="W38" s="196">
        <v>1</v>
      </c>
      <c r="X38" s="195">
        <v>1</v>
      </c>
      <c r="Y38" s="190">
        <v>1</v>
      </c>
      <c r="Z38" s="191">
        <v>2</v>
      </c>
      <c r="AA38" s="196">
        <v>3</v>
      </c>
      <c r="AB38" s="193">
        <v>0</v>
      </c>
      <c r="AC38" s="191">
        <v>2</v>
      </c>
      <c r="AD38" s="191">
        <v>3</v>
      </c>
      <c r="AE38" s="191">
        <v>2</v>
      </c>
      <c r="AF38" s="191">
        <v>1</v>
      </c>
      <c r="AG38" s="191">
        <v>0</v>
      </c>
      <c r="AH38" s="196">
        <v>8</v>
      </c>
      <c r="AI38" s="195">
        <v>11</v>
      </c>
      <c r="AJ38" s="190">
        <v>0</v>
      </c>
      <c r="AK38" s="191">
        <v>0</v>
      </c>
      <c r="AL38" s="196">
        <v>0</v>
      </c>
      <c r="AM38" s="193">
        <v>0</v>
      </c>
      <c r="AN38" s="191">
        <v>1</v>
      </c>
      <c r="AO38" s="191">
        <v>0</v>
      </c>
      <c r="AP38" s="191">
        <v>0</v>
      </c>
      <c r="AQ38" s="191">
        <v>0</v>
      </c>
      <c r="AR38" s="191">
        <v>0</v>
      </c>
      <c r="AS38" s="196">
        <v>1</v>
      </c>
      <c r="AT38" s="195">
        <v>1</v>
      </c>
      <c r="AU38" s="190">
        <v>0</v>
      </c>
      <c r="AV38" s="191">
        <v>0</v>
      </c>
      <c r="AW38" s="196">
        <v>0</v>
      </c>
      <c r="AX38" s="193">
        <v>0</v>
      </c>
      <c r="AY38" s="191">
        <v>1</v>
      </c>
      <c r="AZ38" s="191">
        <v>4</v>
      </c>
      <c r="BA38" s="191">
        <v>3</v>
      </c>
      <c r="BB38" s="191">
        <v>3</v>
      </c>
      <c r="BC38" s="191">
        <v>1</v>
      </c>
      <c r="BD38" s="194">
        <v>12</v>
      </c>
      <c r="BE38" s="195">
        <v>12</v>
      </c>
      <c r="BF38" s="190">
        <v>0</v>
      </c>
      <c r="BG38" s="191">
        <v>0</v>
      </c>
      <c r="BH38" s="196">
        <v>0</v>
      </c>
      <c r="BI38" s="193">
        <v>0</v>
      </c>
      <c r="BJ38" s="191">
        <v>1</v>
      </c>
      <c r="BK38" s="191">
        <v>5</v>
      </c>
      <c r="BL38" s="191">
        <v>0</v>
      </c>
      <c r="BM38" s="191">
        <v>1</v>
      </c>
      <c r="BN38" s="191">
        <v>0</v>
      </c>
      <c r="BO38" s="196">
        <v>7</v>
      </c>
      <c r="BP38" s="195">
        <v>7</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3</v>
      </c>
      <c r="DV38" s="196">
        <v>3</v>
      </c>
      <c r="DW38" s="193">
        <v>0</v>
      </c>
      <c r="DX38" s="191">
        <v>4</v>
      </c>
      <c r="DY38" s="191">
        <v>12</v>
      </c>
      <c r="DZ38" s="191">
        <v>2</v>
      </c>
      <c r="EA38" s="191">
        <v>2</v>
      </c>
      <c r="EB38" s="191">
        <v>0</v>
      </c>
      <c r="EC38" s="196">
        <v>20</v>
      </c>
      <c r="ED38" s="195">
        <v>23</v>
      </c>
      <c r="EE38" s="190">
        <v>0</v>
      </c>
      <c r="EF38" s="191">
        <v>0</v>
      </c>
      <c r="EG38" s="196">
        <v>0</v>
      </c>
      <c r="EH38" s="193">
        <v>0</v>
      </c>
      <c r="EI38" s="191">
        <v>0</v>
      </c>
      <c r="EJ38" s="191">
        <v>2</v>
      </c>
      <c r="EK38" s="191">
        <v>2</v>
      </c>
      <c r="EL38" s="191">
        <v>2</v>
      </c>
      <c r="EM38" s="191">
        <v>0</v>
      </c>
      <c r="EN38" s="196">
        <v>6</v>
      </c>
      <c r="EO38" s="195">
        <v>6</v>
      </c>
      <c r="EP38" s="190">
        <v>1</v>
      </c>
      <c r="EQ38" s="191">
        <v>5</v>
      </c>
      <c r="ER38" s="196">
        <v>6</v>
      </c>
      <c r="ES38" s="193">
        <v>0</v>
      </c>
      <c r="ET38" s="191">
        <v>7</v>
      </c>
      <c r="EU38" s="191">
        <v>13</v>
      </c>
      <c r="EV38" s="191">
        <v>3</v>
      </c>
      <c r="EW38" s="191">
        <v>2</v>
      </c>
      <c r="EX38" s="191">
        <v>0</v>
      </c>
      <c r="EY38" s="196">
        <v>25</v>
      </c>
      <c r="EZ38" s="195">
        <v>31</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1</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0</v>
      </c>
      <c r="BL39" s="198">
        <v>0</v>
      </c>
      <c r="BM39" s="198">
        <v>1</v>
      </c>
      <c r="BN39" s="198">
        <v>0</v>
      </c>
      <c r="BO39" s="203">
        <v>1</v>
      </c>
      <c r="BP39" s="202">
        <v>1</v>
      </c>
      <c r="BQ39" s="197">
        <v>1</v>
      </c>
      <c r="BR39" s="198">
        <v>0</v>
      </c>
      <c r="BS39" s="203">
        <v>1</v>
      </c>
      <c r="BT39" s="200">
        <v>0</v>
      </c>
      <c r="BU39" s="198">
        <v>0</v>
      </c>
      <c r="BV39" s="198">
        <v>0</v>
      </c>
      <c r="BW39" s="198">
        <v>0</v>
      </c>
      <c r="BX39" s="198">
        <v>0</v>
      </c>
      <c r="BY39" s="198">
        <v>0</v>
      </c>
      <c r="BZ39" s="203">
        <v>0</v>
      </c>
      <c r="CA39" s="202">
        <v>1</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0</v>
      </c>
      <c r="DZ39" s="198">
        <v>0</v>
      </c>
      <c r="EA39" s="198">
        <v>1</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1</v>
      </c>
      <c r="EQ39" s="198">
        <v>0</v>
      </c>
      <c r="ER39" s="203">
        <v>1</v>
      </c>
      <c r="ES39" s="200">
        <v>0</v>
      </c>
      <c r="ET39" s="198">
        <v>0</v>
      </c>
      <c r="EU39" s="198">
        <v>0</v>
      </c>
      <c r="EV39" s="198">
        <v>0</v>
      </c>
      <c r="EW39" s="198">
        <v>1</v>
      </c>
      <c r="EX39" s="198">
        <v>1</v>
      </c>
      <c r="EY39" s="203">
        <v>2</v>
      </c>
      <c r="EZ39" s="202">
        <v>3</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6">
        <f>第１表!F2</f>
        <v>6</v>
      </c>
      <c r="K1" s="446"/>
      <c r="L1" s="18">
        <f>第１表!G2</f>
        <v>5</v>
      </c>
      <c r="M1" s="451">
        <f>IF(L1&lt;3,L1+12-2,L1-2)</f>
        <v>3</v>
      </c>
      <c r="N1" s="451"/>
    </row>
    <row r="2" spans="2:112" ht="24" customHeight="1" thickBot="1" x14ac:dyDescent="0.25">
      <c r="B2" s="142" t="s">
        <v>136</v>
      </c>
    </row>
    <row r="3" spans="2:112" ht="21" customHeight="1" thickBot="1" x14ac:dyDescent="0.25">
      <c r="B3" s="488"/>
      <c r="C3" s="491" t="s">
        <v>111</v>
      </c>
      <c r="D3" s="491"/>
      <c r="E3" s="491"/>
      <c r="F3" s="491"/>
      <c r="G3" s="491"/>
      <c r="H3" s="491"/>
      <c r="I3" s="491"/>
      <c r="J3" s="491"/>
      <c r="K3" s="491"/>
      <c r="L3" s="491"/>
      <c r="M3" s="492"/>
      <c r="N3" s="486" t="s">
        <v>110</v>
      </c>
      <c r="O3" s="486"/>
      <c r="P3" s="486"/>
      <c r="Q3" s="486"/>
      <c r="R3" s="486"/>
      <c r="S3" s="486"/>
      <c r="T3" s="486"/>
      <c r="U3" s="486"/>
      <c r="V3" s="486"/>
      <c r="W3" s="486"/>
      <c r="X3" s="487"/>
      <c r="Y3" s="485" t="s">
        <v>109</v>
      </c>
      <c r="Z3" s="486"/>
      <c r="AA3" s="486"/>
      <c r="AB3" s="486"/>
      <c r="AC3" s="486"/>
      <c r="AD3" s="486"/>
      <c r="AE3" s="486"/>
      <c r="AF3" s="486"/>
      <c r="AG3" s="486"/>
      <c r="AH3" s="486"/>
      <c r="AI3" s="487"/>
      <c r="AJ3" s="485" t="s">
        <v>108</v>
      </c>
      <c r="AK3" s="486"/>
      <c r="AL3" s="486"/>
      <c r="AM3" s="486"/>
      <c r="AN3" s="486"/>
      <c r="AO3" s="486"/>
      <c r="AP3" s="486"/>
      <c r="AQ3" s="486"/>
      <c r="AR3" s="486"/>
      <c r="AS3" s="486"/>
      <c r="AT3" s="487"/>
      <c r="AU3" s="485" t="s">
        <v>107</v>
      </c>
      <c r="AV3" s="486"/>
      <c r="AW3" s="486"/>
      <c r="AX3" s="486"/>
      <c r="AY3" s="486"/>
      <c r="AZ3" s="486"/>
      <c r="BA3" s="486"/>
      <c r="BB3" s="486"/>
      <c r="BC3" s="486"/>
      <c r="BD3" s="486"/>
      <c r="BE3" s="487"/>
      <c r="BF3" s="485" t="s">
        <v>106</v>
      </c>
      <c r="BG3" s="486"/>
      <c r="BH3" s="486"/>
      <c r="BI3" s="486"/>
      <c r="BJ3" s="486"/>
      <c r="BK3" s="486"/>
      <c r="BL3" s="486"/>
      <c r="BM3" s="486"/>
      <c r="BN3" s="486"/>
      <c r="BO3" s="486"/>
      <c r="BP3" s="487"/>
      <c r="BQ3" s="485" t="s">
        <v>105</v>
      </c>
      <c r="BR3" s="486"/>
      <c r="BS3" s="486"/>
      <c r="BT3" s="486"/>
      <c r="BU3" s="486"/>
      <c r="BV3" s="486"/>
      <c r="BW3" s="486"/>
      <c r="BX3" s="486"/>
      <c r="BY3" s="486"/>
      <c r="BZ3" s="486"/>
      <c r="CA3" s="487"/>
      <c r="CB3" s="485" t="s">
        <v>125</v>
      </c>
      <c r="CC3" s="486"/>
      <c r="CD3" s="486"/>
      <c r="CE3" s="486"/>
      <c r="CF3" s="486"/>
      <c r="CG3" s="486"/>
      <c r="CH3" s="486"/>
      <c r="CI3" s="486"/>
      <c r="CJ3" s="486"/>
      <c r="CK3" s="486"/>
      <c r="CL3" s="487"/>
      <c r="CM3" s="485" t="s">
        <v>104</v>
      </c>
      <c r="CN3" s="486"/>
      <c r="CO3" s="486"/>
      <c r="CP3" s="486"/>
      <c r="CQ3" s="486"/>
      <c r="CR3" s="486"/>
      <c r="CS3" s="486"/>
      <c r="CT3" s="486"/>
      <c r="CU3" s="486"/>
      <c r="CV3" s="486"/>
      <c r="CW3" s="487"/>
      <c r="CX3" s="485" t="s">
        <v>157</v>
      </c>
      <c r="CY3" s="486"/>
      <c r="CZ3" s="486"/>
      <c r="DA3" s="486"/>
      <c r="DB3" s="486"/>
      <c r="DC3" s="486"/>
      <c r="DD3" s="486"/>
      <c r="DE3" s="486"/>
      <c r="DF3" s="486"/>
      <c r="DG3" s="486"/>
      <c r="DH3" s="487"/>
    </row>
    <row r="4" spans="2:112" ht="21" customHeight="1" x14ac:dyDescent="0.2">
      <c r="B4" s="489"/>
      <c r="C4" s="493" t="s">
        <v>61</v>
      </c>
      <c r="D4" s="470"/>
      <c r="E4" s="471"/>
      <c r="F4" s="472" t="s">
        <v>62</v>
      </c>
      <c r="G4" s="470"/>
      <c r="H4" s="470"/>
      <c r="I4" s="470"/>
      <c r="J4" s="470"/>
      <c r="K4" s="470"/>
      <c r="L4" s="475"/>
      <c r="M4" s="473" t="s">
        <v>52</v>
      </c>
      <c r="N4" s="493" t="s">
        <v>61</v>
      </c>
      <c r="O4" s="470"/>
      <c r="P4" s="471"/>
      <c r="Q4" s="472" t="s">
        <v>62</v>
      </c>
      <c r="R4" s="470"/>
      <c r="S4" s="470"/>
      <c r="T4" s="470"/>
      <c r="U4" s="470"/>
      <c r="V4" s="470"/>
      <c r="W4" s="471"/>
      <c r="X4" s="473" t="s">
        <v>52</v>
      </c>
      <c r="Y4" s="469" t="s">
        <v>61</v>
      </c>
      <c r="Z4" s="470"/>
      <c r="AA4" s="475"/>
      <c r="AB4" s="472" t="s">
        <v>62</v>
      </c>
      <c r="AC4" s="470"/>
      <c r="AD4" s="470"/>
      <c r="AE4" s="470"/>
      <c r="AF4" s="470"/>
      <c r="AG4" s="470"/>
      <c r="AH4" s="471"/>
      <c r="AI4" s="473" t="s">
        <v>52</v>
      </c>
      <c r="AJ4" s="469" t="s">
        <v>61</v>
      </c>
      <c r="AK4" s="470"/>
      <c r="AL4" s="471"/>
      <c r="AM4" s="472" t="s">
        <v>62</v>
      </c>
      <c r="AN4" s="470"/>
      <c r="AO4" s="470"/>
      <c r="AP4" s="470"/>
      <c r="AQ4" s="470"/>
      <c r="AR4" s="470"/>
      <c r="AS4" s="471"/>
      <c r="AT4" s="473" t="s">
        <v>52</v>
      </c>
      <c r="AU4" s="469" t="s">
        <v>61</v>
      </c>
      <c r="AV4" s="470"/>
      <c r="AW4" s="475"/>
      <c r="AX4" s="472" t="s">
        <v>62</v>
      </c>
      <c r="AY4" s="470"/>
      <c r="AZ4" s="470"/>
      <c r="BA4" s="470"/>
      <c r="BB4" s="470"/>
      <c r="BC4" s="470"/>
      <c r="BD4" s="475"/>
      <c r="BE4" s="473" t="s">
        <v>52</v>
      </c>
      <c r="BF4" s="469" t="s">
        <v>61</v>
      </c>
      <c r="BG4" s="470"/>
      <c r="BH4" s="471"/>
      <c r="BI4" s="472" t="s">
        <v>62</v>
      </c>
      <c r="BJ4" s="470"/>
      <c r="BK4" s="470"/>
      <c r="BL4" s="470"/>
      <c r="BM4" s="470"/>
      <c r="BN4" s="470"/>
      <c r="BO4" s="471"/>
      <c r="BP4" s="473" t="s">
        <v>52</v>
      </c>
      <c r="BQ4" s="469" t="s">
        <v>61</v>
      </c>
      <c r="BR4" s="470"/>
      <c r="BS4" s="471"/>
      <c r="BT4" s="472" t="s">
        <v>62</v>
      </c>
      <c r="BU4" s="470"/>
      <c r="BV4" s="470"/>
      <c r="BW4" s="470"/>
      <c r="BX4" s="470"/>
      <c r="BY4" s="470"/>
      <c r="BZ4" s="471"/>
      <c r="CA4" s="473" t="s">
        <v>52</v>
      </c>
      <c r="CB4" s="469" t="s">
        <v>61</v>
      </c>
      <c r="CC4" s="470"/>
      <c r="CD4" s="471"/>
      <c r="CE4" s="472" t="s">
        <v>62</v>
      </c>
      <c r="CF4" s="470"/>
      <c r="CG4" s="470"/>
      <c r="CH4" s="470"/>
      <c r="CI4" s="470"/>
      <c r="CJ4" s="470"/>
      <c r="CK4" s="471"/>
      <c r="CL4" s="473" t="s">
        <v>52</v>
      </c>
      <c r="CM4" s="469" t="s">
        <v>61</v>
      </c>
      <c r="CN4" s="470"/>
      <c r="CO4" s="471"/>
      <c r="CP4" s="472" t="s">
        <v>62</v>
      </c>
      <c r="CQ4" s="470"/>
      <c r="CR4" s="470"/>
      <c r="CS4" s="470"/>
      <c r="CT4" s="470"/>
      <c r="CU4" s="470"/>
      <c r="CV4" s="471"/>
      <c r="CW4" s="473" t="s">
        <v>52</v>
      </c>
      <c r="CX4" s="469" t="s">
        <v>61</v>
      </c>
      <c r="CY4" s="470"/>
      <c r="CZ4" s="471"/>
      <c r="DA4" s="472" t="s">
        <v>62</v>
      </c>
      <c r="DB4" s="470"/>
      <c r="DC4" s="470"/>
      <c r="DD4" s="470"/>
      <c r="DE4" s="470"/>
      <c r="DF4" s="470"/>
      <c r="DG4" s="471"/>
      <c r="DH4" s="473" t="s">
        <v>52</v>
      </c>
    </row>
    <row r="5" spans="2:112" ht="30" customHeight="1" thickBot="1" x14ac:dyDescent="0.25">
      <c r="B5" s="490"/>
      <c r="C5" s="204" t="s">
        <v>43</v>
      </c>
      <c r="D5" s="178" t="s">
        <v>44</v>
      </c>
      <c r="E5" s="179" t="s">
        <v>45</v>
      </c>
      <c r="F5" s="180" t="s">
        <v>83</v>
      </c>
      <c r="G5" s="178" t="s">
        <v>47</v>
      </c>
      <c r="H5" s="178" t="s">
        <v>48</v>
      </c>
      <c r="I5" s="178" t="s">
        <v>49</v>
      </c>
      <c r="J5" s="178" t="s">
        <v>50</v>
      </c>
      <c r="K5" s="178" t="s">
        <v>51</v>
      </c>
      <c r="L5" s="181" t="s">
        <v>45</v>
      </c>
      <c r="M5" s="474"/>
      <c r="N5" s="204" t="s">
        <v>43</v>
      </c>
      <c r="O5" s="178" t="s">
        <v>44</v>
      </c>
      <c r="P5" s="182" t="s">
        <v>45</v>
      </c>
      <c r="Q5" s="180" t="s">
        <v>83</v>
      </c>
      <c r="R5" s="178" t="s">
        <v>47</v>
      </c>
      <c r="S5" s="178" t="s">
        <v>48</v>
      </c>
      <c r="T5" s="178" t="s">
        <v>49</v>
      </c>
      <c r="U5" s="178" t="s">
        <v>50</v>
      </c>
      <c r="V5" s="178" t="s">
        <v>51</v>
      </c>
      <c r="W5" s="182" t="s">
        <v>45</v>
      </c>
      <c r="X5" s="474"/>
      <c r="Y5" s="177" t="s">
        <v>43</v>
      </c>
      <c r="Z5" s="178" t="s">
        <v>44</v>
      </c>
      <c r="AA5" s="181" t="s">
        <v>45</v>
      </c>
      <c r="AB5" s="180" t="s">
        <v>83</v>
      </c>
      <c r="AC5" s="178" t="s">
        <v>47</v>
      </c>
      <c r="AD5" s="178" t="s">
        <v>48</v>
      </c>
      <c r="AE5" s="178" t="s">
        <v>49</v>
      </c>
      <c r="AF5" s="178" t="s">
        <v>50</v>
      </c>
      <c r="AG5" s="178" t="s">
        <v>51</v>
      </c>
      <c r="AH5" s="182" t="s">
        <v>45</v>
      </c>
      <c r="AI5" s="474"/>
      <c r="AJ5" s="177" t="s">
        <v>43</v>
      </c>
      <c r="AK5" s="178" t="s">
        <v>44</v>
      </c>
      <c r="AL5" s="182" t="s">
        <v>45</v>
      </c>
      <c r="AM5" s="180" t="s">
        <v>83</v>
      </c>
      <c r="AN5" s="178" t="s">
        <v>47</v>
      </c>
      <c r="AO5" s="178" t="s">
        <v>48</v>
      </c>
      <c r="AP5" s="178" t="s">
        <v>49</v>
      </c>
      <c r="AQ5" s="178" t="s">
        <v>50</v>
      </c>
      <c r="AR5" s="178" t="s">
        <v>51</v>
      </c>
      <c r="AS5" s="182" t="s">
        <v>45</v>
      </c>
      <c r="AT5" s="474"/>
      <c r="AU5" s="177" t="s">
        <v>43</v>
      </c>
      <c r="AV5" s="178" t="s">
        <v>44</v>
      </c>
      <c r="AW5" s="181" t="s">
        <v>45</v>
      </c>
      <c r="AX5" s="180" t="s">
        <v>83</v>
      </c>
      <c r="AY5" s="178" t="s">
        <v>47</v>
      </c>
      <c r="AZ5" s="178" t="s">
        <v>48</v>
      </c>
      <c r="BA5" s="178" t="s">
        <v>49</v>
      </c>
      <c r="BB5" s="178" t="s">
        <v>50</v>
      </c>
      <c r="BC5" s="178" t="s">
        <v>51</v>
      </c>
      <c r="BD5" s="181" t="s">
        <v>45</v>
      </c>
      <c r="BE5" s="474"/>
      <c r="BF5" s="177" t="s">
        <v>43</v>
      </c>
      <c r="BG5" s="178" t="s">
        <v>44</v>
      </c>
      <c r="BH5" s="182" t="s">
        <v>45</v>
      </c>
      <c r="BI5" s="180" t="s">
        <v>83</v>
      </c>
      <c r="BJ5" s="178" t="s">
        <v>47</v>
      </c>
      <c r="BK5" s="178" t="s">
        <v>48</v>
      </c>
      <c r="BL5" s="178" t="s">
        <v>49</v>
      </c>
      <c r="BM5" s="178" t="s">
        <v>50</v>
      </c>
      <c r="BN5" s="178" t="s">
        <v>51</v>
      </c>
      <c r="BO5" s="182" t="s">
        <v>45</v>
      </c>
      <c r="BP5" s="474"/>
      <c r="BQ5" s="177" t="s">
        <v>43</v>
      </c>
      <c r="BR5" s="178" t="s">
        <v>44</v>
      </c>
      <c r="BS5" s="182" t="s">
        <v>45</v>
      </c>
      <c r="BT5" s="180" t="s">
        <v>83</v>
      </c>
      <c r="BU5" s="178" t="s">
        <v>47</v>
      </c>
      <c r="BV5" s="178" t="s">
        <v>48</v>
      </c>
      <c r="BW5" s="178" t="s">
        <v>49</v>
      </c>
      <c r="BX5" s="178" t="s">
        <v>50</v>
      </c>
      <c r="BY5" s="178" t="s">
        <v>51</v>
      </c>
      <c r="BZ5" s="182" t="s">
        <v>45</v>
      </c>
      <c r="CA5" s="474"/>
      <c r="CB5" s="177" t="s">
        <v>43</v>
      </c>
      <c r="CC5" s="178" t="s">
        <v>44</v>
      </c>
      <c r="CD5" s="182" t="s">
        <v>45</v>
      </c>
      <c r="CE5" s="180" t="s">
        <v>83</v>
      </c>
      <c r="CF5" s="178" t="s">
        <v>47</v>
      </c>
      <c r="CG5" s="178" t="s">
        <v>48</v>
      </c>
      <c r="CH5" s="178" t="s">
        <v>49</v>
      </c>
      <c r="CI5" s="178" t="s">
        <v>50</v>
      </c>
      <c r="CJ5" s="178" t="s">
        <v>51</v>
      </c>
      <c r="CK5" s="182" t="s">
        <v>45</v>
      </c>
      <c r="CL5" s="474"/>
      <c r="CM5" s="177" t="s">
        <v>43</v>
      </c>
      <c r="CN5" s="178" t="s">
        <v>44</v>
      </c>
      <c r="CO5" s="182" t="s">
        <v>45</v>
      </c>
      <c r="CP5" s="180" t="s">
        <v>83</v>
      </c>
      <c r="CQ5" s="178" t="s">
        <v>47</v>
      </c>
      <c r="CR5" s="178" t="s">
        <v>48</v>
      </c>
      <c r="CS5" s="178" t="s">
        <v>49</v>
      </c>
      <c r="CT5" s="178" t="s">
        <v>50</v>
      </c>
      <c r="CU5" s="178" t="s">
        <v>51</v>
      </c>
      <c r="CV5" s="182" t="s">
        <v>45</v>
      </c>
      <c r="CW5" s="474"/>
      <c r="CX5" s="177" t="s">
        <v>43</v>
      </c>
      <c r="CY5" s="178" t="s">
        <v>44</v>
      </c>
      <c r="CZ5" s="182" t="s">
        <v>45</v>
      </c>
      <c r="DA5" s="180" t="s">
        <v>83</v>
      </c>
      <c r="DB5" s="178" t="s">
        <v>47</v>
      </c>
      <c r="DC5" s="178" t="s">
        <v>48</v>
      </c>
      <c r="DD5" s="178" t="s">
        <v>49</v>
      </c>
      <c r="DE5" s="178" t="s">
        <v>50</v>
      </c>
      <c r="DF5" s="178" t="s">
        <v>51</v>
      </c>
      <c r="DG5" s="182" t="s">
        <v>45</v>
      </c>
      <c r="DH5" s="474"/>
    </row>
    <row r="6" spans="2:112" ht="21" customHeight="1" x14ac:dyDescent="0.2">
      <c r="B6" s="84" t="s">
        <v>4</v>
      </c>
      <c r="C6" s="183">
        <v>0</v>
      </c>
      <c r="D6" s="184">
        <v>0</v>
      </c>
      <c r="E6" s="185">
        <v>0</v>
      </c>
      <c r="F6" s="186">
        <v>0</v>
      </c>
      <c r="G6" s="184">
        <v>212086</v>
      </c>
      <c r="H6" s="184">
        <v>357846</v>
      </c>
      <c r="I6" s="184">
        <v>376167</v>
      </c>
      <c r="J6" s="184">
        <v>463052</v>
      </c>
      <c r="K6" s="184">
        <v>431774</v>
      </c>
      <c r="L6" s="187">
        <v>1840925</v>
      </c>
      <c r="M6" s="188">
        <v>1840925</v>
      </c>
      <c r="N6" s="183">
        <v>6</v>
      </c>
      <c r="O6" s="184">
        <v>75</v>
      </c>
      <c r="P6" s="189">
        <v>81</v>
      </c>
      <c r="Q6" s="186">
        <v>0</v>
      </c>
      <c r="R6" s="184">
        <v>423</v>
      </c>
      <c r="S6" s="184">
        <v>1749</v>
      </c>
      <c r="T6" s="184">
        <v>3547</v>
      </c>
      <c r="U6" s="184">
        <v>9634</v>
      </c>
      <c r="V6" s="184">
        <v>18059</v>
      </c>
      <c r="W6" s="189">
        <v>33412</v>
      </c>
      <c r="X6" s="188">
        <v>33493</v>
      </c>
      <c r="Y6" s="183">
        <v>13356</v>
      </c>
      <c r="Z6" s="184">
        <v>46227</v>
      </c>
      <c r="AA6" s="189">
        <v>59583</v>
      </c>
      <c r="AB6" s="186">
        <v>0</v>
      </c>
      <c r="AC6" s="184">
        <v>110298</v>
      </c>
      <c r="AD6" s="184">
        <v>184879</v>
      </c>
      <c r="AE6" s="184">
        <v>113175</v>
      </c>
      <c r="AF6" s="184">
        <v>94867</v>
      </c>
      <c r="AG6" s="184">
        <v>77256</v>
      </c>
      <c r="AH6" s="189">
        <v>580475</v>
      </c>
      <c r="AI6" s="188">
        <v>640058</v>
      </c>
      <c r="AJ6" s="183">
        <v>2284</v>
      </c>
      <c r="AK6" s="184">
        <v>9246</v>
      </c>
      <c r="AL6" s="189">
        <v>11530</v>
      </c>
      <c r="AM6" s="186">
        <v>0</v>
      </c>
      <c r="AN6" s="184">
        <v>13205</v>
      </c>
      <c r="AO6" s="184">
        <v>22518</v>
      </c>
      <c r="AP6" s="184">
        <v>13851</v>
      </c>
      <c r="AQ6" s="184">
        <v>11232</v>
      </c>
      <c r="AR6" s="184">
        <v>7187</v>
      </c>
      <c r="AS6" s="189">
        <v>67993</v>
      </c>
      <c r="AT6" s="188">
        <v>79523</v>
      </c>
      <c r="AU6" s="183">
        <v>0</v>
      </c>
      <c r="AV6" s="184">
        <v>0</v>
      </c>
      <c r="AW6" s="189">
        <v>0</v>
      </c>
      <c r="AX6" s="186">
        <v>0</v>
      </c>
      <c r="AY6" s="184">
        <v>188080</v>
      </c>
      <c r="AZ6" s="184">
        <v>201727</v>
      </c>
      <c r="BA6" s="184">
        <v>119759</v>
      </c>
      <c r="BB6" s="184">
        <v>67345</v>
      </c>
      <c r="BC6" s="184">
        <v>32312</v>
      </c>
      <c r="BD6" s="187">
        <v>609223</v>
      </c>
      <c r="BE6" s="188">
        <v>609223</v>
      </c>
      <c r="BF6" s="183">
        <v>0</v>
      </c>
      <c r="BG6" s="184">
        <v>0</v>
      </c>
      <c r="BH6" s="189">
        <v>0</v>
      </c>
      <c r="BI6" s="186">
        <v>0</v>
      </c>
      <c r="BJ6" s="184">
        <v>31144</v>
      </c>
      <c r="BK6" s="184">
        <v>48279</v>
      </c>
      <c r="BL6" s="184">
        <v>28373</v>
      </c>
      <c r="BM6" s="184">
        <v>17103</v>
      </c>
      <c r="BN6" s="184">
        <v>6054</v>
      </c>
      <c r="BO6" s="189">
        <v>130953</v>
      </c>
      <c r="BP6" s="188">
        <v>130953</v>
      </c>
      <c r="BQ6" s="183">
        <v>317</v>
      </c>
      <c r="BR6" s="184">
        <v>990</v>
      </c>
      <c r="BS6" s="189">
        <v>1307</v>
      </c>
      <c r="BT6" s="186">
        <v>0</v>
      </c>
      <c r="BU6" s="184">
        <v>16341</v>
      </c>
      <c r="BV6" s="184">
        <v>31525</v>
      </c>
      <c r="BW6" s="184">
        <v>54748</v>
      </c>
      <c r="BX6" s="184">
        <v>41928</v>
      </c>
      <c r="BY6" s="184">
        <v>21053</v>
      </c>
      <c r="BZ6" s="189">
        <v>165595</v>
      </c>
      <c r="CA6" s="188">
        <v>166902</v>
      </c>
      <c r="CB6" s="183">
        <v>27</v>
      </c>
      <c r="CC6" s="184">
        <v>110</v>
      </c>
      <c r="CD6" s="189">
        <v>137</v>
      </c>
      <c r="CE6" s="186">
        <v>0</v>
      </c>
      <c r="CF6" s="184">
        <v>1322</v>
      </c>
      <c r="CG6" s="184">
        <v>3303</v>
      </c>
      <c r="CH6" s="184">
        <v>3975</v>
      </c>
      <c r="CI6" s="184">
        <v>4139</v>
      </c>
      <c r="CJ6" s="184">
        <v>2336</v>
      </c>
      <c r="CK6" s="189">
        <v>15075</v>
      </c>
      <c r="CL6" s="188">
        <v>15212</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68370</v>
      </c>
      <c r="H7" s="191">
        <v>152425</v>
      </c>
      <c r="I7" s="191">
        <v>136214</v>
      </c>
      <c r="J7" s="191">
        <v>162603</v>
      </c>
      <c r="K7" s="191">
        <v>156045</v>
      </c>
      <c r="L7" s="194">
        <v>675657</v>
      </c>
      <c r="M7" s="195">
        <v>675657</v>
      </c>
      <c r="N7" s="190">
        <v>4</v>
      </c>
      <c r="O7" s="191">
        <v>37</v>
      </c>
      <c r="P7" s="196">
        <v>41</v>
      </c>
      <c r="Q7" s="193">
        <v>0</v>
      </c>
      <c r="R7" s="191">
        <v>79</v>
      </c>
      <c r="S7" s="191">
        <v>586</v>
      </c>
      <c r="T7" s="191">
        <v>1433</v>
      </c>
      <c r="U7" s="191">
        <v>3797</v>
      </c>
      <c r="V7" s="191">
        <v>8110</v>
      </c>
      <c r="W7" s="196">
        <v>14005</v>
      </c>
      <c r="X7" s="195">
        <v>14046</v>
      </c>
      <c r="Y7" s="190">
        <v>5412</v>
      </c>
      <c r="Z7" s="191">
        <v>24072</v>
      </c>
      <c r="AA7" s="196">
        <v>29484</v>
      </c>
      <c r="AB7" s="193">
        <v>0</v>
      </c>
      <c r="AC7" s="191">
        <v>38236</v>
      </c>
      <c r="AD7" s="191">
        <v>97300</v>
      </c>
      <c r="AE7" s="191">
        <v>57275</v>
      </c>
      <c r="AF7" s="191">
        <v>44969</v>
      </c>
      <c r="AG7" s="191">
        <v>35003</v>
      </c>
      <c r="AH7" s="196">
        <v>272783</v>
      </c>
      <c r="AI7" s="195">
        <v>302267</v>
      </c>
      <c r="AJ7" s="190">
        <v>733</v>
      </c>
      <c r="AK7" s="191">
        <v>4694</v>
      </c>
      <c r="AL7" s="196">
        <v>5427</v>
      </c>
      <c r="AM7" s="193">
        <v>0</v>
      </c>
      <c r="AN7" s="191">
        <v>3268</v>
      </c>
      <c r="AO7" s="191">
        <v>9453</v>
      </c>
      <c r="AP7" s="191">
        <v>6008</v>
      </c>
      <c r="AQ7" s="191">
        <v>4666</v>
      </c>
      <c r="AR7" s="191">
        <v>2965</v>
      </c>
      <c r="AS7" s="196">
        <v>26360</v>
      </c>
      <c r="AT7" s="195">
        <v>31787</v>
      </c>
      <c r="AU7" s="190">
        <v>0</v>
      </c>
      <c r="AV7" s="191">
        <v>0</v>
      </c>
      <c r="AW7" s="196">
        <v>0</v>
      </c>
      <c r="AX7" s="193">
        <v>0</v>
      </c>
      <c r="AY7" s="191">
        <v>57961</v>
      </c>
      <c r="AZ7" s="191">
        <v>80409</v>
      </c>
      <c r="BA7" s="191">
        <v>42142</v>
      </c>
      <c r="BB7" s="191">
        <v>22713</v>
      </c>
      <c r="BC7" s="191">
        <v>11059</v>
      </c>
      <c r="BD7" s="194">
        <v>214284</v>
      </c>
      <c r="BE7" s="195">
        <v>214284</v>
      </c>
      <c r="BF7" s="190">
        <v>0</v>
      </c>
      <c r="BG7" s="191">
        <v>0</v>
      </c>
      <c r="BH7" s="196">
        <v>0</v>
      </c>
      <c r="BI7" s="193">
        <v>0</v>
      </c>
      <c r="BJ7" s="191">
        <v>8833</v>
      </c>
      <c r="BK7" s="191">
        <v>21326</v>
      </c>
      <c r="BL7" s="191">
        <v>12623</v>
      </c>
      <c r="BM7" s="191">
        <v>7808</v>
      </c>
      <c r="BN7" s="191">
        <v>2477</v>
      </c>
      <c r="BO7" s="196">
        <v>53067</v>
      </c>
      <c r="BP7" s="195">
        <v>53067</v>
      </c>
      <c r="BQ7" s="190">
        <v>74</v>
      </c>
      <c r="BR7" s="191">
        <v>357</v>
      </c>
      <c r="BS7" s="196">
        <v>431</v>
      </c>
      <c r="BT7" s="193">
        <v>0</v>
      </c>
      <c r="BU7" s="191">
        <v>5043</v>
      </c>
      <c r="BV7" s="191">
        <v>12302</v>
      </c>
      <c r="BW7" s="191">
        <v>21355</v>
      </c>
      <c r="BX7" s="191">
        <v>14516</v>
      </c>
      <c r="BY7" s="191">
        <v>8111</v>
      </c>
      <c r="BZ7" s="196">
        <v>61327</v>
      </c>
      <c r="CA7" s="195">
        <v>61758</v>
      </c>
      <c r="CB7" s="190">
        <v>14</v>
      </c>
      <c r="CC7" s="191">
        <v>65</v>
      </c>
      <c r="CD7" s="196">
        <v>79</v>
      </c>
      <c r="CE7" s="193">
        <v>0</v>
      </c>
      <c r="CF7" s="191">
        <v>550</v>
      </c>
      <c r="CG7" s="191">
        <v>1903</v>
      </c>
      <c r="CH7" s="191">
        <v>2345</v>
      </c>
      <c r="CI7" s="191">
        <v>2574</v>
      </c>
      <c r="CJ7" s="191">
        <v>1392</v>
      </c>
      <c r="CK7" s="196">
        <v>8764</v>
      </c>
      <c r="CL7" s="195">
        <v>8843</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8473</v>
      </c>
      <c r="H8" s="191">
        <v>53599</v>
      </c>
      <c r="I8" s="191">
        <v>55504</v>
      </c>
      <c r="J8" s="191">
        <v>69322</v>
      </c>
      <c r="K8" s="191">
        <v>72975</v>
      </c>
      <c r="L8" s="194">
        <v>289873</v>
      </c>
      <c r="M8" s="195">
        <v>289873</v>
      </c>
      <c r="N8" s="190">
        <v>2</v>
      </c>
      <c r="O8" s="191">
        <v>6</v>
      </c>
      <c r="P8" s="196">
        <v>8</v>
      </c>
      <c r="Q8" s="193">
        <v>0</v>
      </c>
      <c r="R8" s="191">
        <v>92</v>
      </c>
      <c r="S8" s="191">
        <v>210</v>
      </c>
      <c r="T8" s="191">
        <v>485</v>
      </c>
      <c r="U8" s="191">
        <v>1183</v>
      </c>
      <c r="V8" s="191">
        <v>2612</v>
      </c>
      <c r="W8" s="196">
        <v>4582</v>
      </c>
      <c r="X8" s="195">
        <v>4590</v>
      </c>
      <c r="Y8" s="190">
        <v>2334</v>
      </c>
      <c r="Z8" s="191">
        <v>6646</v>
      </c>
      <c r="AA8" s="196">
        <v>8980</v>
      </c>
      <c r="AB8" s="193">
        <v>0</v>
      </c>
      <c r="AC8" s="191">
        <v>25036</v>
      </c>
      <c r="AD8" s="191">
        <v>27763</v>
      </c>
      <c r="AE8" s="191">
        <v>16852</v>
      </c>
      <c r="AF8" s="191">
        <v>13610</v>
      </c>
      <c r="AG8" s="191">
        <v>12432</v>
      </c>
      <c r="AH8" s="196">
        <v>95693</v>
      </c>
      <c r="AI8" s="195">
        <v>104673</v>
      </c>
      <c r="AJ8" s="190">
        <v>229</v>
      </c>
      <c r="AK8" s="191">
        <v>717</v>
      </c>
      <c r="AL8" s="196">
        <v>946</v>
      </c>
      <c r="AM8" s="193">
        <v>0</v>
      </c>
      <c r="AN8" s="191">
        <v>2345</v>
      </c>
      <c r="AO8" s="191">
        <v>2504</v>
      </c>
      <c r="AP8" s="191">
        <v>1368</v>
      </c>
      <c r="AQ8" s="191">
        <v>1467</v>
      </c>
      <c r="AR8" s="191">
        <v>901</v>
      </c>
      <c r="AS8" s="196">
        <v>8585</v>
      </c>
      <c r="AT8" s="195">
        <v>9531</v>
      </c>
      <c r="AU8" s="190">
        <v>0</v>
      </c>
      <c r="AV8" s="191">
        <v>0</v>
      </c>
      <c r="AW8" s="196">
        <v>0</v>
      </c>
      <c r="AX8" s="193">
        <v>0</v>
      </c>
      <c r="AY8" s="191">
        <v>30943</v>
      </c>
      <c r="AZ8" s="191">
        <v>28393</v>
      </c>
      <c r="BA8" s="191">
        <v>16716</v>
      </c>
      <c r="BB8" s="191">
        <v>9843</v>
      </c>
      <c r="BC8" s="191">
        <v>4814</v>
      </c>
      <c r="BD8" s="194">
        <v>90709</v>
      </c>
      <c r="BE8" s="195">
        <v>90709</v>
      </c>
      <c r="BF8" s="190">
        <v>0</v>
      </c>
      <c r="BG8" s="191">
        <v>0</v>
      </c>
      <c r="BH8" s="196">
        <v>0</v>
      </c>
      <c r="BI8" s="193">
        <v>0</v>
      </c>
      <c r="BJ8" s="191">
        <v>4787</v>
      </c>
      <c r="BK8" s="191">
        <v>5548</v>
      </c>
      <c r="BL8" s="191">
        <v>3499</v>
      </c>
      <c r="BM8" s="191">
        <v>2177</v>
      </c>
      <c r="BN8" s="191">
        <v>807</v>
      </c>
      <c r="BO8" s="196">
        <v>16818</v>
      </c>
      <c r="BP8" s="195">
        <v>16818</v>
      </c>
      <c r="BQ8" s="190">
        <v>30</v>
      </c>
      <c r="BR8" s="191">
        <v>103</v>
      </c>
      <c r="BS8" s="196">
        <v>133</v>
      </c>
      <c r="BT8" s="193">
        <v>0</v>
      </c>
      <c r="BU8" s="191">
        <v>1696</v>
      </c>
      <c r="BV8" s="191">
        <v>3357</v>
      </c>
      <c r="BW8" s="191">
        <v>5606</v>
      </c>
      <c r="BX8" s="191">
        <v>4750</v>
      </c>
      <c r="BY8" s="191">
        <v>2623</v>
      </c>
      <c r="BZ8" s="196">
        <v>18032</v>
      </c>
      <c r="CA8" s="195">
        <v>18165</v>
      </c>
      <c r="CB8" s="190">
        <v>5</v>
      </c>
      <c r="CC8" s="191">
        <v>14</v>
      </c>
      <c r="CD8" s="196">
        <v>19</v>
      </c>
      <c r="CE8" s="193">
        <v>0</v>
      </c>
      <c r="CF8" s="191">
        <v>230</v>
      </c>
      <c r="CG8" s="191">
        <v>416</v>
      </c>
      <c r="CH8" s="191">
        <v>508</v>
      </c>
      <c r="CI8" s="191">
        <v>432</v>
      </c>
      <c r="CJ8" s="191">
        <v>386</v>
      </c>
      <c r="CK8" s="196">
        <v>1972</v>
      </c>
      <c r="CL8" s="195">
        <v>199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3716</v>
      </c>
      <c r="H9" s="191">
        <v>27903</v>
      </c>
      <c r="I9" s="191">
        <v>32207</v>
      </c>
      <c r="J9" s="191">
        <v>38488</v>
      </c>
      <c r="K9" s="191">
        <v>29628</v>
      </c>
      <c r="L9" s="194">
        <v>141942</v>
      </c>
      <c r="M9" s="195">
        <v>141942</v>
      </c>
      <c r="N9" s="190">
        <v>0</v>
      </c>
      <c r="O9" s="191">
        <v>4</v>
      </c>
      <c r="P9" s="196">
        <v>4</v>
      </c>
      <c r="Q9" s="193">
        <v>0</v>
      </c>
      <c r="R9" s="191">
        <v>6</v>
      </c>
      <c r="S9" s="191">
        <v>81</v>
      </c>
      <c r="T9" s="191">
        <v>224</v>
      </c>
      <c r="U9" s="191">
        <v>726</v>
      </c>
      <c r="V9" s="191">
        <v>1153</v>
      </c>
      <c r="W9" s="196">
        <v>2190</v>
      </c>
      <c r="X9" s="195">
        <v>2194</v>
      </c>
      <c r="Y9" s="190">
        <v>649</v>
      </c>
      <c r="Z9" s="191">
        <v>3218</v>
      </c>
      <c r="AA9" s="196">
        <v>3867</v>
      </c>
      <c r="AB9" s="193">
        <v>0</v>
      </c>
      <c r="AC9" s="191">
        <v>5903</v>
      </c>
      <c r="AD9" s="191">
        <v>12311</v>
      </c>
      <c r="AE9" s="191">
        <v>8949</v>
      </c>
      <c r="AF9" s="191">
        <v>7072</v>
      </c>
      <c r="AG9" s="191">
        <v>5171</v>
      </c>
      <c r="AH9" s="196">
        <v>39406</v>
      </c>
      <c r="AI9" s="195">
        <v>43273</v>
      </c>
      <c r="AJ9" s="190">
        <v>64</v>
      </c>
      <c r="AK9" s="191">
        <v>448</v>
      </c>
      <c r="AL9" s="196">
        <v>512</v>
      </c>
      <c r="AM9" s="193">
        <v>0</v>
      </c>
      <c r="AN9" s="191">
        <v>300</v>
      </c>
      <c r="AO9" s="191">
        <v>985</v>
      </c>
      <c r="AP9" s="191">
        <v>629</v>
      </c>
      <c r="AQ9" s="191">
        <v>578</v>
      </c>
      <c r="AR9" s="191">
        <v>212</v>
      </c>
      <c r="AS9" s="196">
        <v>2704</v>
      </c>
      <c r="AT9" s="195">
        <v>3216</v>
      </c>
      <c r="AU9" s="190">
        <v>0</v>
      </c>
      <c r="AV9" s="191">
        <v>0</v>
      </c>
      <c r="AW9" s="196">
        <v>0</v>
      </c>
      <c r="AX9" s="193">
        <v>0</v>
      </c>
      <c r="AY9" s="191">
        <v>14179</v>
      </c>
      <c r="AZ9" s="191">
        <v>18076</v>
      </c>
      <c r="BA9" s="191">
        <v>12678</v>
      </c>
      <c r="BB9" s="191">
        <v>6322</v>
      </c>
      <c r="BC9" s="191">
        <v>3112</v>
      </c>
      <c r="BD9" s="194">
        <v>54367</v>
      </c>
      <c r="BE9" s="195">
        <v>54367</v>
      </c>
      <c r="BF9" s="190">
        <v>0</v>
      </c>
      <c r="BG9" s="191">
        <v>0</v>
      </c>
      <c r="BH9" s="196">
        <v>0</v>
      </c>
      <c r="BI9" s="193">
        <v>0</v>
      </c>
      <c r="BJ9" s="191">
        <v>1011</v>
      </c>
      <c r="BK9" s="191">
        <v>2995</v>
      </c>
      <c r="BL9" s="191">
        <v>1820</v>
      </c>
      <c r="BM9" s="191">
        <v>986</v>
      </c>
      <c r="BN9" s="191">
        <v>397</v>
      </c>
      <c r="BO9" s="196">
        <v>7209</v>
      </c>
      <c r="BP9" s="195">
        <v>7209</v>
      </c>
      <c r="BQ9" s="190">
        <v>12</v>
      </c>
      <c r="BR9" s="191">
        <v>43</v>
      </c>
      <c r="BS9" s="196">
        <v>55</v>
      </c>
      <c r="BT9" s="193">
        <v>0</v>
      </c>
      <c r="BU9" s="191">
        <v>944</v>
      </c>
      <c r="BV9" s="191">
        <v>2768</v>
      </c>
      <c r="BW9" s="191">
        <v>5024</v>
      </c>
      <c r="BX9" s="191">
        <v>4269</v>
      </c>
      <c r="BY9" s="191">
        <v>1862</v>
      </c>
      <c r="BZ9" s="196">
        <v>14867</v>
      </c>
      <c r="CA9" s="195">
        <v>14922</v>
      </c>
      <c r="CB9" s="190">
        <v>0</v>
      </c>
      <c r="CC9" s="191">
        <v>2</v>
      </c>
      <c r="CD9" s="196">
        <v>2</v>
      </c>
      <c r="CE9" s="193">
        <v>0</v>
      </c>
      <c r="CF9" s="191">
        <v>38</v>
      </c>
      <c r="CG9" s="191">
        <v>37</v>
      </c>
      <c r="CH9" s="191">
        <v>73</v>
      </c>
      <c r="CI9" s="191">
        <v>74</v>
      </c>
      <c r="CJ9" s="191">
        <v>39</v>
      </c>
      <c r="CK9" s="196">
        <v>261</v>
      </c>
      <c r="CL9" s="195">
        <v>263</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7566</v>
      </c>
      <c r="H10" s="191">
        <v>19242</v>
      </c>
      <c r="I10" s="191">
        <v>19795</v>
      </c>
      <c r="J10" s="191">
        <v>29973</v>
      </c>
      <c r="K10" s="191">
        <v>20274</v>
      </c>
      <c r="L10" s="194">
        <v>106850</v>
      </c>
      <c r="M10" s="195">
        <v>106850</v>
      </c>
      <c r="N10" s="190">
        <v>0</v>
      </c>
      <c r="O10" s="191">
        <v>0</v>
      </c>
      <c r="P10" s="196">
        <v>0</v>
      </c>
      <c r="Q10" s="193">
        <v>0</v>
      </c>
      <c r="R10" s="191">
        <v>43</v>
      </c>
      <c r="S10" s="191">
        <v>170</v>
      </c>
      <c r="T10" s="191">
        <v>224</v>
      </c>
      <c r="U10" s="191">
        <v>733</v>
      </c>
      <c r="V10" s="191">
        <v>1001</v>
      </c>
      <c r="W10" s="196">
        <v>2171</v>
      </c>
      <c r="X10" s="195">
        <v>2171</v>
      </c>
      <c r="Y10" s="190">
        <v>207</v>
      </c>
      <c r="Z10" s="191">
        <v>329</v>
      </c>
      <c r="AA10" s="196">
        <v>536</v>
      </c>
      <c r="AB10" s="193">
        <v>0</v>
      </c>
      <c r="AC10" s="191">
        <v>4895</v>
      </c>
      <c r="AD10" s="191">
        <v>4945</v>
      </c>
      <c r="AE10" s="191">
        <v>2925</v>
      </c>
      <c r="AF10" s="191">
        <v>3349</v>
      </c>
      <c r="AG10" s="191">
        <v>3125</v>
      </c>
      <c r="AH10" s="196">
        <v>19239</v>
      </c>
      <c r="AI10" s="195">
        <v>19775</v>
      </c>
      <c r="AJ10" s="190">
        <v>36</v>
      </c>
      <c r="AK10" s="191">
        <v>78</v>
      </c>
      <c r="AL10" s="196">
        <v>114</v>
      </c>
      <c r="AM10" s="193">
        <v>0</v>
      </c>
      <c r="AN10" s="191">
        <v>921</v>
      </c>
      <c r="AO10" s="191">
        <v>1057</v>
      </c>
      <c r="AP10" s="191">
        <v>620</v>
      </c>
      <c r="AQ10" s="191">
        <v>698</v>
      </c>
      <c r="AR10" s="191">
        <v>338</v>
      </c>
      <c r="AS10" s="196">
        <v>3634</v>
      </c>
      <c r="AT10" s="195">
        <v>3748</v>
      </c>
      <c r="AU10" s="190">
        <v>0</v>
      </c>
      <c r="AV10" s="191">
        <v>0</v>
      </c>
      <c r="AW10" s="196">
        <v>0</v>
      </c>
      <c r="AX10" s="193">
        <v>0</v>
      </c>
      <c r="AY10" s="191">
        <v>14668</v>
      </c>
      <c r="AZ10" s="191">
        <v>9973</v>
      </c>
      <c r="BA10" s="191">
        <v>5174</v>
      </c>
      <c r="BB10" s="191">
        <v>2844</v>
      </c>
      <c r="BC10" s="191">
        <v>1377</v>
      </c>
      <c r="BD10" s="194">
        <v>34036</v>
      </c>
      <c r="BE10" s="195">
        <v>34036</v>
      </c>
      <c r="BF10" s="190">
        <v>0</v>
      </c>
      <c r="BG10" s="191">
        <v>0</v>
      </c>
      <c r="BH10" s="196">
        <v>0</v>
      </c>
      <c r="BI10" s="193">
        <v>0</v>
      </c>
      <c r="BJ10" s="191">
        <v>2080</v>
      </c>
      <c r="BK10" s="191">
        <v>1769</v>
      </c>
      <c r="BL10" s="191">
        <v>968</v>
      </c>
      <c r="BM10" s="191">
        <v>524</v>
      </c>
      <c r="BN10" s="191">
        <v>175</v>
      </c>
      <c r="BO10" s="196">
        <v>5516</v>
      </c>
      <c r="BP10" s="195">
        <v>5516</v>
      </c>
      <c r="BQ10" s="190">
        <v>2</v>
      </c>
      <c r="BR10" s="191">
        <v>5</v>
      </c>
      <c r="BS10" s="196">
        <v>7</v>
      </c>
      <c r="BT10" s="193">
        <v>0</v>
      </c>
      <c r="BU10" s="191">
        <v>1709</v>
      </c>
      <c r="BV10" s="191">
        <v>2516</v>
      </c>
      <c r="BW10" s="191">
        <v>2987</v>
      </c>
      <c r="BX10" s="191">
        <v>2440</v>
      </c>
      <c r="BY10" s="191">
        <v>1063</v>
      </c>
      <c r="BZ10" s="196">
        <v>10715</v>
      </c>
      <c r="CA10" s="195">
        <v>10722</v>
      </c>
      <c r="CB10" s="190">
        <v>0</v>
      </c>
      <c r="CC10" s="191">
        <v>0</v>
      </c>
      <c r="CD10" s="196">
        <v>0</v>
      </c>
      <c r="CE10" s="193">
        <v>0</v>
      </c>
      <c r="CF10" s="191">
        <v>110</v>
      </c>
      <c r="CG10" s="191">
        <v>111</v>
      </c>
      <c r="CH10" s="191">
        <v>175</v>
      </c>
      <c r="CI10" s="191">
        <v>114</v>
      </c>
      <c r="CJ10" s="191">
        <v>68</v>
      </c>
      <c r="CK10" s="196">
        <v>578</v>
      </c>
      <c r="CL10" s="195">
        <v>578</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6033</v>
      </c>
      <c r="H11" s="191">
        <v>12283</v>
      </c>
      <c r="I11" s="191">
        <v>15623</v>
      </c>
      <c r="J11" s="191">
        <v>18008</v>
      </c>
      <c r="K11" s="191">
        <v>17041</v>
      </c>
      <c r="L11" s="194">
        <v>68988</v>
      </c>
      <c r="M11" s="195">
        <v>68988</v>
      </c>
      <c r="N11" s="190">
        <v>0</v>
      </c>
      <c r="O11" s="191">
        <v>0</v>
      </c>
      <c r="P11" s="196">
        <v>0</v>
      </c>
      <c r="Q11" s="193">
        <v>0</v>
      </c>
      <c r="R11" s="191">
        <v>16</v>
      </c>
      <c r="S11" s="191">
        <v>76</v>
      </c>
      <c r="T11" s="191">
        <v>130</v>
      </c>
      <c r="U11" s="191">
        <v>245</v>
      </c>
      <c r="V11" s="191">
        <v>473</v>
      </c>
      <c r="W11" s="196">
        <v>940</v>
      </c>
      <c r="X11" s="195">
        <v>940</v>
      </c>
      <c r="Y11" s="190">
        <v>241</v>
      </c>
      <c r="Z11" s="191">
        <v>497</v>
      </c>
      <c r="AA11" s="196">
        <v>738</v>
      </c>
      <c r="AB11" s="193">
        <v>0</v>
      </c>
      <c r="AC11" s="191">
        <v>1784</v>
      </c>
      <c r="AD11" s="191">
        <v>2511</v>
      </c>
      <c r="AE11" s="191">
        <v>1986</v>
      </c>
      <c r="AF11" s="191">
        <v>1745</v>
      </c>
      <c r="AG11" s="191">
        <v>1670</v>
      </c>
      <c r="AH11" s="196">
        <v>9696</v>
      </c>
      <c r="AI11" s="195">
        <v>10434</v>
      </c>
      <c r="AJ11" s="190">
        <v>92</v>
      </c>
      <c r="AK11" s="191">
        <v>287</v>
      </c>
      <c r="AL11" s="196">
        <v>379</v>
      </c>
      <c r="AM11" s="193">
        <v>0</v>
      </c>
      <c r="AN11" s="191">
        <v>942</v>
      </c>
      <c r="AO11" s="191">
        <v>1171</v>
      </c>
      <c r="AP11" s="191">
        <v>569</v>
      </c>
      <c r="AQ11" s="191">
        <v>584</v>
      </c>
      <c r="AR11" s="191">
        <v>378</v>
      </c>
      <c r="AS11" s="196">
        <v>3644</v>
      </c>
      <c r="AT11" s="195">
        <v>4023</v>
      </c>
      <c r="AU11" s="190">
        <v>0</v>
      </c>
      <c r="AV11" s="191">
        <v>0</v>
      </c>
      <c r="AW11" s="196">
        <v>0</v>
      </c>
      <c r="AX11" s="193">
        <v>0</v>
      </c>
      <c r="AY11" s="191">
        <v>5280</v>
      </c>
      <c r="AZ11" s="191">
        <v>6348</v>
      </c>
      <c r="BA11" s="191">
        <v>4141</v>
      </c>
      <c r="BB11" s="191">
        <v>2511</v>
      </c>
      <c r="BC11" s="191">
        <v>1308</v>
      </c>
      <c r="BD11" s="194">
        <v>19588</v>
      </c>
      <c r="BE11" s="195">
        <v>19588</v>
      </c>
      <c r="BF11" s="190">
        <v>0</v>
      </c>
      <c r="BG11" s="191">
        <v>0</v>
      </c>
      <c r="BH11" s="196">
        <v>0</v>
      </c>
      <c r="BI11" s="193">
        <v>0</v>
      </c>
      <c r="BJ11" s="191">
        <v>1071</v>
      </c>
      <c r="BK11" s="191">
        <v>1169</v>
      </c>
      <c r="BL11" s="191">
        <v>769</v>
      </c>
      <c r="BM11" s="191">
        <v>476</v>
      </c>
      <c r="BN11" s="191">
        <v>149</v>
      </c>
      <c r="BO11" s="196">
        <v>3634</v>
      </c>
      <c r="BP11" s="195">
        <v>3634</v>
      </c>
      <c r="BQ11" s="190">
        <v>26</v>
      </c>
      <c r="BR11" s="191">
        <v>68</v>
      </c>
      <c r="BS11" s="196">
        <v>94</v>
      </c>
      <c r="BT11" s="193">
        <v>0</v>
      </c>
      <c r="BU11" s="191">
        <v>583</v>
      </c>
      <c r="BV11" s="191">
        <v>1096</v>
      </c>
      <c r="BW11" s="191">
        <v>2689</v>
      </c>
      <c r="BX11" s="191">
        <v>1904</v>
      </c>
      <c r="BY11" s="191">
        <v>736</v>
      </c>
      <c r="BZ11" s="196">
        <v>7008</v>
      </c>
      <c r="CA11" s="195">
        <v>7102</v>
      </c>
      <c r="CB11" s="190">
        <v>0</v>
      </c>
      <c r="CC11" s="191">
        <v>0</v>
      </c>
      <c r="CD11" s="196">
        <v>0</v>
      </c>
      <c r="CE11" s="193">
        <v>0</v>
      </c>
      <c r="CF11" s="191">
        <v>13</v>
      </c>
      <c r="CG11" s="191">
        <v>94</v>
      </c>
      <c r="CH11" s="191">
        <v>38</v>
      </c>
      <c r="CI11" s="191">
        <v>23</v>
      </c>
      <c r="CJ11" s="191">
        <v>11</v>
      </c>
      <c r="CK11" s="196">
        <v>179</v>
      </c>
      <c r="CL11" s="195">
        <v>179</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822</v>
      </c>
      <c r="H12" s="191">
        <v>7737</v>
      </c>
      <c r="I12" s="191">
        <v>11637</v>
      </c>
      <c r="J12" s="191">
        <v>16062</v>
      </c>
      <c r="K12" s="191">
        <v>14769</v>
      </c>
      <c r="L12" s="194">
        <v>57027</v>
      </c>
      <c r="M12" s="195">
        <v>57027</v>
      </c>
      <c r="N12" s="190">
        <v>0</v>
      </c>
      <c r="O12" s="191">
        <v>0</v>
      </c>
      <c r="P12" s="196">
        <v>0</v>
      </c>
      <c r="Q12" s="193">
        <v>0</v>
      </c>
      <c r="R12" s="191">
        <v>5</v>
      </c>
      <c r="S12" s="191">
        <v>33</v>
      </c>
      <c r="T12" s="191">
        <v>89</v>
      </c>
      <c r="U12" s="191">
        <v>242</v>
      </c>
      <c r="V12" s="191">
        <v>459</v>
      </c>
      <c r="W12" s="196">
        <v>828</v>
      </c>
      <c r="X12" s="195">
        <v>828</v>
      </c>
      <c r="Y12" s="190">
        <v>396</v>
      </c>
      <c r="Z12" s="191">
        <v>610</v>
      </c>
      <c r="AA12" s="196">
        <v>1006</v>
      </c>
      <c r="AB12" s="193">
        <v>0</v>
      </c>
      <c r="AC12" s="191">
        <v>3324</v>
      </c>
      <c r="AD12" s="191">
        <v>3220</v>
      </c>
      <c r="AE12" s="191">
        <v>2416</v>
      </c>
      <c r="AF12" s="191">
        <v>2382</v>
      </c>
      <c r="AG12" s="191">
        <v>2288</v>
      </c>
      <c r="AH12" s="196">
        <v>13630</v>
      </c>
      <c r="AI12" s="195">
        <v>14636</v>
      </c>
      <c r="AJ12" s="190">
        <v>60</v>
      </c>
      <c r="AK12" s="191">
        <v>131</v>
      </c>
      <c r="AL12" s="196">
        <v>191</v>
      </c>
      <c r="AM12" s="193">
        <v>0</v>
      </c>
      <c r="AN12" s="191">
        <v>408</v>
      </c>
      <c r="AO12" s="191">
        <v>500</v>
      </c>
      <c r="AP12" s="191">
        <v>429</v>
      </c>
      <c r="AQ12" s="191">
        <v>349</v>
      </c>
      <c r="AR12" s="191">
        <v>199</v>
      </c>
      <c r="AS12" s="196">
        <v>1885</v>
      </c>
      <c r="AT12" s="195">
        <v>2076</v>
      </c>
      <c r="AU12" s="190">
        <v>0</v>
      </c>
      <c r="AV12" s="191">
        <v>0</v>
      </c>
      <c r="AW12" s="196">
        <v>0</v>
      </c>
      <c r="AX12" s="193">
        <v>0</v>
      </c>
      <c r="AY12" s="191">
        <v>4313</v>
      </c>
      <c r="AZ12" s="191">
        <v>3340</v>
      </c>
      <c r="BA12" s="191">
        <v>2532</v>
      </c>
      <c r="BB12" s="191">
        <v>1624</v>
      </c>
      <c r="BC12" s="191">
        <v>564</v>
      </c>
      <c r="BD12" s="194">
        <v>12373</v>
      </c>
      <c r="BE12" s="195">
        <v>12373</v>
      </c>
      <c r="BF12" s="190">
        <v>0</v>
      </c>
      <c r="BG12" s="191">
        <v>0</v>
      </c>
      <c r="BH12" s="196">
        <v>0</v>
      </c>
      <c r="BI12" s="193">
        <v>0</v>
      </c>
      <c r="BJ12" s="191">
        <v>863</v>
      </c>
      <c r="BK12" s="191">
        <v>910</v>
      </c>
      <c r="BL12" s="191">
        <v>573</v>
      </c>
      <c r="BM12" s="191">
        <v>524</v>
      </c>
      <c r="BN12" s="191">
        <v>128</v>
      </c>
      <c r="BO12" s="196">
        <v>2998</v>
      </c>
      <c r="BP12" s="195">
        <v>2998</v>
      </c>
      <c r="BQ12" s="190">
        <v>15</v>
      </c>
      <c r="BR12" s="191">
        <v>28</v>
      </c>
      <c r="BS12" s="196">
        <v>43</v>
      </c>
      <c r="BT12" s="193">
        <v>0</v>
      </c>
      <c r="BU12" s="191">
        <v>668</v>
      </c>
      <c r="BV12" s="191">
        <v>846</v>
      </c>
      <c r="BW12" s="191">
        <v>1597</v>
      </c>
      <c r="BX12" s="191">
        <v>1277</v>
      </c>
      <c r="BY12" s="191">
        <v>734</v>
      </c>
      <c r="BZ12" s="196">
        <v>5122</v>
      </c>
      <c r="CA12" s="195">
        <v>5165</v>
      </c>
      <c r="CB12" s="190">
        <v>0</v>
      </c>
      <c r="CC12" s="191">
        <v>3</v>
      </c>
      <c r="CD12" s="196">
        <v>3</v>
      </c>
      <c r="CE12" s="193">
        <v>0</v>
      </c>
      <c r="CF12" s="191">
        <v>26</v>
      </c>
      <c r="CG12" s="191">
        <v>94</v>
      </c>
      <c r="CH12" s="191">
        <v>217</v>
      </c>
      <c r="CI12" s="191">
        <v>161</v>
      </c>
      <c r="CJ12" s="191">
        <v>69</v>
      </c>
      <c r="CK12" s="196">
        <v>567</v>
      </c>
      <c r="CL12" s="195">
        <v>57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6387</v>
      </c>
      <c r="H13" s="191">
        <v>17112</v>
      </c>
      <c r="I13" s="191">
        <v>23559</v>
      </c>
      <c r="J13" s="191">
        <v>29573</v>
      </c>
      <c r="K13" s="191">
        <v>24153</v>
      </c>
      <c r="L13" s="194">
        <v>110784</v>
      </c>
      <c r="M13" s="195">
        <v>110784</v>
      </c>
      <c r="N13" s="190">
        <v>0</v>
      </c>
      <c r="O13" s="191">
        <v>4</v>
      </c>
      <c r="P13" s="196">
        <v>4</v>
      </c>
      <c r="Q13" s="193">
        <v>0</v>
      </c>
      <c r="R13" s="191">
        <v>32</v>
      </c>
      <c r="S13" s="191">
        <v>133</v>
      </c>
      <c r="T13" s="191">
        <v>164</v>
      </c>
      <c r="U13" s="191">
        <v>425</v>
      </c>
      <c r="V13" s="191">
        <v>826</v>
      </c>
      <c r="W13" s="196">
        <v>1580</v>
      </c>
      <c r="X13" s="195">
        <v>1584</v>
      </c>
      <c r="Y13" s="190">
        <v>1038</v>
      </c>
      <c r="Z13" s="191">
        <v>2268</v>
      </c>
      <c r="AA13" s="196">
        <v>3306</v>
      </c>
      <c r="AB13" s="193">
        <v>0</v>
      </c>
      <c r="AC13" s="191">
        <v>7860</v>
      </c>
      <c r="AD13" s="191">
        <v>6179</v>
      </c>
      <c r="AE13" s="191">
        <v>3266</v>
      </c>
      <c r="AF13" s="191">
        <v>3643</v>
      </c>
      <c r="AG13" s="191">
        <v>3242</v>
      </c>
      <c r="AH13" s="196">
        <v>24190</v>
      </c>
      <c r="AI13" s="195">
        <v>27496</v>
      </c>
      <c r="AJ13" s="190">
        <v>198</v>
      </c>
      <c r="AK13" s="191">
        <v>367</v>
      </c>
      <c r="AL13" s="196">
        <v>565</v>
      </c>
      <c r="AM13" s="193">
        <v>0</v>
      </c>
      <c r="AN13" s="191">
        <v>714</v>
      </c>
      <c r="AO13" s="191">
        <v>776</v>
      </c>
      <c r="AP13" s="191">
        <v>574</v>
      </c>
      <c r="AQ13" s="191">
        <v>259</v>
      </c>
      <c r="AR13" s="191">
        <v>327</v>
      </c>
      <c r="AS13" s="196">
        <v>2650</v>
      </c>
      <c r="AT13" s="195">
        <v>3215</v>
      </c>
      <c r="AU13" s="190">
        <v>0</v>
      </c>
      <c r="AV13" s="191">
        <v>0</v>
      </c>
      <c r="AW13" s="196">
        <v>0</v>
      </c>
      <c r="AX13" s="193">
        <v>0</v>
      </c>
      <c r="AY13" s="191">
        <v>14325</v>
      </c>
      <c r="AZ13" s="191">
        <v>8234</v>
      </c>
      <c r="BA13" s="191">
        <v>5391</v>
      </c>
      <c r="BB13" s="191">
        <v>2991</v>
      </c>
      <c r="BC13" s="191">
        <v>1351</v>
      </c>
      <c r="BD13" s="194">
        <v>32292</v>
      </c>
      <c r="BE13" s="195">
        <v>32292</v>
      </c>
      <c r="BF13" s="190">
        <v>0</v>
      </c>
      <c r="BG13" s="191">
        <v>0</v>
      </c>
      <c r="BH13" s="196">
        <v>0</v>
      </c>
      <c r="BI13" s="193">
        <v>0</v>
      </c>
      <c r="BJ13" s="191">
        <v>1869</v>
      </c>
      <c r="BK13" s="191">
        <v>1399</v>
      </c>
      <c r="BL13" s="191">
        <v>656</v>
      </c>
      <c r="BM13" s="191">
        <v>481</v>
      </c>
      <c r="BN13" s="191">
        <v>184</v>
      </c>
      <c r="BO13" s="196">
        <v>4589</v>
      </c>
      <c r="BP13" s="195">
        <v>4589</v>
      </c>
      <c r="BQ13" s="190">
        <v>28</v>
      </c>
      <c r="BR13" s="191">
        <v>103</v>
      </c>
      <c r="BS13" s="196">
        <v>131</v>
      </c>
      <c r="BT13" s="193">
        <v>0</v>
      </c>
      <c r="BU13" s="191">
        <v>1374</v>
      </c>
      <c r="BV13" s="191">
        <v>1577</v>
      </c>
      <c r="BW13" s="191">
        <v>2548</v>
      </c>
      <c r="BX13" s="191">
        <v>1750</v>
      </c>
      <c r="BY13" s="191">
        <v>887</v>
      </c>
      <c r="BZ13" s="196">
        <v>8136</v>
      </c>
      <c r="CA13" s="195">
        <v>8267</v>
      </c>
      <c r="CB13" s="190">
        <v>0</v>
      </c>
      <c r="CC13" s="191">
        <v>0</v>
      </c>
      <c r="CD13" s="196">
        <v>0</v>
      </c>
      <c r="CE13" s="193">
        <v>0</v>
      </c>
      <c r="CF13" s="191">
        <v>50</v>
      </c>
      <c r="CG13" s="191">
        <v>90</v>
      </c>
      <c r="CH13" s="191">
        <v>73</v>
      </c>
      <c r="CI13" s="191">
        <v>156</v>
      </c>
      <c r="CJ13" s="191">
        <v>27</v>
      </c>
      <c r="CK13" s="196">
        <v>396</v>
      </c>
      <c r="CL13" s="195">
        <v>396</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539</v>
      </c>
      <c r="H14" s="191">
        <v>6990</v>
      </c>
      <c r="I14" s="191">
        <v>8968</v>
      </c>
      <c r="J14" s="191">
        <v>10643</v>
      </c>
      <c r="K14" s="191">
        <v>10712</v>
      </c>
      <c r="L14" s="194">
        <v>42852</v>
      </c>
      <c r="M14" s="195">
        <v>42852</v>
      </c>
      <c r="N14" s="190">
        <v>0</v>
      </c>
      <c r="O14" s="191">
        <v>0</v>
      </c>
      <c r="P14" s="196">
        <v>0</v>
      </c>
      <c r="Q14" s="193">
        <v>0</v>
      </c>
      <c r="R14" s="191">
        <v>11</v>
      </c>
      <c r="S14" s="191">
        <v>48</v>
      </c>
      <c r="T14" s="191">
        <v>81</v>
      </c>
      <c r="U14" s="191">
        <v>345</v>
      </c>
      <c r="V14" s="191">
        <v>329</v>
      </c>
      <c r="W14" s="196">
        <v>814</v>
      </c>
      <c r="X14" s="195">
        <v>814</v>
      </c>
      <c r="Y14" s="190">
        <v>224</v>
      </c>
      <c r="Z14" s="191">
        <v>544</v>
      </c>
      <c r="AA14" s="196">
        <v>768</v>
      </c>
      <c r="AB14" s="193">
        <v>0</v>
      </c>
      <c r="AC14" s="191">
        <v>3011</v>
      </c>
      <c r="AD14" s="191">
        <v>2125</v>
      </c>
      <c r="AE14" s="191">
        <v>1874</v>
      </c>
      <c r="AF14" s="191">
        <v>2496</v>
      </c>
      <c r="AG14" s="191">
        <v>1560</v>
      </c>
      <c r="AH14" s="196">
        <v>11066</v>
      </c>
      <c r="AI14" s="195">
        <v>11834</v>
      </c>
      <c r="AJ14" s="190">
        <v>38</v>
      </c>
      <c r="AK14" s="191">
        <v>79</v>
      </c>
      <c r="AL14" s="196">
        <v>117</v>
      </c>
      <c r="AM14" s="193">
        <v>0</v>
      </c>
      <c r="AN14" s="191">
        <v>355</v>
      </c>
      <c r="AO14" s="191">
        <v>362</v>
      </c>
      <c r="AP14" s="191">
        <v>303</v>
      </c>
      <c r="AQ14" s="191">
        <v>373</v>
      </c>
      <c r="AR14" s="191">
        <v>75</v>
      </c>
      <c r="AS14" s="196">
        <v>1468</v>
      </c>
      <c r="AT14" s="195">
        <v>1585</v>
      </c>
      <c r="AU14" s="190">
        <v>0</v>
      </c>
      <c r="AV14" s="191">
        <v>0</v>
      </c>
      <c r="AW14" s="196">
        <v>0</v>
      </c>
      <c r="AX14" s="193">
        <v>0</v>
      </c>
      <c r="AY14" s="191">
        <v>5982</v>
      </c>
      <c r="AZ14" s="191">
        <v>4064</v>
      </c>
      <c r="BA14" s="191">
        <v>3205</v>
      </c>
      <c r="BB14" s="191">
        <v>2222</v>
      </c>
      <c r="BC14" s="191">
        <v>839</v>
      </c>
      <c r="BD14" s="194">
        <v>16312</v>
      </c>
      <c r="BE14" s="195">
        <v>16312</v>
      </c>
      <c r="BF14" s="190">
        <v>0</v>
      </c>
      <c r="BG14" s="191">
        <v>0</v>
      </c>
      <c r="BH14" s="196">
        <v>0</v>
      </c>
      <c r="BI14" s="193">
        <v>0</v>
      </c>
      <c r="BJ14" s="191">
        <v>1496</v>
      </c>
      <c r="BK14" s="191">
        <v>1045</v>
      </c>
      <c r="BL14" s="191">
        <v>689</v>
      </c>
      <c r="BM14" s="191">
        <v>547</v>
      </c>
      <c r="BN14" s="191">
        <v>157</v>
      </c>
      <c r="BO14" s="196">
        <v>3934</v>
      </c>
      <c r="BP14" s="195">
        <v>3934</v>
      </c>
      <c r="BQ14" s="190">
        <v>33</v>
      </c>
      <c r="BR14" s="191">
        <v>55</v>
      </c>
      <c r="BS14" s="196">
        <v>88</v>
      </c>
      <c r="BT14" s="193">
        <v>0</v>
      </c>
      <c r="BU14" s="191">
        <v>630</v>
      </c>
      <c r="BV14" s="191">
        <v>606</v>
      </c>
      <c r="BW14" s="191">
        <v>1386</v>
      </c>
      <c r="BX14" s="191">
        <v>937</v>
      </c>
      <c r="BY14" s="191">
        <v>509</v>
      </c>
      <c r="BZ14" s="196">
        <v>4068</v>
      </c>
      <c r="CA14" s="195">
        <v>4156</v>
      </c>
      <c r="CB14" s="190">
        <v>0</v>
      </c>
      <c r="CC14" s="191">
        <v>8</v>
      </c>
      <c r="CD14" s="196">
        <v>8</v>
      </c>
      <c r="CE14" s="193">
        <v>0</v>
      </c>
      <c r="CF14" s="191">
        <v>42</v>
      </c>
      <c r="CG14" s="191">
        <v>22</v>
      </c>
      <c r="CH14" s="191">
        <v>92</v>
      </c>
      <c r="CI14" s="191">
        <v>38</v>
      </c>
      <c r="CJ14" s="191">
        <v>69</v>
      </c>
      <c r="CK14" s="196">
        <v>263</v>
      </c>
      <c r="CL14" s="195">
        <v>271</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6295</v>
      </c>
      <c r="H15" s="191">
        <v>8773</v>
      </c>
      <c r="I15" s="191">
        <v>10527</v>
      </c>
      <c r="J15" s="191">
        <v>15528</v>
      </c>
      <c r="K15" s="191">
        <v>13615</v>
      </c>
      <c r="L15" s="194">
        <v>54738</v>
      </c>
      <c r="M15" s="195">
        <v>54738</v>
      </c>
      <c r="N15" s="190">
        <v>0</v>
      </c>
      <c r="O15" s="191">
        <v>15</v>
      </c>
      <c r="P15" s="196">
        <v>15</v>
      </c>
      <c r="Q15" s="193">
        <v>0</v>
      </c>
      <c r="R15" s="191">
        <v>16</v>
      </c>
      <c r="S15" s="191">
        <v>74</v>
      </c>
      <c r="T15" s="191">
        <v>78</v>
      </c>
      <c r="U15" s="191">
        <v>365</v>
      </c>
      <c r="V15" s="191">
        <v>363</v>
      </c>
      <c r="W15" s="196">
        <v>896</v>
      </c>
      <c r="X15" s="195">
        <v>911</v>
      </c>
      <c r="Y15" s="190">
        <v>616</v>
      </c>
      <c r="Z15" s="191">
        <v>2110</v>
      </c>
      <c r="AA15" s="196">
        <v>2726</v>
      </c>
      <c r="AB15" s="193">
        <v>0</v>
      </c>
      <c r="AC15" s="191">
        <v>2164</v>
      </c>
      <c r="AD15" s="191">
        <v>3626</v>
      </c>
      <c r="AE15" s="191">
        <v>1807</v>
      </c>
      <c r="AF15" s="191">
        <v>2070</v>
      </c>
      <c r="AG15" s="191">
        <v>1886</v>
      </c>
      <c r="AH15" s="196">
        <v>11553</v>
      </c>
      <c r="AI15" s="195">
        <v>14279</v>
      </c>
      <c r="AJ15" s="190">
        <v>60</v>
      </c>
      <c r="AK15" s="191">
        <v>277</v>
      </c>
      <c r="AL15" s="196">
        <v>337</v>
      </c>
      <c r="AM15" s="193">
        <v>0</v>
      </c>
      <c r="AN15" s="191">
        <v>148</v>
      </c>
      <c r="AO15" s="191">
        <v>572</v>
      </c>
      <c r="AP15" s="191">
        <v>328</v>
      </c>
      <c r="AQ15" s="191">
        <v>194</v>
      </c>
      <c r="AR15" s="191">
        <v>100</v>
      </c>
      <c r="AS15" s="196">
        <v>1342</v>
      </c>
      <c r="AT15" s="195">
        <v>1679</v>
      </c>
      <c r="AU15" s="190">
        <v>0</v>
      </c>
      <c r="AV15" s="191">
        <v>0</v>
      </c>
      <c r="AW15" s="196">
        <v>0</v>
      </c>
      <c r="AX15" s="193">
        <v>0</v>
      </c>
      <c r="AY15" s="191">
        <v>6038</v>
      </c>
      <c r="AZ15" s="191">
        <v>4714</v>
      </c>
      <c r="BA15" s="191">
        <v>3353</v>
      </c>
      <c r="BB15" s="191">
        <v>2397</v>
      </c>
      <c r="BC15" s="191">
        <v>1102</v>
      </c>
      <c r="BD15" s="194">
        <v>17604</v>
      </c>
      <c r="BE15" s="195">
        <v>17604</v>
      </c>
      <c r="BF15" s="190">
        <v>0</v>
      </c>
      <c r="BG15" s="191">
        <v>0</v>
      </c>
      <c r="BH15" s="196">
        <v>0</v>
      </c>
      <c r="BI15" s="193">
        <v>0</v>
      </c>
      <c r="BJ15" s="191">
        <v>887</v>
      </c>
      <c r="BK15" s="191">
        <v>1400</v>
      </c>
      <c r="BL15" s="191">
        <v>965</v>
      </c>
      <c r="BM15" s="191">
        <v>497</v>
      </c>
      <c r="BN15" s="191">
        <v>190</v>
      </c>
      <c r="BO15" s="196">
        <v>3939</v>
      </c>
      <c r="BP15" s="195">
        <v>3939</v>
      </c>
      <c r="BQ15" s="190">
        <v>62</v>
      </c>
      <c r="BR15" s="191">
        <v>50</v>
      </c>
      <c r="BS15" s="196">
        <v>112</v>
      </c>
      <c r="BT15" s="193">
        <v>0</v>
      </c>
      <c r="BU15" s="191">
        <v>613</v>
      </c>
      <c r="BV15" s="191">
        <v>793</v>
      </c>
      <c r="BW15" s="191">
        <v>1422</v>
      </c>
      <c r="BX15" s="191">
        <v>1179</v>
      </c>
      <c r="BY15" s="191">
        <v>675</v>
      </c>
      <c r="BZ15" s="196">
        <v>4682</v>
      </c>
      <c r="CA15" s="195">
        <v>4794</v>
      </c>
      <c r="CB15" s="190">
        <v>0</v>
      </c>
      <c r="CC15" s="191">
        <v>0</v>
      </c>
      <c r="CD15" s="196">
        <v>0</v>
      </c>
      <c r="CE15" s="193">
        <v>0</v>
      </c>
      <c r="CF15" s="191">
        <v>23</v>
      </c>
      <c r="CG15" s="191">
        <v>23</v>
      </c>
      <c r="CH15" s="191">
        <v>14</v>
      </c>
      <c r="CI15" s="191">
        <v>55</v>
      </c>
      <c r="CJ15" s="191">
        <v>22</v>
      </c>
      <c r="CK15" s="196">
        <v>137</v>
      </c>
      <c r="CL15" s="195">
        <v>137</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250</v>
      </c>
      <c r="H16" s="191">
        <v>3767</v>
      </c>
      <c r="I16" s="191">
        <v>3946</v>
      </c>
      <c r="J16" s="191">
        <v>4557</v>
      </c>
      <c r="K16" s="191">
        <v>6107</v>
      </c>
      <c r="L16" s="194">
        <v>20627</v>
      </c>
      <c r="M16" s="195">
        <v>20627</v>
      </c>
      <c r="N16" s="190">
        <v>0</v>
      </c>
      <c r="O16" s="191">
        <v>0</v>
      </c>
      <c r="P16" s="196">
        <v>0</v>
      </c>
      <c r="Q16" s="193">
        <v>0</v>
      </c>
      <c r="R16" s="191">
        <v>4</v>
      </c>
      <c r="S16" s="191">
        <v>10</v>
      </c>
      <c r="T16" s="191">
        <v>8</v>
      </c>
      <c r="U16" s="191">
        <v>73</v>
      </c>
      <c r="V16" s="191">
        <v>192</v>
      </c>
      <c r="W16" s="196">
        <v>287</v>
      </c>
      <c r="X16" s="195">
        <v>287</v>
      </c>
      <c r="Y16" s="190">
        <v>64</v>
      </c>
      <c r="Z16" s="191">
        <v>188</v>
      </c>
      <c r="AA16" s="196">
        <v>252</v>
      </c>
      <c r="AB16" s="193">
        <v>0</v>
      </c>
      <c r="AC16" s="191">
        <v>914</v>
      </c>
      <c r="AD16" s="191">
        <v>1730</v>
      </c>
      <c r="AE16" s="191">
        <v>931</v>
      </c>
      <c r="AF16" s="191">
        <v>714</v>
      </c>
      <c r="AG16" s="191">
        <v>636</v>
      </c>
      <c r="AH16" s="196">
        <v>4925</v>
      </c>
      <c r="AI16" s="195">
        <v>5177</v>
      </c>
      <c r="AJ16" s="190">
        <v>6</v>
      </c>
      <c r="AK16" s="191">
        <v>33</v>
      </c>
      <c r="AL16" s="196">
        <v>39</v>
      </c>
      <c r="AM16" s="193">
        <v>0</v>
      </c>
      <c r="AN16" s="191">
        <v>180</v>
      </c>
      <c r="AO16" s="191">
        <v>186</v>
      </c>
      <c r="AP16" s="191">
        <v>157</v>
      </c>
      <c r="AQ16" s="191">
        <v>48</v>
      </c>
      <c r="AR16" s="191">
        <v>121</v>
      </c>
      <c r="AS16" s="196">
        <v>692</v>
      </c>
      <c r="AT16" s="195">
        <v>731</v>
      </c>
      <c r="AU16" s="190">
        <v>0</v>
      </c>
      <c r="AV16" s="191">
        <v>0</v>
      </c>
      <c r="AW16" s="196">
        <v>0</v>
      </c>
      <c r="AX16" s="193">
        <v>0</v>
      </c>
      <c r="AY16" s="191">
        <v>1348</v>
      </c>
      <c r="AZ16" s="191">
        <v>1830</v>
      </c>
      <c r="BA16" s="191">
        <v>1027</v>
      </c>
      <c r="BB16" s="191">
        <v>550</v>
      </c>
      <c r="BC16" s="191">
        <v>332</v>
      </c>
      <c r="BD16" s="194">
        <v>5087</v>
      </c>
      <c r="BE16" s="195">
        <v>5087</v>
      </c>
      <c r="BF16" s="190">
        <v>0</v>
      </c>
      <c r="BG16" s="191">
        <v>0</v>
      </c>
      <c r="BH16" s="196">
        <v>0</v>
      </c>
      <c r="BI16" s="193">
        <v>0</v>
      </c>
      <c r="BJ16" s="191">
        <v>220</v>
      </c>
      <c r="BK16" s="191">
        <v>244</v>
      </c>
      <c r="BL16" s="191">
        <v>177</v>
      </c>
      <c r="BM16" s="191">
        <v>150</v>
      </c>
      <c r="BN16" s="191">
        <v>111</v>
      </c>
      <c r="BO16" s="196">
        <v>902</v>
      </c>
      <c r="BP16" s="195">
        <v>902</v>
      </c>
      <c r="BQ16" s="190">
        <v>0</v>
      </c>
      <c r="BR16" s="191">
        <v>4</v>
      </c>
      <c r="BS16" s="196">
        <v>4</v>
      </c>
      <c r="BT16" s="193">
        <v>0</v>
      </c>
      <c r="BU16" s="191">
        <v>119</v>
      </c>
      <c r="BV16" s="191">
        <v>176</v>
      </c>
      <c r="BW16" s="191">
        <v>461</v>
      </c>
      <c r="BX16" s="191">
        <v>421</v>
      </c>
      <c r="BY16" s="191">
        <v>363</v>
      </c>
      <c r="BZ16" s="196">
        <v>1540</v>
      </c>
      <c r="CA16" s="195">
        <v>1544</v>
      </c>
      <c r="CB16" s="190">
        <v>0</v>
      </c>
      <c r="CC16" s="191">
        <v>0</v>
      </c>
      <c r="CD16" s="196">
        <v>0</v>
      </c>
      <c r="CE16" s="193">
        <v>0</v>
      </c>
      <c r="CF16" s="191">
        <v>6</v>
      </c>
      <c r="CG16" s="191">
        <v>31</v>
      </c>
      <c r="CH16" s="191">
        <v>22</v>
      </c>
      <c r="CI16" s="191">
        <v>63</v>
      </c>
      <c r="CJ16" s="191">
        <v>13</v>
      </c>
      <c r="CK16" s="196">
        <v>135</v>
      </c>
      <c r="CL16" s="195">
        <v>135</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993</v>
      </c>
      <c r="H17" s="191">
        <v>2338</v>
      </c>
      <c r="I17" s="191">
        <v>2359</v>
      </c>
      <c r="J17" s="191">
        <v>2643</v>
      </c>
      <c r="K17" s="191">
        <v>2522</v>
      </c>
      <c r="L17" s="194">
        <v>10855</v>
      </c>
      <c r="M17" s="195">
        <v>10855</v>
      </c>
      <c r="N17" s="190">
        <v>0</v>
      </c>
      <c r="O17" s="191">
        <v>0</v>
      </c>
      <c r="P17" s="196">
        <v>0</v>
      </c>
      <c r="Q17" s="193">
        <v>0</v>
      </c>
      <c r="R17" s="191">
        <v>0</v>
      </c>
      <c r="S17" s="191">
        <v>18</v>
      </c>
      <c r="T17" s="191">
        <v>34</v>
      </c>
      <c r="U17" s="191">
        <v>67</v>
      </c>
      <c r="V17" s="191">
        <v>98</v>
      </c>
      <c r="W17" s="196">
        <v>217</v>
      </c>
      <c r="X17" s="195">
        <v>217</v>
      </c>
      <c r="Y17" s="190">
        <v>36</v>
      </c>
      <c r="Z17" s="191">
        <v>136</v>
      </c>
      <c r="AA17" s="196">
        <v>172</v>
      </c>
      <c r="AB17" s="193">
        <v>0</v>
      </c>
      <c r="AC17" s="191">
        <v>433</v>
      </c>
      <c r="AD17" s="191">
        <v>624</v>
      </c>
      <c r="AE17" s="191">
        <v>404</v>
      </c>
      <c r="AF17" s="191">
        <v>334</v>
      </c>
      <c r="AG17" s="191">
        <v>445</v>
      </c>
      <c r="AH17" s="196">
        <v>2240</v>
      </c>
      <c r="AI17" s="195">
        <v>2412</v>
      </c>
      <c r="AJ17" s="190">
        <v>0</v>
      </c>
      <c r="AK17" s="191">
        <v>24</v>
      </c>
      <c r="AL17" s="196">
        <v>24</v>
      </c>
      <c r="AM17" s="193">
        <v>0</v>
      </c>
      <c r="AN17" s="191">
        <v>87</v>
      </c>
      <c r="AO17" s="191">
        <v>170</v>
      </c>
      <c r="AP17" s="191">
        <v>63</v>
      </c>
      <c r="AQ17" s="191">
        <v>37</v>
      </c>
      <c r="AR17" s="191">
        <v>46</v>
      </c>
      <c r="AS17" s="196">
        <v>403</v>
      </c>
      <c r="AT17" s="195">
        <v>427</v>
      </c>
      <c r="AU17" s="190">
        <v>0</v>
      </c>
      <c r="AV17" s="191">
        <v>0</v>
      </c>
      <c r="AW17" s="196">
        <v>0</v>
      </c>
      <c r="AX17" s="193">
        <v>0</v>
      </c>
      <c r="AY17" s="191">
        <v>1071</v>
      </c>
      <c r="AZ17" s="191">
        <v>1077</v>
      </c>
      <c r="BA17" s="191">
        <v>703</v>
      </c>
      <c r="BB17" s="191">
        <v>287</v>
      </c>
      <c r="BC17" s="191">
        <v>95</v>
      </c>
      <c r="BD17" s="194">
        <v>3233</v>
      </c>
      <c r="BE17" s="195">
        <v>3233</v>
      </c>
      <c r="BF17" s="190">
        <v>0</v>
      </c>
      <c r="BG17" s="191">
        <v>0</v>
      </c>
      <c r="BH17" s="196">
        <v>0</v>
      </c>
      <c r="BI17" s="193">
        <v>0</v>
      </c>
      <c r="BJ17" s="191">
        <v>227</v>
      </c>
      <c r="BK17" s="191">
        <v>253</v>
      </c>
      <c r="BL17" s="191">
        <v>165</v>
      </c>
      <c r="BM17" s="191">
        <v>108</v>
      </c>
      <c r="BN17" s="191">
        <v>41</v>
      </c>
      <c r="BO17" s="196">
        <v>794</v>
      </c>
      <c r="BP17" s="195">
        <v>794</v>
      </c>
      <c r="BQ17" s="190">
        <v>0</v>
      </c>
      <c r="BR17" s="191">
        <v>11</v>
      </c>
      <c r="BS17" s="196">
        <v>11</v>
      </c>
      <c r="BT17" s="193">
        <v>0</v>
      </c>
      <c r="BU17" s="191">
        <v>145</v>
      </c>
      <c r="BV17" s="191">
        <v>214</v>
      </c>
      <c r="BW17" s="191">
        <v>901</v>
      </c>
      <c r="BX17" s="191">
        <v>603</v>
      </c>
      <c r="BY17" s="191">
        <v>237</v>
      </c>
      <c r="BZ17" s="196">
        <v>2100</v>
      </c>
      <c r="CA17" s="195">
        <v>2111</v>
      </c>
      <c r="CB17" s="190">
        <v>0</v>
      </c>
      <c r="CC17" s="191">
        <v>0</v>
      </c>
      <c r="CD17" s="196">
        <v>0</v>
      </c>
      <c r="CE17" s="193">
        <v>0</v>
      </c>
      <c r="CF17" s="191">
        <v>28</v>
      </c>
      <c r="CG17" s="191">
        <v>34</v>
      </c>
      <c r="CH17" s="191">
        <v>24</v>
      </c>
      <c r="CI17" s="191">
        <v>24</v>
      </c>
      <c r="CJ17" s="191">
        <v>0</v>
      </c>
      <c r="CK17" s="196">
        <v>110</v>
      </c>
      <c r="CL17" s="195">
        <v>11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1870</v>
      </c>
      <c r="H18" s="191">
        <v>4170</v>
      </c>
      <c r="I18" s="191">
        <v>4029</v>
      </c>
      <c r="J18" s="191">
        <v>5974</v>
      </c>
      <c r="K18" s="191">
        <v>4421</v>
      </c>
      <c r="L18" s="194">
        <v>20464</v>
      </c>
      <c r="M18" s="195">
        <v>20464</v>
      </c>
      <c r="N18" s="190">
        <v>0</v>
      </c>
      <c r="O18" s="191">
        <v>0</v>
      </c>
      <c r="P18" s="196">
        <v>0</v>
      </c>
      <c r="Q18" s="193">
        <v>0</v>
      </c>
      <c r="R18" s="191">
        <v>4</v>
      </c>
      <c r="S18" s="191">
        <v>34</v>
      </c>
      <c r="T18" s="191">
        <v>46</v>
      </c>
      <c r="U18" s="191">
        <v>117</v>
      </c>
      <c r="V18" s="191">
        <v>211</v>
      </c>
      <c r="W18" s="196">
        <v>412</v>
      </c>
      <c r="X18" s="195">
        <v>412</v>
      </c>
      <c r="Y18" s="190">
        <v>94</v>
      </c>
      <c r="Z18" s="191">
        <v>282</v>
      </c>
      <c r="AA18" s="196">
        <v>376</v>
      </c>
      <c r="AB18" s="193">
        <v>0</v>
      </c>
      <c r="AC18" s="191">
        <v>1206</v>
      </c>
      <c r="AD18" s="191">
        <v>2808</v>
      </c>
      <c r="AE18" s="191">
        <v>1622</v>
      </c>
      <c r="AF18" s="191">
        <v>1521</v>
      </c>
      <c r="AG18" s="191">
        <v>829</v>
      </c>
      <c r="AH18" s="196">
        <v>7986</v>
      </c>
      <c r="AI18" s="195">
        <v>8362</v>
      </c>
      <c r="AJ18" s="190">
        <v>65</v>
      </c>
      <c r="AK18" s="191">
        <v>107</v>
      </c>
      <c r="AL18" s="196">
        <v>172</v>
      </c>
      <c r="AM18" s="193">
        <v>0</v>
      </c>
      <c r="AN18" s="191">
        <v>98</v>
      </c>
      <c r="AO18" s="191">
        <v>558</v>
      </c>
      <c r="AP18" s="191">
        <v>153</v>
      </c>
      <c r="AQ18" s="191">
        <v>87</v>
      </c>
      <c r="AR18" s="191">
        <v>156</v>
      </c>
      <c r="AS18" s="196">
        <v>1052</v>
      </c>
      <c r="AT18" s="195">
        <v>1224</v>
      </c>
      <c r="AU18" s="190">
        <v>0</v>
      </c>
      <c r="AV18" s="191">
        <v>0</v>
      </c>
      <c r="AW18" s="196">
        <v>0</v>
      </c>
      <c r="AX18" s="193">
        <v>0</v>
      </c>
      <c r="AY18" s="191">
        <v>2957</v>
      </c>
      <c r="AZ18" s="191">
        <v>4408</v>
      </c>
      <c r="BA18" s="191">
        <v>2943</v>
      </c>
      <c r="BB18" s="191">
        <v>1927</v>
      </c>
      <c r="BC18" s="191">
        <v>1077</v>
      </c>
      <c r="BD18" s="194">
        <v>13312</v>
      </c>
      <c r="BE18" s="195">
        <v>13312</v>
      </c>
      <c r="BF18" s="190">
        <v>0</v>
      </c>
      <c r="BG18" s="191">
        <v>0</v>
      </c>
      <c r="BH18" s="196">
        <v>0</v>
      </c>
      <c r="BI18" s="193">
        <v>0</v>
      </c>
      <c r="BJ18" s="191">
        <v>1378</v>
      </c>
      <c r="BK18" s="191">
        <v>2215</v>
      </c>
      <c r="BL18" s="191">
        <v>799</v>
      </c>
      <c r="BM18" s="191">
        <v>455</v>
      </c>
      <c r="BN18" s="191">
        <v>188</v>
      </c>
      <c r="BO18" s="196">
        <v>5035</v>
      </c>
      <c r="BP18" s="195">
        <v>5035</v>
      </c>
      <c r="BQ18" s="190">
        <v>4</v>
      </c>
      <c r="BR18" s="191">
        <v>18</v>
      </c>
      <c r="BS18" s="196">
        <v>22</v>
      </c>
      <c r="BT18" s="193">
        <v>0</v>
      </c>
      <c r="BU18" s="191">
        <v>333</v>
      </c>
      <c r="BV18" s="191">
        <v>572</v>
      </c>
      <c r="BW18" s="191">
        <v>643</v>
      </c>
      <c r="BX18" s="191">
        <v>617</v>
      </c>
      <c r="BY18" s="191">
        <v>288</v>
      </c>
      <c r="BZ18" s="196">
        <v>2453</v>
      </c>
      <c r="CA18" s="195">
        <v>2475</v>
      </c>
      <c r="CB18" s="190">
        <v>0</v>
      </c>
      <c r="CC18" s="191">
        <v>0</v>
      </c>
      <c r="CD18" s="196">
        <v>0</v>
      </c>
      <c r="CE18" s="193">
        <v>0</v>
      </c>
      <c r="CF18" s="191">
        <v>8</v>
      </c>
      <c r="CG18" s="191">
        <v>23</v>
      </c>
      <c r="CH18" s="191">
        <v>52</v>
      </c>
      <c r="CI18" s="191">
        <v>10</v>
      </c>
      <c r="CJ18" s="191">
        <v>5</v>
      </c>
      <c r="CK18" s="196">
        <v>98</v>
      </c>
      <c r="CL18" s="195">
        <v>98</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591</v>
      </c>
      <c r="H19" s="191">
        <v>6408</v>
      </c>
      <c r="I19" s="191">
        <v>9932</v>
      </c>
      <c r="J19" s="191">
        <v>12520</v>
      </c>
      <c r="K19" s="191">
        <v>9906</v>
      </c>
      <c r="L19" s="194">
        <v>41357</v>
      </c>
      <c r="M19" s="195">
        <v>41357</v>
      </c>
      <c r="N19" s="190">
        <v>0</v>
      </c>
      <c r="O19" s="191">
        <v>4</v>
      </c>
      <c r="P19" s="196">
        <v>4</v>
      </c>
      <c r="Q19" s="193">
        <v>0</v>
      </c>
      <c r="R19" s="191">
        <v>1</v>
      </c>
      <c r="S19" s="191">
        <v>20</v>
      </c>
      <c r="T19" s="191">
        <v>54</v>
      </c>
      <c r="U19" s="191">
        <v>223</v>
      </c>
      <c r="V19" s="191">
        <v>385</v>
      </c>
      <c r="W19" s="196">
        <v>683</v>
      </c>
      <c r="X19" s="195">
        <v>687</v>
      </c>
      <c r="Y19" s="190">
        <v>182</v>
      </c>
      <c r="Z19" s="191">
        <v>637</v>
      </c>
      <c r="AA19" s="196">
        <v>819</v>
      </c>
      <c r="AB19" s="193">
        <v>0</v>
      </c>
      <c r="AC19" s="191">
        <v>1341</v>
      </c>
      <c r="AD19" s="191">
        <v>2946</v>
      </c>
      <c r="AE19" s="191">
        <v>2062</v>
      </c>
      <c r="AF19" s="191">
        <v>1887</v>
      </c>
      <c r="AG19" s="191">
        <v>1427</v>
      </c>
      <c r="AH19" s="196">
        <v>9663</v>
      </c>
      <c r="AI19" s="195">
        <v>10482</v>
      </c>
      <c r="AJ19" s="190">
        <v>40</v>
      </c>
      <c r="AK19" s="191">
        <v>118</v>
      </c>
      <c r="AL19" s="196">
        <v>158</v>
      </c>
      <c r="AM19" s="193">
        <v>0</v>
      </c>
      <c r="AN19" s="191">
        <v>121</v>
      </c>
      <c r="AO19" s="191">
        <v>540</v>
      </c>
      <c r="AP19" s="191">
        <v>330</v>
      </c>
      <c r="AQ19" s="191">
        <v>211</v>
      </c>
      <c r="AR19" s="191">
        <v>294</v>
      </c>
      <c r="AS19" s="196">
        <v>1496</v>
      </c>
      <c r="AT19" s="195">
        <v>1654</v>
      </c>
      <c r="AU19" s="190">
        <v>0</v>
      </c>
      <c r="AV19" s="191">
        <v>0</v>
      </c>
      <c r="AW19" s="196">
        <v>0</v>
      </c>
      <c r="AX19" s="193">
        <v>0</v>
      </c>
      <c r="AY19" s="191">
        <v>2911</v>
      </c>
      <c r="AZ19" s="191">
        <v>5383</v>
      </c>
      <c r="BA19" s="191">
        <v>3708</v>
      </c>
      <c r="BB19" s="191">
        <v>2173</v>
      </c>
      <c r="BC19" s="191">
        <v>1259</v>
      </c>
      <c r="BD19" s="194">
        <v>15434</v>
      </c>
      <c r="BE19" s="195">
        <v>15434</v>
      </c>
      <c r="BF19" s="190">
        <v>0</v>
      </c>
      <c r="BG19" s="191">
        <v>0</v>
      </c>
      <c r="BH19" s="196">
        <v>0</v>
      </c>
      <c r="BI19" s="193">
        <v>0</v>
      </c>
      <c r="BJ19" s="191">
        <v>441</v>
      </c>
      <c r="BK19" s="191">
        <v>1592</v>
      </c>
      <c r="BL19" s="191">
        <v>925</v>
      </c>
      <c r="BM19" s="191">
        <v>445</v>
      </c>
      <c r="BN19" s="191">
        <v>173</v>
      </c>
      <c r="BO19" s="196">
        <v>3576</v>
      </c>
      <c r="BP19" s="195">
        <v>3576</v>
      </c>
      <c r="BQ19" s="190">
        <v>3</v>
      </c>
      <c r="BR19" s="191">
        <v>9</v>
      </c>
      <c r="BS19" s="196">
        <v>12</v>
      </c>
      <c r="BT19" s="193">
        <v>0</v>
      </c>
      <c r="BU19" s="191">
        <v>224</v>
      </c>
      <c r="BV19" s="191">
        <v>848</v>
      </c>
      <c r="BW19" s="191">
        <v>1016</v>
      </c>
      <c r="BX19" s="191">
        <v>1236</v>
      </c>
      <c r="BY19" s="191">
        <v>340</v>
      </c>
      <c r="BZ19" s="196">
        <v>3664</v>
      </c>
      <c r="CA19" s="195">
        <v>3676</v>
      </c>
      <c r="CB19" s="190">
        <v>0</v>
      </c>
      <c r="CC19" s="191">
        <v>0</v>
      </c>
      <c r="CD19" s="196">
        <v>0</v>
      </c>
      <c r="CE19" s="193">
        <v>0</v>
      </c>
      <c r="CF19" s="191">
        <v>39</v>
      </c>
      <c r="CG19" s="191">
        <v>112</v>
      </c>
      <c r="CH19" s="191">
        <v>90</v>
      </c>
      <c r="CI19" s="191">
        <v>99</v>
      </c>
      <c r="CJ19" s="191">
        <v>59</v>
      </c>
      <c r="CK19" s="196">
        <v>399</v>
      </c>
      <c r="CL19" s="195">
        <v>399</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5985</v>
      </c>
      <c r="H20" s="191">
        <v>8947</v>
      </c>
      <c r="I20" s="191">
        <v>10017</v>
      </c>
      <c r="J20" s="191">
        <v>14328</v>
      </c>
      <c r="K20" s="191">
        <v>13611</v>
      </c>
      <c r="L20" s="194">
        <v>52888</v>
      </c>
      <c r="M20" s="195">
        <v>52888</v>
      </c>
      <c r="N20" s="190">
        <v>0</v>
      </c>
      <c r="O20" s="191">
        <v>0</v>
      </c>
      <c r="P20" s="196">
        <v>0</v>
      </c>
      <c r="Q20" s="193">
        <v>0</v>
      </c>
      <c r="R20" s="191">
        <v>8</v>
      </c>
      <c r="S20" s="191">
        <v>35</v>
      </c>
      <c r="T20" s="191">
        <v>84</v>
      </c>
      <c r="U20" s="191">
        <v>190</v>
      </c>
      <c r="V20" s="191">
        <v>439</v>
      </c>
      <c r="W20" s="196">
        <v>756</v>
      </c>
      <c r="X20" s="195">
        <v>756</v>
      </c>
      <c r="Y20" s="190">
        <v>291</v>
      </c>
      <c r="Z20" s="191">
        <v>926</v>
      </c>
      <c r="AA20" s="196">
        <v>1217</v>
      </c>
      <c r="AB20" s="193">
        <v>0</v>
      </c>
      <c r="AC20" s="191">
        <v>2896</v>
      </c>
      <c r="AD20" s="191">
        <v>3762</v>
      </c>
      <c r="AE20" s="191">
        <v>2358</v>
      </c>
      <c r="AF20" s="191">
        <v>1938</v>
      </c>
      <c r="AG20" s="191">
        <v>1712</v>
      </c>
      <c r="AH20" s="196">
        <v>12666</v>
      </c>
      <c r="AI20" s="195">
        <v>13883</v>
      </c>
      <c r="AJ20" s="190">
        <v>90</v>
      </c>
      <c r="AK20" s="191">
        <v>170</v>
      </c>
      <c r="AL20" s="196">
        <v>260</v>
      </c>
      <c r="AM20" s="193">
        <v>0</v>
      </c>
      <c r="AN20" s="191">
        <v>518</v>
      </c>
      <c r="AO20" s="191">
        <v>902</v>
      </c>
      <c r="AP20" s="191">
        <v>509</v>
      </c>
      <c r="AQ20" s="191">
        <v>303</v>
      </c>
      <c r="AR20" s="191">
        <v>207</v>
      </c>
      <c r="AS20" s="196">
        <v>2439</v>
      </c>
      <c r="AT20" s="195">
        <v>2699</v>
      </c>
      <c r="AU20" s="190">
        <v>0</v>
      </c>
      <c r="AV20" s="191">
        <v>0</v>
      </c>
      <c r="AW20" s="196">
        <v>0</v>
      </c>
      <c r="AX20" s="193">
        <v>0</v>
      </c>
      <c r="AY20" s="191">
        <v>6224</v>
      </c>
      <c r="AZ20" s="191">
        <v>6014</v>
      </c>
      <c r="BA20" s="191">
        <v>4291</v>
      </c>
      <c r="BB20" s="191">
        <v>2404</v>
      </c>
      <c r="BC20" s="191">
        <v>1122</v>
      </c>
      <c r="BD20" s="194">
        <v>20055</v>
      </c>
      <c r="BE20" s="195">
        <v>20055</v>
      </c>
      <c r="BF20" s="190">
        <v>0</v>
      </c>
      <c r="BG20" s="191">
        <v>0</v>
      </c>
      <c r="BH20" s="196">
        <v>0</v>
      </c>
      <c r="BI20" s="193">
        <v>0</v>
      </c>
      <c r="BJ20" s="191">
        <v>1256</v>
      </c>
      <c r="BK20" s="191">
        <v>1645</v>
      </c>
      <c r="BL20" s="191">
        <v>948</v>
      </c>
      <c r="BM20" s="191">
        <v>499</v>
      </c>
      <c r="BN20" s="191">
        <v>197</v>
      </c>
      <c r="BO20" s="196">
        <v>4545</v>
      </c>
      <c r="BP20" s="195">
        <v>4545</v>
      </c>
      <c r="BQ20" s="190">
        <v>0</v>
      </c>
      <c r="BR20" s="191">
        <v>29</v>
      </c>
      <c r="BS20" s="196">
        <v>29</v>
      </c>
      <c r="BT20" s="193">
        <v>0</v>
      </c>
      <c r="BU20" s="191">
        <v>435</v>
      </c>
      <c r="BV20" s="191">
        <v>811</v>
      </c>
      <c r="BW20" s="191">
        <v>1632</v>
      </c>
      <c r="BX20" s="191">
        <v>1601</v>
      </c>
      <c r="BY20" s="191">
        <v>652</v>
      </c>
      <c r="BZ20" s="196">
        <v>5131</v>
      </c>
      <c r="CA20" s="195">
        <v>5160</v>
      </c>
      <c r="CB20" s="190">
        <v>0</v>
      </c>
      <c r="CC20" s="191">
        <v>0</v>
      </c>
      <c r="CD20" s="196">
        <v>0</v>
      </c>
      <c r="CE20" s="193">
        <v>0</v>
      </c>
      <c r="CF20" s="191">
        <v>6</v>
      </c>
      <c r="CG20" s="191">
        <v>39</v>
      </c>
      <c r="CH20" s="191">
        <v>33</v>
      </c>
      <c r="CI20" s="191">
        <v>21</v>
      </c>
      <c r="CJ20" s="191">
        <v>7</v>
      </c>
      <c r="CK20" s="196">
        <v>106</v>
      </c>
      <c r="CL20" s="195">
        <v>106</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241</v>
      </c>
      <c r="H21" s="191">
        <v>2919</v>
      </c>
      <c r="I21" s="191">
        <v>3211</v>
      </c>
      <c r="J21" s="191">
        <v>3184</v>
      </c>
      <c r="K21" s="191">
        <v>2955</v>
      </c>
      <c r="L21" s="194">
        <v>14510</v>
      </c>
      <c r="M21" s="195">
        <v>14510</v>
      </c>
      <c r="N21" s="190">
        <v>0</v>
      </c>
      <c r="O21" s="191">
        <v>0</v>
      </c>
      <c r="P21" s="196">
        <v>0</v>
      </c>
      <c r="Q21" s="193">
        <v>0</v>
      </c>
      <c r="R21" s="191">
        <v>12</v>
      </c>
      <c r="S21" s="191">
        <v>20</v>
      </c>
      <c r="T21" s="191">
        <v>41</v>
      </c>
      <c r="U21" s="191">
        <v>73</v>
      </c>
      <c r="V21" s="191">
        <v>113</v>
      </c>
      <c r="W21" s="196">
        <v>259</v>
      </c>
      <c r="X21" s="195">
        <v>259</v>
      </c>
      <c r="Y21" s="190">
        <v>186</v>
      </c>
      <c r="Z21" s="191">
        <v>260</v>
      </c>
      <c r="AA21" s="196">
        <v>446</v>
      </c>
      <c r="AB21" s="193">
        <v>0</v>
      </c>
      <c r="AC21" s="191">
        <v>1593</v>
      </c>
      <c r="AD21" s="191">
        <v>1256</v>
      </c>
      <c r="AE21" s="191">
        <v>1181</v>
      </c>
      <c r="AF21" s="191">
        <v>761</v>
      </c>
      <c r="AG21" s="191">
        <v>613</v>
      </c>
      <c r="AH21" s="196">
        <v>5404</v>
      </c>
      <c r="AI21" s="195">
        <v>5850</v>
      </c>
      <c r="AJ21" s="190">
        <v>20</v>
      </c>
      <c r="AK21" s="191">
        <v>53</v>
      </c>
      <c r="AL21" s="196">
        <v>73</v>
      </c>
      <c r="AM21" s="193">
        <v>0</v>
      </c>
      <c r="AN21" s="191">
        <v>206</v>
      </c>
      <c r="AO21" s="191">
        <v>111</v>
      </c>
      <c r="AP21" s="191">
        <v>90</v>
      </c>
      <c r="AQ21" s="191">
        <v>136</v>
      </c>
      <c r="AR21" s="191">
        <v>39</v>
      </c>
      <c r="AS21" s="196">
        <v>582</v>
      </c>
      <c r="AT21" s="195">
        <v>655</v>
      </c>
      <c r="AU21" s="190">
        <v>0</v>
      </c>
      <c r="AV21" s="191">
        <v>0</v>
      </c>
      <c r="AW21" s="196">
        <v>0</v>
      </c>
      <c r="AX21" s="193">
        <v>0</v>
      </c>
      <c r="AY21" s="191">
        <v>2361</v>
      </c>
      <c r="AZ21" s="191">
        <v>2455</v>
      </c>
      <c r="BA21" s="191">
        <v>1314</v>
      </c>
      <c r="BB21" s="191">
        <v>648</v>
      </c>
      <c r="BC21" s="191">
        <v>461</v>
      </c>
      <c r="BD21" s="194">
        <v>7239</v>
      </c>
      <c r="BE21" s="195">
        <v>7239</v>
      </c>
      <c r="BF21" s="190">
        <v>0</v>
      </c>
      <c r="BG21" s="191">
        <v>0</v>
      </c>
      <c r="BH21" s="196">
        <v>0</v>
      </c>
      <c r="BI21" s="193">
        <v>0</v>
      </c>
      <c r="BJ21" s="191">
        <v>748</v>
      </c>
      <c r="BK21" s="191">
        <v>673</v>
      </c>
      <c r="BL21" s="191">
        <v>514</v>
      </c>
      <c r="BM21" s="191">
        <v>243</v>
      </c>
      <c r="BN21" s="191">
        <v>93</v>
      </c>
      <c r="BO21" s="196">
        <v>2271</v>
      </c>
      <c r="BP21" s="195">
        <v>2271</v>
      </c>
      <c r="BQ21" s="190">
        <v>0</v>
      </c>
      <c r="BR21" s="191">
        <v>10</v>
      </c>
      <c r="BS21" s="196">
        <v>10</v>
      </c>
      <c r="BT21" s="193">
        <v>0</v>
      </c>
      <c r="BU21" s="191">
        <v>175</v>
      </c>
      <c r="BV21" s="191">
        <v>379</v>
      </c>
      <c r="BW21" s="191">
        <v>409</v>
      </c>
      <c r="BX21" s="191">
        <v>362</v>
      </c>
      <c r="BY21" s="191">
        <v>91</v>
      </c>
      <c r="BZ21" s="196">
        <v>1416</v>
      </c>
      <c r="CA21" s="195">
        <v>1426</v>
      </c>
      <c r="CB21" s="190">
        <v>0</v>
      </c>
      <c r="CC21" s="191">
        <v>3</v>
      </c>
      <c r="CD21" s="196">
        <v>3</v>
      </c>
      <c r="CE21" s="193">
        <v>0</v>
      </c>
      <c r="CF21" s="191">
        <v>14</v>
      </c>
      <c r="CG21" s="191">
        <v>11</v>
      </c>
      <c r="CH21" s="191">
        <v>20</v>
      </c>
      <c r="CI21" s="191">
        <v>49</v>
      </c>
      <c r="CJ21" s="191">
        <v>8</v>
      </c>
      <c r="CK21" s="196">
        <v>102</v>
      </c>
      <c r="CL21" s="195">
        <v>105</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944</v>
      </c>
      <c r="H22" s="191">
        <v>3589</v>
      </c>
      <c r="I22" s="191">
        <v>5642</v>
      </c>
      <c r="J22" s="191">
        <v>5157</v>
      </c>
      <c r="K22" s="191">
        <v>5882</v>
      </c>
      <c r="L22" s="194">
        <v>24214</v>
      </c>
      <c r="M22" s="195">
        <v>24214</v>
      </c>
      <c r="N22" s="190">
        <v>0</v>
      </c>
      <c r="O22" s="191">
        <v>0</v>
      </c>
      <c r="P22" s="196">
        <v>0</v>
      </c>
      <c r="Q22" s="193">
        <v>0</v>
      </c>
      <c r="R22" s="191">
        <v>15</v>
      </c>
      <c r="S22" s="191">
        <v>17</v>
      </c>
      <c r="T22" s="191">
        <v>66</v>
      </c>
      <c r="U22" s="191">
        <v>97</v>
      </c>
      <c r="V22" s="191">
        <v>178</v>
      </c>
      <c r="W22" s="196">
        <v>373</v>
      </c>
      <c r="X22" s="195">
        <v>373</v>
      </c>
      <c r="Y22" s="190">
        <v>271</v>
      </c>
      <c r="Z22" s="191">
        <v>691</v>
      </c>
      <c r="AA22" s="196">
        <v>962</v>
      </c>
      <c r="AB22" s="193">
        <v>0</v>
      </c>
      <c r="AC22" s="191">
        <v>2305</v>
      </c>
      <c r="AD22" s="191">
        <v>2205</v>
      </c>
      <c r="AE22" s="191">
        <v>1365</v>
      </c>
      <c r="AF22" s="191">
        <v>1060</v>
      </c>
      <c r="AG22" s="191">
        <v>615</v>
      </c>
      <c r="AH22" s="196">
        <v>7550</v>
      </c>
      <c r="AI22" s="195">
        <v>8512</v>
      </c>
      <c r="AJ22" s="190">
        <v>96</v>
      </c>
      <c r="AK22" s="191">
        <v>457</v>
      </c>
      <c r="AL22" s="196">
        <v>553</v>
      </c>
      <c r="AM22" s="193">
        <v>0</v>
      </c>
      <c r="AN22" s="191">
        <v>694</v>
      </c>
      <c r="AO22" s="191">
        <v>703</v>
      </c>
      <c r="AP22" s="191">
        <v>593</v>
      </c>
      <c r="AQ22" s="191">
        <v>355</v>
      </c>
      <c r="AR22" s="191">
        <v>185</v>
      </c>
      <c r="AS22" s="196">
        <v>2530</v>
      </c>
      <c r="AT22" s="195">
        <v>3083</v>
      </c>
      <c r="AU22" s="190">
        <v>0</v>
      </c>
      <c r="AV22" s="191">
        <v>0</v>
      </c>
      <c r="AW22" s="196">
        <v>0</v>
      </c>
      <c r="AX22" s="193">
        <v>0</v>
      </c>
      <c r="AY22" s="191">
        <v>3031</v>
      </c>
      <c r="AZ22" s="191">
        <v>2630</v>
      </c>
      <c r="BA22" s="191">
        <v>1616</v>
      </c>
      <c r="BB22" s="191">
        <v>931</v>
      </c>
      <c r="BC22" s="191">
        <v>293</v>
      </c>
      <c r="BD22" s="194">
        <v>8501</v>
      </c>
      <c r="BE22" s="195">
        <v>8501</v>
      </c>
      <c r="BF22" s="190">
        <v>0</v>
      </c>
      <c r="BG22" s="191">
        <v>0</v>
      </c>
      <c r="BH22" s="196">
        <v>0</v>
      </c>
      <c r="BI22" s="193">
        <v>0</v>
      </c>
      <c r="BJ22" s="191">
        <v>884</v>
      </c>
      <c r="BK22" s="191">
        <v>759</v>
      </c>
      <c r="BL22" s="191">
        <v>380</v>
      </c>
      <c r="BM22" s="191">
        <v>303</v>
      </c>
      <c r="BN22" s="191">
        <v>112</v>
      </c>
      <c r="BO22" s="196">
        <v>2438</v>
      </c>
      <c r="BP22" s="195">
        <v>2438</v>
      </c>
      <c r="BQ22" s="190">
        <v>0</v>
      </c>
      <c r="BR22" s="191">
        <v>10</v>
      </c>
      <c r="BS22" s="196">
        <v>10</v>
      </c>
      <c r="BT22" s="193">
        <v>0</v>
      </c>
      <c r="BU22" s="191">
        <v>367</v>
      </c>
      <c r="BV22" s="191">
        <v>569</v>
      </c>
      <c r="BW22" s="191">
        <v>1167</v>
      </c>
      <c r="BX22" s="191">
        <v>705</v>
      </c>
      <c r="BY22" s="191">
        <v>324</v>
      </c>
      <c r="BZ22" s="196">
        <v>3132</v>
      </c>
      <c r="CA22" s="195">
        <v>3142</v>
      </c>
      <c r="CB22" s="190">
        <v>0</v>
      </c>
      <c r="CC22" s="191">
        <v>0</v>
      </c>
      <c r="CD22" s="196">
        <v>0</v>
      </c>
      <c r="CE22" s="193">
        <v>0</v>
      </c>
      <c r="CF22" s="191">
        <v>0</v>
      </c>
      <c r="CG22" s="191">
        <v>19</v>
      </c>
      <c r="CH22" s="191">
        <v>49</v>
      </c>
      <c r="CI22" s="191">
        <v>57</v>
      </c>
      <c r="CJ22" s="191">
        <v>37</v>
      </c>
      <c r="CK22" s="196">
        <v>162</v>
      </c>
      <c r="CL22" s="195">
        <v>162</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112</v>
      </c>
      <c r="H23" s="191">
        <v>5822</v>
      </c>
      <c r="I23" s="191">
        <v>8332</v>
      </c>
      <c r="J23" s="191">
        <v>6902</v>
      </c>
      <c r="K23" s="191">
        <v>6701</v>
      </c>
      <c r="L23" s="194">
        <v>30869</v>
      </c>
      <c r="M23" s="195">
        <v>30869</v>
      </c>
      <c r="N23" s="190">
        <v>0</v>
      </c>
      <c r="O23" s="191">
        <v>0</v>
      </c>
      <c r="P23" s="196">
        <v>0</v>
      </c>
      <c r="Q23" s="193">
        <v>0</v>
      </c>
      <c r="R23" s="191">
        <v>0</v>
      </c>
      <c r="S23" s="191">
        <v>29</v>
      </c>
      <c r="T23" s="191">
        <v>52</v>
      </c>
      <c r="U23" s="191">
        <v>133</v>
      </c>
      <c r="V23" s="191">
        <v>228</v>
      </c>
      <c r="W23" s="196">
        <v>442</v>
      </c>
      <c r="X23" s="195">
        <v>442</v>
      </c>
      <c r="Y23" s="190">
        <v>320</v>
      </c>
      <c r="Z23" s="191">
        <v>749</v>
      </c>
      <c r="AA23" s="196">
        <v>1069</v>
      </c>
      <c r="AB23" s="193">
        <v>0</v>
      </c>
      <c r="AC23" s="191">
        <v>1892</v>
      </c>
      <c r="AD23" s="191">
        <v>2803</v>
      </c>
      <c r="AE23" s="191">
        <v>1891</v>
      </c>
      <c r="AF23" s="191">
        <v>1512</v>
      </c>
      <c r="AG23" s="191">
        <v>1105</v>
      </c>
      <c r="AH23" s="196">
        <v>9203</v>
      </c>
      <c r="AI23" s="195">
        <v>10272</v>
      </c>
      <c r="AJ23" s="190">
        <v>126</v>
      </c>
      <c r="AK23" s="191">
        <v>350</v>
      </c>
      <c r="AL23" s="196">
        <v>476</v>
      </c>
      <c r="AM23" s="193">
        <v>0</v>
      </c>
      <c r="AN23" s="191">
        <v>263</v>
      </c>
      <c r="AO23" s="191">
        <v>549</v>
      </c>
      <c r="AP23" s="191">
        <v>334</v>
      </c>
      <c r="AQ23" s="191">
        <v>170</v>
      </c>
      <c r="AR23" s="191">
        <v>101</v>
      </c>
      <c r="AS23" s="196">
        <v>1417</v>
      </c>
      <c r="AT23" s="195">
        <v>1893</v>
      </c>
      <c r="AU23" s="190">
        <v>0</v>
      </c>
      <c r="AV23" s="191">
        <v>0</v>
      </c>
      <c r="AW23" s="196">
        <v>0</v>
      </c>
      <c r="AX23" s="193">
        <v>0</v>
      </c>
      <c r="AY23" s="191">
        <v>2774</v>
      </c>
      <c r="AZ23" s="191">
        <v>3294</v>
      </c>
      <c r="BA23" s="191">
        <v>2152</v>
      </c>
      <c r="BB23" s="191">
        <v>999</v>
      </c>
      <c r="BC23" s="191">
        <v>269</v>
      </c>
      <c r="BD23" s="194">
        <v>9488</v>
      </c>
      <c r="BE23" s="195">
        <v>9488</v>
      </c>
      <c r="BF23" s="190">
        <v>0</v>
      </c>
      <c r="BG23" s="191">
        <v>0</v>
      </c>
      <c r="BH23" s="196">
        <v>0</v>
      </c>
      <c r="BI23" s="193">
        <v>0</v>
      </c>
      <c r="BJ23" s="191">
        <v>449</v>
      </c>
      <c r="BK23" s="191">
        <v>451</v>
      </c>
      <c r="BL23" s="191">
        <v>295</v>
      </c>
      <c r="BM23" s="191">
        <v>134</v>
      </c>
      <c r="BN23" s="191">
        <v>86</v>
      </c>
      <c r="BO23" s="196">
        <v>1415</v>
      </c>
      <c r="BP23" s="195">
        <v>1415</v>
      </c>
      <c r="BQ23" s="190">
        <v>6</v>
      </c>
      <c r="BR23" s="191">
        <v>43</v>
      </c>
      <c r="BS23" s="196">
        <v>49</v>
      </c>
      <c r="BT23" s="193">
        <v>0</v>
      </c>
      <c r="BU23" s="191">
        <v>185</v>
      </c>
      <c r="BV23" s="191">
        <v>482</v>
      </c>
      <c r="BW23" s="191">
        <v>928</v>
      </c>
      <c r="BX23" s="191">
        <v>945</v>
      </c>
      <c r="BY23" s="191">
        <v>418</v>
      </c>
      <c r="BZ23" s="196">
        <v>2958</v>
      </c>
      <c r="CA23" s="195">
        <v>3007</v>
      </c>
      <c r="CB23" s="190">
        <v>0</v>
      </c>
      <c r="CC23" s="191">
        <v>12</v>
      </c>
      <c r="CD23" s="196">
        <v>12</v>
      </c>
      <c r="CE23" s="193">
        <v>0</v>
      </c>
      <c r="CF23" s="191">
        <v>8</v>
      </c>
      <c r="CG23" s="191">
        <v>96</v>
      </c>
      <c r="CH23" s="191">
        <v>33</v>
      </c>
      <c r="CI23" s="191">
        <v>57</v>
      </c>
      <c r="CJ23" s="191">
        <v>0</v>
      </c>
      <c r="CK23" s="196">
        <v>194</v>
      </c>
      <c r="CL23" s="195">
        <v>206</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729</v>
      </c>
      <c r="H24" s="191">
        <v>1243</v>
      </c>
      <c r="I24" s="191">
        <v>643</v>
      </c>
      <c r="J24" s="191">
        <v>1607</v>
      </c>
      <c r="K24" s="191">
        <v>2620</v>
      </c>
      <c r="L24" s="194">
        <v>6842</v>
      </c>
      <c r="M24" s="195">
        <v>6842</v>
      </c>
      <c r="N24" s="190">
        <v>0</v>
      </c>
      <c r="O24" s="191">
        <v>0</v>
      </c>
      <c r="P24" s="196">
        <v>0</v>
      </c>
      <c r="Q24" s="193">
        <v>0</v>
      </c>
      <c r="R24" s="191">
        <v>15</v>
      </c>
      <c r="S24" s="191">
        <v>10</v>
      </c>
      <c r="T24" s="191">
        <v>5</v>
      </c>
      <c r="U24" s="191">
        <v>59</v>
      </c>
      <c r="V24" s="191">
        <v>128</v>
      </c>
      <c r="W24" s="196">
        <v>217</v>
      </c>
      <c r="X24" s="195">
        <v>217</v>
      </c>
      <c r="Y24" s="190">
        <v>35</v>
      </c>
      <c r="Z24" s="191">
        <v>142</v>
      </c>
      <c r="AA24" s="196">
        <v>177</v>
      </c>
      <c r="AB24" s="193">
        <v>0</v>
      </c>
      <c r="AC24" s="191">
        <v>428</v>
      </c>
      <c r="AD24" s="191">
        <v>482</v>
      </c>
      <c r="AE24" s="191">
        <v>286</v>
      </c>
      <c r="AF24" s="191">
        <v>422</v>
      </c>
      <c r="AG24" s="191">
        <v>535</v>
      </c>
      <c r="AH24" s="196">
        <v>2153</v>
      </c>
      <c r="AI24" s="195">
        <v>2330</v>
      </c>
      <c r="AJ24" s="190">
        <v>12</v>
      </c>
      <c r="AK24" s="191">
        <v>12</v>
      </c>
      <c r="AL24" s="196">
        <v>24</v>
      </c>
      <c r="AM24" s="193">
        <v>0</v>
      </c>
      <c r="AN24" s="191">
        <v>138</v>
      </c>
      <c r="AO24" s="191">
        <v>161</v>
      </c>
      <c r="AP24" s="191">
        <v>30</v>
      </c>
      <c r="AQ24" s="191">
        <v>79</v>
      </c>
      <c r="AR24" s="191">
        <v>33</v>
      </c>
      <c r="AS24" s="196">
        <v>441</v>
      </c>
      <c r="AT24" s="195">
        <v>465</v>
      </c>
      <c r="AU24" s="190">
        <v>0</v>
      </c>
      <c r="AV24" s="191">
        <v>0</v>
      </c>
      <c r="AW24" s="196">
        <v>0</v>
      </c>
      <c r="AX24" s="193">
        <v>0</v>
      </c>
      <c r="AY24" s="191">
        <v>929</v>
      </c>
      <c r="AZ24" s="191">
        <v>1121</v>
      </c>
      <c r="BA24" s="191">
        <v>938</v>
      </c>
      <c r="BB24" s="191">
        <v>349</v>
      </c>
      <c r="BC24" s="191">
        <v>197</v>
      </c>
      <c r="BD24" s="194">
        <v>3534</v>
      </c>
      <c r="BE24" s="195">
        <v>3534</v>
      </c>
      <c r="BF24" s="190">
        <v>0</v>
      </c>
      <c r="BG24" s="191">
        <v>0</v>
      </c>
      <c r="BH24" s="196">
        <v>0</v>
      </c>
      <c r="BI24" s="193">
        <v>0</v>
      </c>
      <c r="BJ24" s="191">
        <v>140</v>
      </c>
      <c r="BK24" s="191">
        <v>256</v>
      </c>
      <c r="BL24" s="191">
        <v>105</v>
      </c>
      <c r="BM24" s="191">
        <v>114</v>
      </c>
      <c r="BN24" s="191">
        <v>34</v>
      </c>
      <c r="BO24" s="196">
        <v>649</v>
      </c>
      <c r="BP24" s="195">
        <v>649</v>
      </c>
      <c r="BQ24" s="190">
        <v>0</v>
      </c>
      <c r="BR24" s="191">
        <v>8</v>
      </c>
      <c r="BS24" s="196">
        <v>8</v>
      </c>
      <c r="BT24" s="193">
        <v>0</v>
      </c>
      <c r="BU24" s="191">
        <v>54</v>
      </c>
      <c r="BV24" s="191">
        <v>143</v>
      </c>
      <c r="BW24" s="191">
        <v>247</v>
      </c>
      <c r="BX24" s="191">
        <v>187</v>
      </c>
      <c r="BY24" s="191">
        <v>91</v>
      </c>
      <c r="BZ24" s="196">
        <v>722</v>
      </c>
      <c r="CA24" s="195">
        <v>730</v>
      </c>
      <c r="CB24" s="190">
        <v>0</v>
      </c>
      <c r="CC24" s="191">
        <v>0</v>
      </c>
      <c r="CD24" s="196">
        <v>0</v>
      </c>
      <c r="CE24" s="193">
        <v>0</v>
      </c>
      <c r="CF24" s="191">
        <v>19</v>
      </c>
      <c r="CG24" s="191">
        <v>12</v>
      </c>
      <c r="CH24" s="191">
        <v>24</v>
      </c>
      <c r="CI24" s="191">
        <v>44</v>
      </c>
      <c r="CJ24" s="191">
        <v>20</v>
      </c>
      <c r="CK24" s="196">
        <v>119</v>
      </c>
      <c r="CL24" s="195">
        <v>119</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775</v>
      </c>
      <c r="H25" s="191">
        <v>2518</v>
      </c>
      <c r="I25" s="191">
        <v>2720</v>
      </c>
      <c r="J25" s="191">
        <v>3435</v>
      </c>
      <c r="K25" s="191">
        <v>2971</v>
      </c>
      <c r="L25" s="194">
        <v>13419</v>
      </c>
      <c r="M25" s="195">
        <v>13419</v>
      </c>
      <c r="N25" s="190">
        <v>0</v>
      </c>
      <c r="O25" s="191">
        <v>0</v>
      </c>
      <c r="P25" s="196">
        <v>0</v>
      </c>
      <c r="Q25" s="193">
        <v>0</v>
      </c>
      <c r="R25" s="191">
        <v>1</v>
      </c>
      <c r="S25" s="191">
        <v>23</v>
      </c>
      <c r="T25" s="191">
        <v>17</v>
      </c>
      <c r="U25" s="191">
        <v>86</v>
      </c>
      <c r="V25" s="191">
        <v>105</v>
      </c>
      <c r="W25" s="196">
        <v>232</v>
      </c>
      <c r="X25" s="195">
        <v>232</v>
      </c>
      <c r="Y25" s="190">
        <v>206</v>
      </c>
      <c r="Z25" s="191">
        <v>512</v>
      </c>
      <c r="AA25" s="196">
        <v>718</v>
      </c>
      <c r="AB25" s="193">
        <v>0</v>
      </c>
      <c r="AC25" s="191">
        <v>1017</v>
      </c>
      <c r="AD25" s="191">
        <v>1699</v>
      </c>
      <c r="AE25" s="191">
        <v>955</v>
      </c>
      <c r="AF25" s="191">
        <v>833</v>
      </c>
      <c r="AG25" s="191">
        <v>497</v>
      </c>
      <c r="AH25" s="196">
        <v>5001</v>
      </c>
      <c r="AI25" s="195">
        <v>5719</v>
      </c>
      <c r="AJ25" s="190">
        <v>48</v>
      </c>
      <c r="AK25" s="191">
        <v>235</v>
      </c>
      <c r="AL25" s="196">
        <v>283</v>
      </c>
      <c r="AM25" s="193">
        <v>0</v>
      </c>
      <c r="AN25" s="191">
        <v>113</v>
      </c>
      <c r="AO25" s="191">
        <v>245</v>
      </c>
      <c r="AP25" s="191">
        <v>136</v>
      </c>
      <c r="AQ25" s="191">
        <v>103</v>
      </c>
      <c r="AR25" s="191">
        <v>48</v>
      </c>
      <c r="AS25" s="196">
        <v>645</v>
      </c>
      <c r="AT25" s="195">
        <v>928</v>
      </c>
      <c r="AU25" s="190">
        <v>0</v>
      </c>
      <c r="AV25" s="191">
        <v>0</v>
      </c>
      <c r="AW25" s="196">
        <v>0</v>
      </c>
      <c r="AX25" s="193">
        <v>0</v>
      </c>
      <c r="AY25" s="191">
        <v>2465</v>
      </c>
      <c r="AZ25" s="191">
        <v>2396</v>
      </c>
      <c r="BA25" s="191">
        <v>1450</v>
      </c>
      <c r="BB25" s="191">
        <v>797</v>
      </c>
      <c r="BC25" s="191">
        <v>329</v>
      </c>
      <c r="BD25" s="194">
        <v>7437</v>
      </c>
      <c r="BE25" s="195">
        <v>7437</v>
      </c>
      <c r="BF25" s="190">
        <v>0</v>
      </c>
      <c r="BG25" s="191">
        <v>0</v>
      </c>
      <c r="BH25" s="196">
        <v>0</v>
      </c>
      <c r="BI25" s="193">
        <v>0</v>
      </c>
      <c r="BJ25" s="191">
        <v>280</v>
      </c>
      <c r="BK25" s="191">
        <v>408</v>
      </c>
      <c r="BL25" s="191">
        <v>226</v>
      </c>
      <c r="BM25" s="191">
        <v>159</v>
      </c>
      <c r="BN25" s="191">
        <v>53</v>
      </c>
      <c r="BO25" s="196">
        <v>1126</v>
      </c>
      <c r="BP25" s="195">
        <v>1126</v>
      </c>
      <c r="BQ25" s="190">
        <v>6</v>
      </c>
      <c r="BR25" s="191">
        <v>0</v>
      </c>
      <c r="BS25" s="196">
        <v>6</v>
      </c>
      <c r="BT25" s="193">
        <v>0</v>
      </c>
      <c r="BU25" s="191">
        <v>276</v>
      </c>
      <c r="BV25" s="191">
        <v>306</v>
      </c>
      <c r="BW25" s="191">
        <v>594</v>
      </c>
      <c r="BX25" s="191">
        <v>558</v>
      </c>
      <c r="BY25" s="191">
        <v>153</v>
      </c>
      <c r="BZ25" s="196">
        <v>1887</v>
      </c>
      <c r="CA25" s="195">
        <v>1893</v>
      </c>
      <c r="CB25" s="190">
        <v>0</v>
      </c>
      <c r="CC25" s="191">
        <v>0</v>
      </c>
      <c r="CD25" s="196">
        <v>0</v>
      </c>
      <c r="CE25" s="193">
        <v>0</v>
      </c>
      <c r="CF25" s="191">
        <v>3</v>
      </c>
      <c r="CG25" s="191">
        <v>12</v>
      </c>
      <c r="CH25" s="191">
        <v>0</v>
      </c>
      <c r="CI25" s="191">
        <v>13</v>
      </c>
      <c r="CJ25" s="191">
        <v>36</v>
      </c>
      <c r="CK25" s="196">
        <v>64</v>
      </c>
      <c r="CL25" s="195">
        <v>64</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761</v>
      </c>
      <c r="H26" s="191">
        <v>1138</v>
      </c>
      <c r="I26" s="191">
        <v>1441</v>
      </c>
      <c r="J26" s="191">
        <v>2305</v>
      </c>
      <c r="K26" s="191">
        <v>1140</v>
      </c>
      <c r="L26" s="194">
        <v>6785</v>
      </c>
      <c r="M26" s="195">
        <v>6785</v>
      </c>
      <c r="N26" s="190">
        <v>0</v>
      </c>
      <c r="O26" s="191">
        <v>0</v>
      </c>
      <c r="P26" s="196">
        <v>0</v>
      </c>
      <c r="Q26" s="193">
        <v>0</v>
      </c>
      <c r="R26" s="191">
        <v>5</v>
      </c>
      <c r="S26" s="191">
        <v>9</v>
      </c>
      <c r="T26" s="191">
        <v>15</v>
      </c>
      <c r="U26" s="191">
        <v>46</v>
      </c>
      <c r="V26" s="191">
        <v>116</v>
      </c>
      <c r="W26" s="196">
        <v>191</v>
      </c>
      <c r="X26" s="195">
        <v>191</v>
      </c>
      <c r="Y26" s="190">
        <v>84</v>
      </c>
      <c r="Z26" s="191">
        <v>210</v>
      </c>
      <c r="AA26" s="196">
        <v>294</v>
      </c>
      <c r="AB26" s="193">
        <v>0</v>
      </c>
      <c r="AC26" s="191">
        <v>550</v>
      </c>
      <c r="AD26" s="191">
        <v>645</v>
      </c>
      <c r="AE26" s="191">
        <v>296</v>
      </c>
      <c r="AF26" s="191">
        <v>449</v>
      </c>
      <c r="AG26" s="191">
        <v>350</v>
      </c>
      <c r="AH26" s="196">
        <v>2290</v>
      </c>
      <c r="AI26" s="195">
        <v>2584</v>
      </c>
      <c r="AJ26" s="190">
        <v>0</v>
      </c>
      <c r="AK26" s="191">
        <v>10</v>
      </c>
      <c r="AL26" s="196">
        <v>10</v>
      </c>
      <c r="AM26" s="193">
        <v>0</v>
      </c>
      <c r="AN26" s="191">
        <v>38</v>
      </c>
      <c r="AO26" s="191">
        <v>60</v>
      </c>
      <c r="AP26" s="191">
        <v>24</v>
      </c>
      <c r="AQ26" s="191">
        <v>40</v>
      </c>
      <c r="AR26" s="191">
        <v>46</v>
      </c>
      <c r="AS26" s="196">
        <v>208</v>
      </c>
      <c r="AT26" s="195">
        <v>218</v>
      </c>
      <c r="AU26" s="190">
        <v>0</v>
      </c>
      <c r="AV26" s="191">
        <v>0</v>
      </c>
      <c r="AW26" s="196">
        <v>0</v>
      </c>
      <c r="AX26" s="193">
        <v>0</v>
      </c>
      <c r="AY26" s="191">
        <v>1010</v>
      </c>
      <c r="AZ26" s="191">
        <v>900</v>
      </c>
      <c r="BA26" s="191">
        <v>315</v>
      </c>
      <c r="BB26" s="191">
        <v>222</v>
      </c>
      <c r="BC26" s="191">
        <v>112</v>
      </c>
      <c r="BD26" s="194">
        <v>2559</v>
      </c>
      <c r="BE26" s="195">
        <v>2559</v>
      </c>
      <c r="BF26" s="190">
        <v>0</v>
      </c>
      <c r="BG26" s="191">
        <v>0</v>
      </c>
      <c r="BH26" s="196">
        <v>0</v>
      </c>
      <c r="BI26" s="193">
        <v>0</v>
      </c>
      <c r="BJ26" s="191">
        <v>355</v>
      </c>
      <c r="BK26" s="191">
        <v>218</v>
      </c>
      <c r="BL26" s="191">
        <v>186</v>
      </c>
      <c r="BM26" s="191">
        <v>108</v>
      </c>
      <c r="BN26" s="191">
        <v>86</v>
      </c>
      <c r="BO26" s="196">
        <v>953</v>
      </c>
      <c r="BP26" s="195">
        <v>953</v>
      </c>
      <c r="BQ26" s="190">
        <v>9</v>
      </c>
      <c r="BR26" s="191">
        <v>6</v>
      </c>
      <c r="BS26" s="196">
        <v>15</v>
      </c>
      <c r="BT26" s="193">
        <v>0</v>
      </c>
      <c r="BU26" s="191">
        <v>123</v>
      </c>
      <c r="BV26" s="191">
        <v>183</v>
      </c>
      <c r="BW26" s="191">
        <v>261</v>
      </c>
      <c r="BX26" s="191">
        <v>252</v>
      </c>
      <c r="BY26" s="191">
        <v>105</v>
      </c>
      <c r="BZ26" s="196">
        <v>924</v>
      </c>
      <c r="CA26" s="195">
        <v>939</v>
      </c>
      <c r="CB26" s="190">
        <v>0</v>
      </c>
      <c r="CC26" s="191">
        <v>0</v>
      </c>
      <c r="CD26" s="196">
        <v>0</v>
      </c>
      <c r="CE26" s="193">
        <v>0</v>
      </c>
      <c r="CF26" s="191">
        <v>10</v>
      </c>
      <c r="CG26" s="191">
        <v>0</v>
      </c>
      <c r="CH26" s="191">
        <v>15</v>
      </c>
      <c r="CI26" s="191">
        <v>17</v>
      </c>
      <c r="CJ26" s="191">
        <v>10</v>
      </c>
      <c r="CK26" s="196">
        <v>52</v>
      </c>
      <c r="CL26" s="195">
        <v>5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367</v>
      </c>
      <c r="H27" s="191">
        <v>2012</v>
      </c>
      <c r="I27" s="191">
        <v>1553</v>
      </c>
      <c r="J27" s="191">
        <v>2445</v>
      </c>
      <c r="K27" s="191">
        <v>2623</v>
      </c>
      <c r="L27" s="194">
        <v>10000</v>
      </c>
      <c r="M27" s="195">
        <v>10000</v>
      </c>
      <c r="N27" s="190">
        <v>0</v>
      </c>
      <c r="O27" s="191">
        <v>0</v>
      </c>
      <c r="P27" s="196">
        <v>0</v>
      </c>
      <c r="Q27" s="193">
        <v>0</v>
      </c>
      <c r="R27" s="191">
        <v>13</v>
      </c>
      <c r="S27" s="191">
        <v>27</v>
      </c>
      <c r="T27" s="191">
        <v>36</v>
      </c>
      <c r="U27" s="191">
        <v>72</v>
      </c>
      <c r="V27" s="191">
        <v>69</v>
      </c>
      <c r="W27" s="196">
        <v>217</v>
      </c>
      <c r="X27" s="195">
        <v>217</v>
      </c>
      <c r="Y27" s="190">
        <v>86</v>
      </c>
      <c r="Z27" s="191">
        <v>326</v>
      </c>
      <c r="AA27" s="196">
        <v>412</v>
      </c>
      <c r="AB27" s="193">
        <v>0</v>
      </c>
      <c r="AC27" s="191">
        <v>596</v>
      </c>
      <c r="AD27" s="191">
        <v>905</v>
      </c>
      <c r="AE27" s="191">
        <v>420</v>
      </c>
      <c r="AF27" s="191">
        <v>324</v>
      </c>
      <c r="AG27" s="191">
        <v>212</v>
      </c>
      <c r="AH27" s="196">
        <v>2457</v>
      </c>
      <c r="AI27" s="195">
        <v>2869</v>
      </c>
      <c r="AJ27" s="190">
        <v>14</v>
      </c>
      <c r="AK27" s="191">
        <v>54</v>
      </c>
      <c r="AL27" s="196">
        <v>68</v>
      </c>
      <c r="AM27" s="193">
        <v>0</v>
      </c>
      <c r="AN27" s="191">
        <v>0</v>
      </c>
      <c r="AO27" s="191">
        <v>186</v>
      </c>
      <c r="AP27" s="191">
        <v>45</v>
      </c>
      <c r="AQ27" s="191">
        <v>68</v>
      </c>
      <c r="AR27" s="191">
        <v>93</v>
      </c>
      <c r="AS27" s="196">
        <v>392</v>
      </c>
      <c r="AT27" s="195">
        <v>460</v>
      </c>
      <c r="AU27" s="190">
        <v>0</v>
      </c>
      <c r="AV27" s="191">
        <v>0</v>
      </c>
      <c r="AW27" s="196">
        <v>0</v>
      </c>
      <c r="AX27" s="193">
        <v>0</v>
      </c>
      <c r="AY27" s="191">
        <v>1395</v>
      </c>
      <c r="AZ27" s="191">
        <v>1091</v>
      </c>
      <c r="BA27" s="191">
        <v>782</v>
      </c>
      <c r="BB27" s="191">
        <v>493</v>
      </c>
      <c r="BC27" s="191">
        <v>103</v>
      </c>
      <c r="BD27" s="194">
        <v>3864</v>
      </c>
      <c r="BE27" s="195">
        <v>3864</v>
      </c>
      <c r="BF27" s="190">
        <v>0</v>
      </c>
      <c r="BG27" s="191">
        <v>0</v>
      </c>
      <c r="BH27" s="196">
        <v>0</v>
      </c>
      <c r="BI27" s="193">
        <v>0</v>
      </c>
      <c r="BJ27" s="191">
        <v>235</v>
      </c>
      <c r="BK27" s="191">
        <v>459</v>
      </c>
      <c r="BL27" s="191">
        <v>208</v>
      </c>
      <c r="BM27" s="191">
        <v>99</v>
      </c>
      <c r="BN27" s="191">
        <v>23</v>
      </c>
      <c r="BO27" s="196">
        <v>1024</v>
      </c>
      <c r="BP27" s="195">
        <v>1024</v>
      </c>
      <c r="BQ27" s="190">
        <v>0</v>
      </c>
      <c r="BR27" s="191">
        <v>6</v>
      </c>
      <c r="BS27" s="196">
        <v>6</v>
      </c>
      <c r="BT27" s="193">
        <v>0</v>
      </c>
      <c r="BU27" s="191">
        <v>174</v>
      </c>
      <c r="BV27" s="191">
        <v>138</v>
      </c>
      <c r="BW27" s="191">
        <v>278</v>
      </c>
      <c r="BX27" s="191">
        <v>160</v>
      </c>
      <c r="BY27" s="191">
        <v>66</v>
      </c>
      <c r="BZ27" s="196">
        <v>816</v>
      </c>
      <c r="CA27" s="195">
        <v>822</v>
      </c>
      <c r="CB27" s="190">
        <v>0</v>
      </c>
      <c r="CC27" s="191">
        <v>0</v>
      </c>
      <c r="CD27" s="196">
        <v>0</v>
      </c>
      <c r="CE27" s="193">
        <v>0</v>
      </c>
      <c r="CF27" s="191">
        <v>6</v>
      </c>
      <c r="CG27" s="191">
        <v>10</v>
      </c>
      <c r="CH27" s="191">
        <v>3</v>
      </c>
      <c r="CI27" s="191">
        <v>0</v>
      </c>
      <c r="CJ27" s="191">
        <v>0</v>
      </c>
      <c r="CK27" s="196">
        <v>19</v>
      </c>
      <c r="CL27" s="195">
        <v>19</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887</v>
      </c>
      <c r="H28" s="191">
        <v>1634</v>
      </c>
      <c r="I28" s="191">
        <v>1567</v>
      </c>
      <c r="J28" s="191">
        <v>1138</v>
      </c>
      <c r="K28" s="191">
        <v>2277</v>
      </c>
      <c r="L28" s="194">
        <v>7503</v>
      </c>
      <c r="M28" s="195">
        <v>7503</v>
      </c>
      <c r="N28" s="190">
        <v>0</v>
      </c>
      <c r="O28" s="191">
        <v>0</v>
      </c>
      <c r="P28" s="196">
        <v>0</v>
      </c>
      <c r="Q28" s="193">
        <v>0</v>
      </c>
      <c r="R28" s="191">
        <v>0</v>
      </c>
      <c r="S28" s="191">
        <v>8</v>
      </c>
      <c r="T28" s="191">
        <v>20</v>
      </c>
      <c r="U28" s="191">
        <v>45</v>
      </c>
      <c r="V28" s="191">
        <v>67</v>
      </c>
      <c r="W28" s="196">
        <v>140</v>
      </c>
      <c r="X28" s="195">
        <v>140</v>
      </c>
      <c r="Y28" s="190">
        <v>68</v>
      </c>
      <c r="Z28" s="191">
        <v>106</v>
      </c>
      <c r="AA28" s="196">
        <v>174</v>
      </c>
      <c r="AB28" s="193">
        <v>0</v>
      </c>
      <c r="AC28" s="191">
        <v>464</v>
      </c>
      <c r="AD28" s="191">
        <v>628</v>
      </c>
      <c r="AE28" s="191">
        <v>362</v>
      </c>
      <c r="AF28" s="191">
        <v>309</v>
      </c>
      <c r="AG28" s="191">
        <v>437</v>
      </c>
      <c r="AH28" s="196">
        <v>2200</v>
      </c>
      <c r="AI28" s="195">
        <v>2374</v>
      </c>
      <c r="AJ28" s="190">
        <v>38</v>
      </c>
      <c r="AK28" s="191">
        <v>24</v>
      </c>
      <c r="AL28" s="196">
        <v>62</v>
      </c>
      <c r="AM28" s="193">
        <v>0</v>
      </c>
      <c r="AN28" s="191">
        <v>33</v>
      </c>
      <c r="AO28" s="191">
        <v>28</v>
      </c>
      <c r="AP28" s="191">
        <v>59</v>
      </c>
      <c r="AQ28" s="191">
        <v>21</v>
      </c>
      <c r="AR28" s="191">
        <v>76</v>
      </c>
      <c r="AS28" s="196">
        <v>217</v>
      </c>
      <c r="AT28" s="195">
        <v>279</v>
      </c>
      <c r="AU28" s="190">
        <v>0</v>
      </c>
      <c r="AV28" s="191">
        <v>0</v>
      </c>
      <c r="AW28" s="196">
        <v>0</v>
      </c>
      <c r="AX28" s="193">
        <v>0</v>
      </c>
      <c r="AY28" s="191">
        <v>964</v>
      </c>
      <c r="AZ28" s="191">
        <v>964</v>
      </c>
      <c r="BA28" s="191">
        <v>375</v>
      </c>
      <c r="BB28" s="191">
        <v>269</v>
      </c>
      <c r="BC28" s="191">
        <v>135</v>
      </c>
      <c r="BD28" s="194">
        <v>2707</v>
      </c>
      <c r="BE28" s="195">
        <v>2707</v>
      </c>
      <c r="BF28" s="190">
        <v>0</v>
      </c>
      <c r="BG28" s="191">
        <v>0</v>
      </c>
      <c r="BH28" s="196">
        <v>0</v>
      </c>
      <c r="BI28" s="193">
        <v>0</v>
      </c>
      <c r="BJ28" s="191">
        <v>183</v>
      </c>
      <c r="BK28" s="191">
        <v>183</v>
      </c>
      <c r="BL28" s="191">
        <v>104</v>
      </c>
      <c r="BM28" s="191">
        <v>88</v>
      </c>
      <c r="BN28" s="191">
        <v>36</v>
      </c>
      <c r="BO28" s="196">
        <v>594</v>
      </c>
      <c r="BP28" s="195">
        <v>594</v>
      </c>
      <c r="BQ28" s="190">
        <v>3</v>
      </c>
      <c r="BR28" s="191">
        <v>0</v>
      </c>
      <c r="BS28" s="196">
        <v>3</v>
      </c>
      <c r="BT28" s="193">
        <v>0</v>
      </c>
      <c r="BU28" s="191">
        <v>119</v>
      </c>
      <c r="BV28" s="191">
        <v>161</v>
      </c>
      <c r="BW28" s="191">
        <v>294</v>
      </c>
      <c r="BX28" s="191">
        <v>217</v>
      </c>
      <c r="BY28" s="191">
        <v>163</v>
      </c>
      <c r="BZ28" s="196">
        <v>954</v>
      </c>
      <c r="CA28" s="195">
        <v>957</v>
      </c>
      <c r="CB28" s="190">
        <v>0</v>
      </c>
      <c r="CC28" s="191">
        <v>0</v>
      </c>
      <c r="CD28" s="196">
        <v>0</v>
      </c>
      <c r="CE28" s="193">
        <v>0</v>
      </c>
      <c r="CF28" s="191">
        <v>4</v>
      </c>
      <c r="CG28" s="191">
        <v>13</v>
      </c>
      <c r="CH28" s="191">
        <v>0</v>
      </c>
      <c r="CI28" s="191">
        <v>15</v>
      </c>
      <c r="CJ28" s="191">
        <v>9</v>
      </c>
      <c r="CK28" s="196">
        <v>41</v>
      </c>
      <c r="CL28" s="195">
        <v>41</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96</v>
      </c>
      <c r="H29" s="191">
        <v>904</v>
      </c>
      <c r="I29" s="191">
        <v>1405</v>
      </c>
      <c r="J29" s="191">
        <v>1394</v>
      </c>
      <c r="K29" s="191">
        <v>1215</v>
      </c>
      <c r="L29" s="194">
        <v>5614</v>
      </c>
      <c r="M29" s="195">
        <v>5614</v>
      </c>
      <c r="N29" s="190">
        <v>0</v>
      </c>
      <c r="O29" s="191">
        <v>0</v>
      </c>
      <c r="P29" s="196">
        <v>0</v>
      </c>
      <c r="Q29" s="193">
        <v>0</v>
      </c>
      <c r="R29" s="191">
        <v>5</v>
      </c>
      <c r="S29" s="191">
        <v>26</v>
      </c>
      <c r="T29" s="191">
        <v>19</v>
      </c>
      <c r="U29" s="191">
        <v>47</v>
      </c>
      <c r="V29" s="191">
        <v>95</v>
      </c>
      <c r="W29" s="196">
        <v>192</v>
      </c>
      <c r="X29" s="195">
        <v>192</v>
      </c>
      <c r="Y29" s="190">
        <v>130</v>
      </c>
      <c r="Z29" s="191">
        <v>310</v>
      </c>
      <c r="AA29" s="196">
        <v>440</v>
      </c>
      <c r="AB29" s="193">
        <v>0</v>
      </c>
      <c r="AC29" s="191">
        <v>206</v>
      </c>
      <c r="AD29" s="191">
        <v>463</v>
      </c>
      <c r="AE29" s="191">
        <v>302</v>
      </c>
      <c r="AF29" s="191">
        <v>272</v>
      </c>
      <c r="AG29" s="191">
        <v>233</v>
      </c>
      <c r="AH29" s="196">
        <v>1476</v>
      </c>
      <c r="AI29" s="195">
        <v>1916</v>
      </c>
      <c r="AJ29" s="190">
        <v>0</v>
      </c>
      <c r="AK29" s="191">
        <v>21</v>
      </c>
      <c r="AL29" s="196">
        <v>21</v>
      </c>
      <c r="AM29" s="193">
        <v>0</v>
      </c>
      <c r="AN29" s="191">
        <v>24</v>
      </c>
      <c r="AO29" s="191">
        <v>22</v>
      </c>
      <c r="AP29" s="191">
        <v>0</v>
      </c>
      <c r="AQ29" s="191">
        <v>0</v>
      </c>
      <c r="AR29" s="191">
        <v>15</v>
      </c>
      <c r="AS29" s="196">
        <v>61</v>
      </c>
      <c r="AT29" s="195">
        <v>82</v>
      </c>
      <c r="AU29" s="190">
        <v>0</v>
      </c>
      <c r="AV29" s="191">
        <v>0</v>
      </c>
      <c r="AW29" s="196">
        <v>0</v>
      </c>
      <c r="AX29" s="193">
        <v>0</v>
      </c>
      <c r="AY29" s="191">
        <v>1066</v>
      </c>
      <c r="AZ29" s="191">
        <v>475</v>
      </c>
      <c r="BA29" s="191">
        <v>309</v>
      </c>
      <c r="BB29" s="191">
        <v>294</v>
      </c>
      <c r="BC29" s="191">
        <v>116</v>
      </c>
      <c r="BD29" s="194">
        <v>2260</v>
      </c>
      <c r="BE29" s="195">
        <v>2260</v>
      </c>
      <c r="BF29" s="190">
        <v>0</v>
      </c>
      <c r="BG29" s="191">
        <v>0</v>
      </c>
      <c r="BH29" s="196">
        <v>0</v>
      </c>
      <c r="BI29" s="193">
        <v>0</v>
      </c>
      <c r="BJ29" s="191">
        <v>180</v>
      </c>
      <c r="BK29" s="191">
        <v>218</v>
      </c>
      <c r="BL29" s="191">
        <v>135</v>
      </c>
      <c r="BM29" s="191">
        <v>-190</v>
      </c>
      <c r="BN29" s="191">
        <v>39</v>
      </c>
      <c r="BO29" s="196">
        <v>382</v>
      </c>
      <c r="BP29" s="195">
        <v>382</v>
      </c>
      <c r="BQ29" s="190">
        <v>0</v>
      </c>
      <c r="BR29" s="191">
        <v>12</v>
      </c>
      <c r="BS29" s="196">
        <v>12</v>
      </c>
      <c r="BT29" s="193">
        <v>0</v>
      </c>
      <c r="BU29" s="191">
        <v>60</v>
      </c>
      <c r="BV29" s="191">
        <v>60</v>
      </c>
      <c r="BW29" s="191">
        <v>127</v>
      </c>
      <c r="BX29" s="191">
        <v>143</v>
      </c>
      <c r="BY29" s="191">
        <v>42</v>
      </c>
      <c r="BZ29" s="196">
        <v>432</v>
      </c>
      <c r="CA29" s="195">
        <v>444</v>
      </c>
      <c r="CB29" s="190">
        <v>2</v>
      </c>
      <c r="CC29" s="191">
        <v>3</v>
      </c>
      <c r="CD29" s="196">
        <v>5</v>
      </c>
      <c r="CE29" s="193">
        <v>0</v>
      </c>
      <c r="CF29" s="191">
        <v>0</v>
      </c>
      <c r="CG29" s="191">
        <v>21</v>
      </c>
      <c r="CH29" s="191">
        <v>5</v>
      </c>
      <c r="CI29" s="191">
        <v>6</v>
      </c>
      <c r="CJ29" s="191">
        <v>0</v>
      </c>
      <c r="CK29" s="196">
        <v>32</v>
      </c>
      <c r="CL29" s="195">
        <v>37</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99</v>
      </c>
      <c r="H30" s="191">
        <v>252</v>
      </c>
      <c r="I30" s="191">
        <v>154</v>
      </c>
      <c r="J30" s="191">
        <v>317</v>
      </c>
      <c r="K30" s="191">
        <v>394</v>
      </c>
      <c r="L30" s="194">
        <v>1216</v>
      </c>
      <c r="M30" s="195">
        <v>1216</v>
      </c>
      <c r="N30" s="190">
        <v>0</v>
      </c>
      <c r="O30" s="191">
        <v>0</v>
      </c>
      <c r="P30" s="196">
        <v>0</v>
      </c>
      <c r="Q30" s="193">
        <v>0</v>
      </c>
      <c r="R30" s="191">
        <v>0</v>
      </c>
      <c r="S30" s="191">
        <v>4</v>
      </c>
      <c r="T30" s="191">
        <v>15</v>
      </c>
      <c r="U30" s="191">
        <v>9</v>
      </c>
      <c r="V30" s="191">
        <v>17</v>
      </c>
      <c r="W30" s="196">
        <v>45</v>
      </c>
      <c r="X30" s="195">
        <v>45</v>
      </c>
      <c r="Y30" s="190">
        <v>5</v>
      </c>
      <c r="Z30" s="191">
        <v>16</v>
      </c>
      <c r="AA30" s="196">
        <v>21</v>
      </c>
      <c r="AB30" s="193">
        <v>0</v>
      </c>
      <c r="AC30" s="191">
        <v>37</v>
      </c>
      <c r="AD30" s="191">
        <v>110</v>
      </c>
      <c r="AE30" s="191">
        <v>69</v>
      </c>
      <c r="AF30" s="191">
        <v>108</v>
      </c>
      <c r="AG30" s="191">
        <v>87</v>
      </c>
      <c r="AH30" s="196">
        <v>411</v>
      </c>
      <c r="AI30" s="195">
        <v>432</v>
      </c>
      <c r="AJ30" s="190">
        <v>0</v>
      </c>
      <c r="AK30" s="191">
        <v>0</v>
      </c>
      <c r="AL30" s="196">
        <v>0</v>
      </c>
      <c r="AM30" s="193">
        <v>0</v>
      </c>
      <c r="AN30" s="191">
        <v>6</v>
      </c>
      <c r="AO30" s="191">
        <v>0</v>
      </c>
      <c r="AP30" s="191">
        <v>66</v>
      </c>
      <c r="AQ30" s="191">
        <v>8</v>
      </c>
      <c r="AR30" s="191">
        <v>17</v>
      </c>
      <c r="AS30" s="196">
        <v>97</v>
      </c>
      <c r="AT30" s="195">
        <v>97</v>
      </c>
      <c r="AU30" s="190">
        <v>0</v>
      </c>
      <c r="AV30" s="191">
        <v>0</v>
      </c>
      <c r="AW30" s="196">
        <v>0</v>
      </c>
      <c r="AX30" s="193">
        <v>0</v>
      </c>
      <c r="AY30" s="191">
        <v>236</v>
      </c>
      <c r="AZ30" s="191">
        <v>318</v>
      </c>
      <c r="BA30" s="191">
        <v>207</v>
      </c>
      <c r="BB30" s="191">
        <v>153</v>
      </c>
      <c r="BC30" s="191">
        <v>28</v>
      </c>
      <c r="BD30" s="194">
        <v>942</v>
      </c>
      <c r="BE30" s="195">
        <v>942</v>
      </c>
      <c r="BF30" s="190">
        <v>0</v>
      </c>
      <c r="BG30" s="191">
        <v>0</v>
      </c>
      <c r="BH30" s="196">
        <v>0</v>
      </c>
      <c r="BI30" s="193">
        <v>0</v>
      </c>
      <c r="BJ30" s="191">
        <v>78</v>
      </c>
      <c r="BK30" s="191">
        <v>133</v>
      </c>
      <c r="BL30" s="191">
        <v>49</v>
      </c>
      <c r="BM30" s="191">
        <v>69</v>
      </c>
      <c r="BN30" s="191">
        <v>29</v>
      </c>
      <c r="BO30" s="196">
        <v>358</v>
      </c>
      <c r="BP30" s="195">
        <v>358</v>
      </c>
      <c r="BQ30" s="190">
        <v>0</v>
      </c>
      <c r="BR30" s="191">
        <v>4</v>
      </c>
      <c r="BS30" s="196">
        <v>4</v>
      </c>
      <c r="BT30" s="193">
        <v>0</v>
      </c>
      <c r="BU30" s="191">
        <v>5</v>
      </c>
      <c r="BV30" s="191">
        <v>33</v>
      </c>
      <c r="BW30" s="191">
        <v>53</v>
      </c>
      <c r="BX30" s="191">
        <v>49</v>
      </c>
      <c r="BY30" s="191">
        <v>9</v>
      </c>
      <c r="BZ30" s="196">
        <v>149</v>
      </c>
      <c r="CA30" s="195">
        <v>153</v>
      </c>
      <c r="CB30" s="190">
        <v>0</v>
      </c>
      <c r="CC30" s="191">
        <v>0</v>
      </c>
      <c r="CD30" s="196">
        <v>0</v>
      </c>
      <c r="CE30" s="193">
        <v>0</v>
      </c>
      <c r="CF30" s="191">
        <v>8</v>
      </c>
      <c r="CG30" s="191">
        <v>2</v>
      </c>
      <c r="CH30" s="191">
        <v>42</v>
      </c>
      <c r="CI30" s="191">
        <v>2</v>
      </c>
      <c r="CJ30" s="191">
        <v>2</v>
      </c>
      <c r="CK30" s="196">
        <v>56</v>
      </c>
      <c r="CL30" s="195">
        <v>56</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41</v>
      </c>
      <c r="H31" s="191">
        <v>328</v>
      </c>
      <c r="I31" s="191">
        <v>416</v>
      </c>
      <c r="J31" s="191">
        <v>968</v>
      </c>
      <c r="K31" s="191">
        <v>610</v>
      </c>
      <c r="L31" s="194">
        <v>2563</v>
      </c>
      <c r="M31" s="195">
        <v>2563</v>
      </c>
      <c r="N31" s="190">
        <v>0</v>
      </c>
      <c r="O31" s="191">
        <v>0</v>
      </c>
      <c r="P31" s="196">
        <v>0</v>
      </c>
      <c r="Q31" s="193">
        <v>0</v>
      </c>
      <c r="R31" s="191">
        <v>0</v>
      </c>
      <c r="S31" s="191">
        <v>10</v>
      </c>
      <c r="T31" s="191">
        <v>3</v>
      </c>
      <c r="U31" s="191">
        <v>11</v>
      </c>
      <c r="V31" s="191">
        <v>51</v>
      </c>
      <c r="W31" s="196">
        <v>75</v>
      </c>
      <c r="X31" s="195">
        <v>75</v>
      </c>
      <c r="Y31" s="190">
        <v>6</v>
      </c>
      <c r="Z31" s="191">
        <v>32</v>
      </c>
      <c r="AA31" s="196">
        <v>38</v>
      </c>
      <c r="AB31" s="193">
        <v>0</v>
      </c>
      <c r="AC31" s="191">
        <v>188</v>
      </c>
      <c r="AD31" s="191">
        <v>247</v>
      </c>
      <c r="AE31" s="191">
        <v>148</v>
      </c>
      <c r="AF31" s="191">
        <v>83</v>
      </c>
      <c r="AG31" s="191">
        <v>117</v>
      </c>
      <c r="AH31" s="196">
        <v>783</v>
      </c>
      <c r="AI31" s="195">
        <v>821</v>
      </c>
      <c r="AJ31" s="190">
        <v>0</v>
      </c>
      <c r="AK31" s="191">
        <v>14</v>
      </c>
      <c r="AL31" s="196">
        <v>14</v>
      </c>
      <c r="AM31" s="193">
        <v>0</v>
      </c>
      <c r="AN31" s="191">
        <v>48</v>
      </c>
      <c r="AO31" s="191">
        <v>24</v>
      </c>
      <c r="AP31" s="191">
        <v>24</v>
      </c>
      <c r="AQ31" s="191">
        <v>16</v>
      </c>
      <c r="AR31" s="191">
        <v>0</v>
      </c>
      <c r="AS31" s="196">
        <v>112</v>
      </c>
      <c r="AT31" s="195">
        <v>126</v>
      </c>
      <c r="AU31" s="190">
        <v>0</v>
      </c>
      <c r="AV31" s="191">
        <v>0</v>
      </c>
      <c r="AW31" s="196">
        <v>0</v>
      </c>
      <c r="AX31" s="193">
        <v>0</v>
      </c>
      <c r="AY31" s="191">
        <v>255</v>
      </c>
      <c r="AZ31" s="191">
        <v>389</v>
      </c>
      <c r="BA31" s="191">
        <v>302</v>
      </c>
      <c r="BB31" s="191">
        <v>113</v>
      </c>
      <c r="BC31" s="191">
        <v>77</v>
      </c>
      <c r="BD31" s="194">
        <v>1136</v>
      </c>
      <c r="BE31" s="195">
        <v>1136</v>
      </c>
      <c r="BF31" s="190">
        <v>0</v>
      </c>
      <c r="BG31" s="191">
        <v>0</v>
      </c>
      <c r="BH31" s="196">
        <v>0</v>
      </c>
      <c r="BI31" s="193">
        <v>0</v>
      </c>
      <c r="BJ31" s="191">
        <v>71</v>
      </c>
      <c r="BK31" s="191">
        <v>64</v>
      </c>
      <c r="BL31" s="191">
        <v>128</v>
      </c>
      <c r="BM31" s="191">
        <v>21</v>
      </c>
      <c r="BN31" s="191">
        <v>12</v>
      </c>
      <c r="BO31" s="196">
        <v>296</v>
      </c>
      <c r="BP31" s="195">
        <v>296</v>
      </c>
      <c r="BQ31" s="190">
        <v>0</v>
      </c>
      <c r="BR31" s="191">
        <v>0</v>
      </c>
      <c r="BS31" s="196">
        <v>0</v>
      </c>
      <c r="BT31" s="193">
        <v>0</v>
      </c>
      <c r="BU31" s="191">
        <v>34</v>
      </c>
      <c r="BV31" s="191">
        <v>93</v>
      </c>
      <c r="BW31" s="191">
        <v>92</v>
      </c>
      <c r="BX31" s="191">
        <v>71</v>
      </c>
      <c r="BY31" s="191">
        <v>39</v>
      </c>
      <c r="BZ31" s="196">
        <v>329</v>
      </c>
      <c r="CA31" s="195">
        <v>329</v>
      </c>
      <c r="CB31" s="190">
        <v>0</v>
      </c>
      <c r="CC31" s="191">
        <v>0</v>
      </c>
      <c r="CD31" s="196">
        <v>0</v>
      </c>
      <c r="CE31" s="193">
        <v>0</v>
      </c>
      <c r="CF31" s="191">
        <v>3</v>
      </c>
      <c r="CG31" s="191">
        <v>15</v>
      </c>
      <c r="CH31" s="191">
        <v>0</v>
      </c>
      <c r="CI31" s="191">
        <v>4</v>
      </c>
      <c r="CJ31" s="191">
        <v>23</v>
      </c>
      <c r="CK31" s="196">
        <v>45</v>
      </c>
      <c r="CL31" s="195">
        <v>45</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218</v>
      </c>
      <c r="H32" s="191">
        <v>209</v>
      </c>
      <c r="I32" s="191">
        <v>507</v>
      </c>
      <c r="J32" s="191">
        <v>868</v>
      </c>
      <c r="K32" s="191">
        <v>562</v>
      </c>
      <c r="L32" s="194">
        <v>2364</v>
      </c>
      <c r="M32" s="195">
        <v>2364</v>
      </c>
      <c r="N32" s="190">
        <v>0</v>
      </c>
      <c r="O32" s="191">
        <v>0</v>
      </c>
      <c r="P32" s="196">
        <v>0</v>
      </c>
      <c r="Q32" s="193">
        <v>0</v>
      </c>
      <c r="R32" s="191">
        <v>11</v>
      </c>
      <c r="S32" s="191">
        <v>0</v>
      </c>
      <c r="T32" s="191">
        <v>12</v>
      </c>
      <c r="U32" s="191">
        <v>33</v>
      </c>
      <c r="V32" s="191">
        <v>17</v>
      </c>
      <c r="W32" s="196">
        <v>73</v>
      </c>
      <c r="X32" s="195">
        <v>73</v>
      </c>
      <c r="Y32" s="190">
        <v>11</v>
      </c>
      <c r="Z32" s="191">
        <v>59</v>
      </c>
      <c r="AA32" s="196">
        <v>70</v>
      </c>
      <c r="AB32" s="193">
        <v>0</v>
      </c>
      <c r="AC32" s="191">
        <v>231</v>
      </c>
      <c r="AD32" s="191">
        <v>158</v>
      </c>
      <c r="AE32" s="191">
        <v>123</v>
      </c>
      <c r="AF32" s="191">
        <v>126</v>
      </c>
      <c r="AG32" s="191">
        <v>33</v>
      </c>
      <c r="AH32" s="196">
        <v>671</v>
      </c>
      <c r="AI32" s="195">
        <v>741</v>
      </c>
      <c r="AJ32" s="190">
        <v>0</v>
      </c>
      <c r="AK32" s="191">
        <v>0</v>
      </c>
      <c r="AL32" s="196">
        <v>0</v>
      </c>
      <c r="AM32" s="193">
        <v>0</v>
      </c>
      <c r="AN32" s="191">
        <v>39</v>
      </c>
      <c r="AO32" s="191">
        <v>54</v>
      </c>
      <c r="AP32" s="191">
        <v>21</v>
      </c>
      <c r="AQ32" s="191">
        <v>0</v>
      </c>
      <c r="AR32" s="191">
        <v>0</v>
      </c>
      <c r="AS32" s="196">
        <v>114</v>
      </c>
      <c r="AT32" s="195">
        <v>114</v>
      </c>
      <c r="AU32" s="190">
        <v>0</v>
      </c>
      <c r="AV32" s="191">
        <v>0</v>
      </c>
      <c r="AW32" s="196">
        <v>0</v>
      </c>
      <c r="AX32" s="193">
        <v>0</v>
      </c>
      <c r="AY32" s="191">
        <v>267</v>
      </c>
      <c r="AZ32" s="191">
        <v>228</v>
      </c>
      <c r="BA32" s="191">
        <v>124</v>
      </c>
      <c r="BB32" s="191">
        <v>72</v>
      </c>
      <c r="BC32" s="191">
        <v>28</v>
      </c>
      <c r="BD32" s="194">
        <v>719</v>
      </c>
      <c r="BE32" s="195">
        <v>719</v>
      </c>
      <c r="BF32" s="190">
        <v>0</v>
      </c>
      <c r="BG32" s="191">
        <v>0</v>
      </c>
      <c r="BH32" s="196">
        <v>0</v>
      </c>
      <c r="BI32" s="193">
        <v>0</v>
      </c>
      <c r="BJ32" s="191">
        <v>46</v>
      </c>
      <c r="BK32" s="191">
        <v>61</v>
      </c>
      <c r="BL32" s="191">
        <v>16</v>
      </c>
      <c r="BM32" s="191">
        <v>35</v>
      </c>
      <c r="BN32" s="191">
        <v>9</v>
      </c>
      <c r="BO32" s="196">
        <v>167</v>
      </c>
      <c r="BP32" s="195">
        <v>167</v>
      </c>
      <c r="BQ32" s="190">
        <v>0</v>
      </c>
      <c r="BR32" s="191">
        <v>0</v>
      </c>
      <c r="BS32" s="196">
        <v>0</v>
      </c>
      <c r="BT32" s="193">
        <v>0</v>
      </c>
      <c r="BU32" s="191">
        <v>24</v>
      </c>
      <c r="BV32" s="191">
        <v>74</v>
      </c>
      <c r="BW32" s="191">
        <v>107</v>
      </c>
      <c r="BX32" s="191">
        <v>64</v>
      </c>
      <c r="BY32" s="191">
        <v>0</v>
      </c>
      <c r="BZ32" s="196">
        <v>269</v>
      </c>
      <c r="CA32" s="195">
        <v>269</v>
      </c>
      <c r="CB32" s="190">
        <v>0</v>
      </c>
      <c r="CC32" s="191">
        <v>0</v>
      </c>
      <c r="CD32" s="196">
        <v>0</v>
      </c>
      <c r="CE32" s="193">
        <v>0</v>
      </c>
      <c r="CF32" s="191">
        <v>6</v>
      </c>
      <c r="CG32" s="191">
        <v>6</v>
      </c>
      <c r="CH32" s="191">
        <v>15</v>
      </c>
      <c r="CI32" s="191">
        <v>0</v>
      </c>
      <c r="CJ32" s="191">
        <v>4</v>
      </c>
      <c r="CK32" s="196">
        <v>31</v>
      </c>
      <c r="CL32" s="195">
        <v>31</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69</v>
      </c>
      <c r="H33" s="191">
        <v>123</v>
      </c>
      <c r="I33" s="191">
        <v>244</v>
      </c>
      <c r="J33" s="191">
        <v>379</v>
      </c>
      <c r="K33" s="191">
        <v>177</v>
      </c>
      <c r="L33" s="194">
        <v>1092</v>
      </c>
      <c r="M33" s="195">
        <v>1092</v>
      </c>
      <c r="N33" s="190">
        <v>0</v>
      </c>
      <c r="O33" s="191">
        <v>0</v>
      </c>
      <c r="P33" s="196">
        <v>0</v>
      </c>
      <c r="Q33" s="193">
        <v>0</v>
      </c>
      <c r="R33" s="191">
        <v>9</v>
      </c>
      <c r="S33" s="191">
        <v>4</v>
      </c>
      <c r="T33" s="191">
        <v>26</v>
      </c>
      <c r="U33" s="191">
        <v>44</v>
      </c>
      <c r="V33" s="191">
        <v>17</v>
      </c>
      <c r="W33" s="196">
        <v>100</v>
      </c>
      <c r="X33" s="195">
        <v>100</v>
      </c>
      <c r="Y33" s="190">
        <v>7</v>
      </c>
      <c r="Z33" s="191">
        <v>25</v>
      </c>
      <c r="AA33" s="196">
        <v>32</v>
      </c>
      <c r="AB33" s="193">
        <v>0</v>
      </c>
      <c r="AC33" s="191">
        <v>169</v>
      </c>
      <c r="AD33" s="191">
        <v>109</v>
      </c>
      <c r="AE33" s="191">
        <v>125</v>
      </c>
      <c r="AF33" s="191">
        <v>117</v>
      </c>
      <c r="AG33" s="191">
        <v>66</v>
      </c>
      <c r="AH33" s="196">
        <v>586</v>
      </c>
      <c r="AI33" s="195">
        <v>618</v>
      </c>
      <c r="AJ33" s="190">
        <v>12</v>
      </c>
      <c r="AK33" s="191">
        <v>18</v>
      </c>
      <c r="AL33" s="196">
        <v>30</v>
      </c>
      <c r="AM33" s="193">
        <v>0</v>
      </c>
      <c r="AN33" s="191">
        <v>33</v>
      </c>
      <c r="AO33" s="191">
        <v>12</v>
      </c>
      <c r="AP33" s="191">
        <v>18</v>
      </c>
      <c r="AQ33" s="191">
        <v>36</v>
      </c>
      <c r="AR33" s="191">
        <v>0</v>
      </c>
      <c r="AS33" s="196">
        <v>99</v>
      </c>
      <c r="AT33" s="195">
        <v>129</v>
      </c>
      <c r="AU33" s="190">
        <v>0</v>
      </c>
      <c r="AV33" s="191">
        <v>0</v>
      </c>
      <c r="AW33" s="196">
        <v>0</v>
      </c>
      <c r="AX33" s="193">
        <v>0</v>
      </c>
      <c r="AY33" s="191">
        <v>365</v>
      </c>
      <c r="AZ33" s="191">
        <v>393</v>
      </c>
      <c r="BA33" s="191">
        <v>154</v>
      </c>
      <c r="BB33" s="191">
        <v>127</v>
      </c>
      <c r="BC33" s="191">
        <v>45</v>
      </c>
      <c r="BD33" s="194">
        <v>1084</v>
      </c>
      <c r="BE33" s="195">
        <v>1084</v>
      </c>
      <c r="BF33" s="190">
        <v>0</v>
      </c>
      <c r="BG33" s="191">
        <v>0</v>
      </c>
      <c r="BH33" s="196">
        <v>0</v>
      </c>
      <c r="BI33" s="193">
        <v>0</v>
      </c>
      <c r="BJ33" s="191">
        <v>46</v>
      </c>
      <c r="BK33" s="191">
        <v>53</v>
      </c>
      <c r="BL33" s="191">
        <v>95</v>
      </c>
      <c r="BM33" s="191">
        <v>15</v>
      </c>
      <c r="BN33" s="191">
        <v>8</v>
      </c>
      <c r="BO33" s="196">
        <v>217</v>
      </c>
      <c r="BP33" s="195">
        <v>217</v>
      </c>
      <c r="BQ33" s="190">
        <v>4</v>
      </c>
      <c r="BR33" s="191">
        <v>6</v>
      </c>
      <c r="BS33" s="196">
        <v>10</v>
      </c>
      <c r="BT33" s="193">
        <v>0</v>
      </c>
      <c r="BU33" s="191">
        <v>31</v>
      </c>
      <c r="BV33" s="191">
        <v>63</v>
      </c>
      <c r="BW33" s="191">
        <v>254</v>
      </c>
      <c r="BX33" s="191">
        <v>141</v>
      </c>
      <c r="BY33" s="191">
        <v>30</v>
      </c>
      <c r="BZ33" s="196">
        <v>519</v>
      </c>
      <c r="CA33" s="195">
        <v>529</v>
      </c>
      <c r="CB33" s="190">
        <v>6</v>
      </c>
      <c r="CC33" s="191">
        <v>0</v>
      </c>
      <c r="CD33" s="196">
        <v>6</v>
      </c>
      <c r="CE33" s="193">
        <v>0</v>
      </c>
      <c r="CF33" s="191">
        <v>9</v>
      </c>
      <c r="CG33" s="191">
        <v>0</v>
      </c>
      <c r="CH33" s="191">
        <v>0</v>
      </c>
      <c r="CI33" s="191">
        <v>0</v>
      </c>
      <c r="CJ33" s="191">
        <v>5</v>
      </c>
      <c r="CK33" s="196">
        <v>14</v>
      </c>
      <c r="CL33" s="195">
        <v>2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03</v>
      </c>
      <c r="H34" s="191">
        <v>354</v>
      </c>
      <c r="I34" s="191">
        <v>438</v>
      </c>
      <c r="J34" s="191">
        <v>73</v>
      </c>
      <c r="K34" s="191">
        <v>622</v>
      </c>
      <c r="L34" s="194">
        <v>1890</v>
      </c>
      <c r="M34" s="195">
        <v>1890</v>
      </c>
      <c r="N34" s="190">
        <v>0</v>
      </c>
      <c r="O34" s="191">
        <v>0</v>
      </c>
      <c r="P34" s="196">
        <v>0</v>
      </c>
      <c r="Q34" s="193">
        <v>0</v>
      </c>
      <c r="R34" s="191">
        <v>0</v>
      </c>
      <c r="S34" s="191">
        <v>0</v>
      </c>
      <c r="T34" s="191">
        <v>7</v>
      </c>
      <c r="U34" s="191">
        <v>22</v>
      </c>
      <c r="V34" s="191">
        <v>35</v>
      </c>
      <c r="W34" s="196">
        <v>64</v>
      </c>
      <c r="X34" s="195">
        <v>64</v>
      </c>
      <c r="Y34" s="190">
        <v>51</v>
      </c>
      <c r="Z34" s="191">
        <v>38</v>
      </c>
      <c r="AA34" s="196">
        <v>89</v>
      </c>
      <c r="AB34" s="193">
        <v>0</v>
      </c>
      <c r="AC34" s="191">
        <v>263</v>
      </c>
      <c r="AD34" s="191">
        <v>252</v>
      </c>
      <c r="AE34" s="191">
        <v>86</v>
      </c>
      <c r="AF34" s="191">
        <v>99</v>
      </c>
      <c r="AG34" s="191">
        <v>78</v>
      </c>
      <c r="AH34" s="196">
        <v>778</v>
      </c>
      <c r="AI34" s="195">
        <v>867</v>
      </c>
      <c r="AJ34" s="190">
        <v>0</v>
      </c>
      <c r="AK34" s="191">
        <v>0</v>
      </c>
      <c r="AL34" s="196">
        <v>0</v>
      </c>
      <c r="AM34" s="193">
        <v>0</v>
      </c>
      <c r="AN34" s="191">
        <v>62</v>
      </c>
      <c r="AO34" s="191">
        <v>18</v>
      </c>
      <c r="AP34" s="191">
        <v>0</v>
      </c>
      <c r="AQ34" s="191">
        <v>21</v>
      </c>
      <c r="AR34" s="191">
        <v>21</v>
      </c>
      <c r="AS34" s="196">
        <v>122</v>
      </c>
      <c r="AT34" s="195">
        <v>122</v>
      </c>
      <c r="AU34" s="190">
        <v>0</v>
      </c>
      <c r="AV34" s="191">
        <v>0</v>
      </c>
      <c r="AW34" s="196">
        <v>0</v>
      </c>
      <c r="AX34" s="193">
        <v>0</v>
      </c>
      <c r="AY34" s="191">
        <v>426</v>
      </c>
      <c r="AZ34" s="191">
        <v>534</v>
      </c>
      <c r="BA34" s="191">
        <v>228</v>
      </c>
      <c r="BB34" s="191">
        <v>219</v>
      </c>
      <c r="BC34" s="191">
        <v>71</v>
      </c>
      <c r="BD34" s="194">
        <v>1478</v>
      </c>
      <c r="BE34" s="195">
        <v>1478</v>
      </c>
      <c r="BF34" s="190">
        <v>0</v>
      </c>
      <c r="BG34" s="191">
        <v>0</v>
      </c>
      <c r="BH34" s="196">
        <v>0</v>
      </c>
      <c r="BI34" s="193">
        <v>0</v>
      </c>
      <c r="BJ34" s="191">
        <v>54</v>
      </c>
      <c r="BK34" s="191">
        <v>88</v>
      </c>
      <c r="BL34" s="191">
        <v>19</v>
      </c>
      <c r="BM34" s="191">
        <v>35</v>
      </c>
      <c r="BN34" s="191">
        <v>17</v>
      </c>
      <c r="BO34" s="196">
        <v>213</v>
      </c>
      <c r="BP34" s="195">
        <v>213</v>
      </c>
      <c r="BQ34" s="190">
        <v>0</v>
      </c>
      <c r="BR34" s="191">
        <v>2</v>
      </c>
      <c r="BS34" s="196">
        <v>2</v>
      </c>
      <c r="BT34" s="193">
        <v>0</v>
      </c>
      <c r="BU34" s="191">
        <v>5</v>
      </c>
      <c r="BV34" s="191">
        <v>67</v>
      </c>
      <c r="BW34" s="191">
        <v>131</v>
      </c>
      <c r="BX34" s="191">
        <v>115</v>
      </c>
      <c r="BY34" s="191">
        <v>68</v>
      </c>
      <c r="BZ34" s="196">
        <v>386</v>
      </c>
      <c r="CA34" s="195">
        <v>388</v>
      </c>
      <c r="CB34" s="190">
        <v>0</v>
      </c>
      <c r="CC34" s="191">
        <v>0</v>
      </c>
      <c r="CD34" s="196">
        <v>0</v>
      </c>
      <c r="CE34" s="193">
        <v>0</v>
      </c>
      <c r="CF34" s="191">
        <v>8</v>
      </c>
      <c r="CG34" s="191">
        <v>26</v>
      </c>
      <c r="CH34" s="191">
        <v>0</v>
      </c>
      <c r="CI34" s="191">
        <v>8</v>
      </c>
      <c r="CJ34" s="191">
        <v>3</v>
      </c>
      <c r="CK34" s="196">
        <v>45</v>
      </c>
      <c r="CL34" s="195">
        <v>45</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303</v>
      </c>
      <c r="H35" s="191">
        <v>232</v>
      </c>
      <c r="I35" s="191">
        <v>462</v>
      </c>
      <c r="J35" s="191">
        <v>59</v>
      </c>
      <c r="K35" s="191">
        <v>636</v>
      </c>
      <c r="L35" s="194">
        <v>1692</v>
      </c>
      <c r="M35" s="195">
        <v>1692</v>
      </c>
      <c r="N35" s="190">
        <v>0</v>
      </c>
      <c r="O35" s="191">
        <v>0</v>
      </c>
      <c r="P35" s="196">
        <v>0</v>
      </c>
      <c r="Q35" s="193">
        <v>0</v>
      </c>
      <c r="R35" s="191">
        <v>8</v>
      </c>
      <c r="S35" s="191">
        <v>2</v>
      </c>
      <c r="T35" s="191">
        <v>4</v>
      </c>
      <c r="U35" s="191">
        <v>8</v>
      </c>
      <c r="V35" s="191">
        <v>17</v>
      </c>
      <c r="W35" s="196">
        <v>39</v>
      </c>
      <c r="X35" s="195">
        <v>39</v>
      </c>
      <c r="Y35" s="190">
        <v>0</v>
      </c>
      <c r="Z35" s="191">
        <v>31</v>
      </c>
      <c r="AA35" s="196">
        <v>31</v>
      </c>
      <c r="AB35" s="193">
        <v>0</v>
      </c>
      <c r="AC35" s="191">
        <v>142</v>
      </c>
      <c r="AD35" s="191">
        <v>74</v>
      </c>
      <c r="AE35" s="191">
        <v>35</v>
      </c>
      <c r="AF35" s="191">
        <v>31</v>
      </c>
      <c r="AG35" s="191">
        <v>19</v>
      </c>
      <c r="AH35" s="196">
        <v>301</v>
      </c>
      <c r="AI35" s="195">
        <v>332</v>
      </c>
      <c r="AJ35" s="190">
        <v>119</v>
      </c>
      <c r="AK35" s="191">
        <v>220</v>
      </c>
      <c r="AL35" s="196">
        <v>339</v>
      </c>
      <c r="AM35" s="193">
        <v>0</v>
      </c>
      <c r="AN35" s="191">
        <v>506</v>
      </c>
      <c r="AO35" s="191">
        <v>198</v>
      </c>
      <c r="AP35" s="191">
        <v>157</v>
      </c>
      <c r="AQ35" s="191">
        <v>64</v>
      </c>
      <c r="AR35" s="191">
        <v>31</v>
      </c>
      <c r="AS35" s="196">
        <v>956</v>
      </c>
      <c r="AT35" s="195">
        <v>1295</v>
      </c>
      <c r="AU35" s="190">
        <v>0</v>
      </c>
      <c r="AV35" s="191">
        <v>0</v>
      </c>
      <c r="AW35" s="196">
        <v>0</v>
      </c>
      <c r="AX35" s="193">
        <v>0</v>
      </c>
      <c r="AY35" s="191">
        <v>61</v>
      </c>
      <c r="AZ35" s="191">
        <v>57</v>
      </c>
      <c r="BA35" s="191">
        <v>54</v>
      </c>
      <c r="BB35" s="191">
        <v>26</v>
      </c>
      <c r="BC35" s="191">
        <v>26</v>
      </c>
      <c r="BD35" s="194">
        <v>224</v>
      </c>
      <c r="BE35" s="195">
        <v>224</v>
      </c>
      <c r="BF35" s="190">
        <v>0</v>
      </c>
      <c r="BG35" s="191">
        <v>0</v>
      </c>
      <c r="BH35" s="196">
        <v>0</v>
      </c>
      <c r="BI35" s="193">
        <v>0</v>
      </c>
      <c r="BJ35" s="191">
        <v>221</v>
      </c>
      <c r="BK35" s="191">
        <v>113</v>
      </c>
      <c r="BL35" s="191">
        <v>55</v>
      </c>
      <c r="BM35" s="191">
        <v>8</v>
      </c>
      <c r="BN35" s="191">
        <v>8</v>
      </c>
      <c r="BO35" s="196">
        <v>405</v>
      </c>
      <c r="BP35" s="195">
        <v>405</v>
      </c>
      <c r="BQ35" s="190">
        <v>0</v>
      </c>
      <c r="BR35" s="191">
        <v>0</v>
      </c>
      <c r="BS35" s="196">
        <v>0</v>
      </c>
      <c r="BT35" s="193">
        <v>0</v>
      </c>
      <c r="BU35" s="191">
        <v>44</v>
      </c>
      <c r="BV35" s="191">
        <v>35</v>
      </c>
      <c r="BW35" s="191">
        <v>118</v>
      </c>
      <c r="BX35" s="191">
        <v>40</v>
      </c>
      <c r="BY35" s="191">
        <v>83</v>
      </c>
      <c r="BZ35" s="196">
        <v>320</v>
      </c>
      <c r="CA35" s="195">
        <v>320</v>
      </c>
      <c r="CB35" s="190">
        <v>0</v>
      </c>
      <c r="CC35" s="191">
        <v>0</v>
      </c>
      <c r="CD35" s="196">
        <v>0</v>
      </c>
      <c r="CE35" s="193">
        <v>0</v>
      </c>
      <c r="CF35" s="191">
        <v>9</v>
      </c>
      <c r="CG35" s="191">
        <v>9</v>
      </c>
      <c r="CH35" s="191">
        <v>0</v>
      </c>
      <c r="CI35" s="191">
        <v>10</v>
      </c>
      <c r="CJ35" s="191">
        <v>0</v>
      </c>
      <c r="CK35" s="196">
        <v>28</v>
      </c>
      <c r="CL35" s="195">
        <v>28</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210</v>
      </c>
      <c r="H36" s="191">
        <v>264</v>
      </c>
      <c r="I36" s="191">
        <v>61</v>
      </c>
      <c r="J36" s="191">
        <v>206</v>
      </c>
      <c r="K36" s="191">
        <v>202</v>
      </c>
      <c r="L36" s="194">
        <v>943</v>
      </c>
      <c r="M36" s="195">
        <v>943</v>
      </c>
      <c r="N36" s="190">
        <v>0</v>
      </c>
      <c r="O36" s="191">
        <v>0</v>
      </c>
      <c r="P36" s="196">
        <v>0</v>
      </c>
      <c r="Q36" s="193">
        <v>0</v>
      </c>
      <c r="R36" s="191">
        <v>0</v>
      </c>
      <c r="S36" s="191">
        <v>3</v>
      </c>
      <c r="T36" s="191">
        <v>0</v>
      </c>
      <c r="U36" s="191">
        <v>4</v>
      </c>
      <c r="V36" s="191">
        <v>46</v>
      </c>
      <c r="W36" s="196">
        <v>53</v>
      </c>
      <c r="X36" s="195">
        <v>53</v>
      </c>
      <c r="Y36" s="190">
        <v>0</v>
      </c>
      <c r="Z36" s="191">
        <v>50</v>
      </c>
      <c r="AA36" s="196">
        <v>50</v>
      </c>
      <c r="AB36" s="193">
        <v>0</v>
      </c>
      <c r="AC36" s="191">
        <v>185</v>
      </c>
      <c r="AD36" s="191">
        <v>123</v>
      </c>
      <c r="AE36" s="191">
        <v>45</v>
      </c>
      <c r="AF36" s="191">
        <v>71</v>
      </c>
      <c r="AG36" s="191">
        <v>90</v>
      </c>
      <c r="AH36" s="196">
        <v>514</v>
      </c>
      <c r="AI36" s="195">
        <v>564</v>
      </c>
      <c r="AJ36" s="190">
        <v>12</v>
      </c>
      <c r="AK36" s="191">
        <v>0</v>
      </c>
      <c r="AL36" s="196">
        <v>12</v>
      </c>
      <c r="AM36" s="193">
        <v>0</v>
      </c>
      <c r="AN36" s="191">
        <v>68</v>
      </c>
      <c r="AO36" s="191">
        <v>30</v>
      </c>
      <c r="AP36" s="191">
        <v>46</v>
      </c>
      <c r="AQ36" s="191">
        <v>0</v>
      </c>
      <c r="AR36" s="191">
        <v>16</v>
      </c>
      <c r="AS36" s="196">
        <v>160</v>
      </c>
      <c r="AT36" s="195">
        <v>172</v>
      </c>
      <c r="AU36" s="190">
        <v>0</v>
      </c>
      <c r="AV36" s="191">
        <v>0</v>
      </c>
      <c r="AW36" s="196">
        <v>0</v>
      </c>
      <c r="AX36" s="193">
        <v>0</v>
      </c>
      <c r="AY36" s="191">
        <v>258</v>
      </c>
      <c r="AZ36" s="191">
        <v>225</v>
      </c>
      <c r="BA36" s="191">
        <v>238</v>
      </c>
      <c r="BB36" s="191">
        <v>88</v>
      </c>
      <c r="BC36" s="191">
        <v>52</v>
      </c>
      <c r="BD36" s="194">
        <v>861</v>
      </c>
      <c r="BE36" s="195">
        <v>861</v>
      </c>
      <c r="BF36" s="190">
        <v>0</v>
      </c>
      <c r="BG36" s="191">
        <v>0</v>
      </c>
      <c r="BH36" s="196">
        <v>0</v>
      </c>
      <c r="BI36" s="193">
        <v>0</v>
      </c>
      <c r="BJ36" s="191">
        <v>45</v>
      </c>
      <c r="BK36" s="191">
        <v>20</v>
      </c>
      <c r="BL36" s="191">
        <v>9</v>
      </c>
      <c r="BM36" s="191">
        <v>22</v>
      </c>
      <c r="BN36" s="191">
        <v>0</v>
      </c>
      <c r="BO36" s="196">
        <v>96</v>
      </c>
      <c r="BP36" s="195">
        <v>96</v>
      </c>
      <c r="BQ36" s="190">
        <v>0</v>
      </c>
      <c r="BR36" s="191">
        <v>0</v>
      </c>
      <c r="BS36" s="196">
        <v>0</v>
      </c>
      <c r="BT36" s="193">
        <v>0</v>
      </c>
      <c r="BU36" s="191">
        <v>14</v>
      </c>
      <c r="BV36" s="191">
        <v>0</v>
      </c>
      <c r="BW36" s="191">
        <v>24</v>
      </c>
      <c r="BX36" s="191">
        <v>32</v>
      </c>
      <c r="BY36" s="191">
        <v>28</v>
      </c>
      <c r="BZ36" s="196">
        <v>98</v>
      </c>
      <c r="CA36" s="195">
        <v>98</v>
      </c>
      <c r="CB36" s="190">
        <v>0</v>
      </c>
      <c r="CC36" s="191">
        <v>0</v>
      </c>
      <c r="CD36" s="196">
        <v>0</v>
      </c>
      <c r="CE36" s="193">
        <v>0</v>
      </c>
      <c r="CF36" s="191">
        <v>0</v>
      </c>
      <c r="CG36" s="191">
        <v>8</v>
      </c>
      <c r="CH36" s="191">
        <v>0</v>
      </c>
      <c r="CI36" s="191">
        <v>0</v>
      </c>
      <c r="CJ36" s="191">
        <v>0</v>
      </c>
      <c r="CK36" s="196">
        <v>8</v>
      </c>
      <c r="CL36" s="195">
        <v>8</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379</v>
      </c>
      <c r="H37" s="191">
        <v>997</v>
      </c>
      <c r="I37" s="191">
        <v>1743</v>
      </c>
      <c r="J37" s="191">
        <v>1258</v>
      </c>
      <c r="K37" s="191">
        <v>1258</v>
      </c>
      <c r="L37" s="194">
        <v>6635</v>
      </c>
      <c r="M37" s="195">
        <v>6635</v>
      </c>
      <c r="N37" s="190">
        <v>0</v>
      </c>
      <c r="O37" s="191">
        <v>0</v>
      </c>
      <c r="P37" s="196">
        <v>0</v>
      </c>
      <c r="Q37" s="193">
        <v>0</v>
      </c>
      <c r="R37" s="191">
        <v>4</v>
      </c>
      <c r="S37" s="191">
        <v>17</v>
      </c>
      <c r="T37" s="191">
        <v>20</v>
      </c>
      <c r="U37" s="191">
        <v>72</v>
      </c>
      <c r="V37" s="191">
        <v>61</v>
      </c>
      <c r="W37" s="196">
        <v>174</v>
      </c>
      <c r="X37" s="195">
        <v>174</v>
      </c>
      <c r="Y37" s="190">
        <v>43</v>
      </c>
      <c r="Z37" s="191">
        <v>61</v>
      </c>
      <c r="AA37" s="196">
        <v>104</v>
      </c>
      <c r="AB37" s="193">
        <v>0</v>
      </c>
      <c r="AC37" s="191">
        <v>537</v>
      </c>
      <c r="AD37" s="191">
        <v>307</v>
      </c>
      <c r="AE37" s="191">
        <v>320</v>
      </c>
      <c r="AF37" s="191">
        <v>186</v>
      </c>
      <c r="AG37" s="191">
        <v>281</v>
      </c>
      <c r="AH37" s="196">
        <v>1631</v>
      </c>
      <c r="AI37" s="195">
        <v>1735</v>
      </c>
      <c r="AJ37" s="190">
        <v>58</v>
      </c>
      <c r="AK37" s="191">
        <v>146</v>
      </c>
      <c r="AL37" s="196">
        <v>204</v>
      </c>
      <c r="AM37" s="193">
        <v>0</v>
      </c>
      <c r="AN37" s="191">
        <v>291</v>
      </c>
      <c r="AO37" s="191">
        <v>163</v>
      </c>
      <c r="AP37" s="191">
        <v>80</v>
      </c>
      <c r="AQ37" s="191">
        <v>168</v>
      </c>
      <c r="AR37" s="191">
        <v>86</v>
      </c>
      <c r="AS37" s="196">
        <v>788</v>
      </c>
      <c r="AT37" s="195">
        <v>992</v>
      </c>
      <c r="AU37" s="190">
        <v>0</v>
      </c>
      <c r="AV37" s="191">
        <v>0</v>
      </c>
      <c r="AW37" s="196">
        <v>0</v>
      </c>
      <c r="AX37" s="193">
        <v>0</v>
      </c>
      <c r="AY37" s="191">
        <v>1323</v>
      </c>
      <c r="AZ37" s="191">
        <v>905</v>
      </c>
      <c r="BA37" s="191">
        <v>620</v>
      </c>
      <c r="BB37" s="191">
        <v>359</v>
      </c>
      <c r="BC37" s="191">
        <v>277</v>
      </c>
      <c r="BD37" s="194">
        <v>3484</v>
      </c>
      <c r="BE37" s="195">
        <v>3484</v>
      </c>
      <c r="BF37" s="190">
        <v>0</v>
      </c>
      <c r="BG37" s="191">
        <v>0</v>
      </c>
      <c r="BH37" s="196">
        <v>0</v>
      </c>
      <c r="BI37" s="193">
        <v>0</v>
      </c>
      <c r="BJ37" s="191">
        <v>477</v>
      </c>
      <c r="BK37" s="191">
        <v>259</v>
      </c>
      <c r="BL37" s="191">
        <v>103</v>
      </c>
      <c r="BM37" s="191">
        <v>79</v>
      </c>
      <c r="BN37" s="191">
        <v>7</v>
      </c>
      <c r="BO37" s="196">
        <v>925</v>
      </c>
      <c r="BP37" s="195">
        <v>925</v>
      </c>
      <c r="BQ37" s="190">
        <v>0</v>
      </c>
      <c r="BR37" s="191">
        <v>0</v>
      </c>
      <c r="BS37" s="196">
        <v>0</v>
      </c>
      <c r="BT37" s="193">
        <v>0</v>
      </c>
      <c r="BU37" s="191">
        <v>51</v>
      </c>
      <c r="BV37" s="191">
        <v>64</v>
      </c>
      <c r="BW37" s="191">
        <v>160</v>
      </c>
      <c r="BX37" s="191">
        <v>94</v>
      </c>
      <c r="BY37" s="191">
        <v>24</v>
      </c>
      <c r="BZ37" s="196">
        <v>393</v>
      </c>
      <c r="CA37" s="195">
        <v>393</v>
      </c>
      <c r="CB37" s="190">
        <v>0</v>
      </c>
      <c r="CC37" s="191">
        <v>0</v>
      </c>
      <c r="CD37" s="196">
        <v>0</v>
      </c>
      <c r="CE37" s="193">
        <v>0</v>
      </c>
      <c r="CF37" s="191">
        <v>41</v>
      </c>
      <c r="CG37" s="191">
        <v>5</v>
      </c>
      <c r="CH37" s="191">
        <v>13</v>
      </c>
      <c r="CI37" s="191">
        <v>10</v>
      </c>
      <c r="CJ37" s="191">
        <v>6</v>
      </c>
      <c r="CK37" s="196">
        <v>75</v>
      </c>
      <c r="CL37" s="195">
        <v>75</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29</v>
      </c>
      <c r="H38" s="191">
        <v>1568</v>
      </c>
      <c r="I38" s="191">
        <v>1199</v>
      </c>
      <c r="J38" s="191">
        <v>1064</v>
      </c>
      <c r="K38" s="191">
        <v>3004</v>
      </c>
      <c r="L38" s="194">
        <v>7464</v>
      </c>
      <c r="M38" s="195">
        <v>7464</v>
      </c>
      <c r="N38" s="190">
        <v>0</v>
      </c>
      <c r="O38" s="191">
        <v>5</v>
      </c>
      <c r="P38" s="196">
        <v>5</v>
      </c>
      <c r="Q38" s="193">
        <v>0</v>
      </c>
      <c r="R38" s="191">
        <v>8</v>
      </c>
      <c r="S38" s="191">
        <v>12</v>
      </c>
      <c r="T38" s="191">
        <v>55</v>
      </c>
      <c r="U38" s="191">
        <v>42</v>
      </c>
      <c r="V38" s="191">
        <v>48</v>
      </c>
      <c r="W38" s="196">
        <v>165</v>
      </c>
      <c r="X38" s="195">
        <v>170</v>
      </c>
      <c r="Y38" s="190">
        <v>51</v>
      </c>
      <c r="Z38" s="191">
        <v>146</v>
      </c>
      <c r="AA38" s="196">
        <v>197</v>
      </c>
      <c r="AB38" s="193">
        <v>0</v>
      </c>
      <c r="AC38" s="191">
        <v>474</v>
      </c>
      <c r="AD38" s="191">
        <v>540</v>
      </c>
      <c r="AE38" s="191">
        <v>427</v>
      </c>
      <c r="AF38" s="191">
        <v>324</v>
      </c>
      <c r="AG38" s="191">
        <v>420</v>
      </c>
      <c r="AH38" s="196">
        <v>2185</v>
      </c>
      <c r="AI38" s="195">
        <v>2382</v>
      </c>
      <c r="AJ38" s="190">
        <v>18</v>
      </c>
      <c r="AK38" s="191">
        <v>102</v>
      </c>
      <c r="AL38" s="196">
        <v>120</v>
      </c>
      <c r="AM38" s="193">
        <v>0</v>
      </c>
      <c r="AN38" s="191">
        <v>230</v>
      </c>
      <c r="AO38" s="191">
        <v>208</v>
      </c>
      <c r="AP38" s="191">
        <v>88</v>
      </c>
      <c r="AQ38" s="191">
        <v>78</v>
      </c>
      <c r="AR38" s="191">
        <v>53</v>
      </c>
      <c r="AS38" s="196">
        <v>657</v>
      </c>
      <c r="AT38" s="195">
        <v>777</v>
      </c>
      <c r="AU38" s="190">
        <v>0</v>
      </c>
      <c r="AV38" s="191">
        <v>0</v>
      </c>
      <c r="AW38" s="196">
        <v>0</v>
      </c>
      <c r="AX38" s="193">
        <v>0</v>
      </c>
      <c r="AY38" s="191">
        <v>642</v>
      </c>
      <c r="AZ38" s="191">
        <v>1043</v>
      </c>
      <c r="BA38" s="191">
        <v>522</v>
      </c>
      <c r="BB38" s="191">
        <v>335</v>
      </c>
      <c r="BC38" s="191">
        <v>273</v>
      </c>
      <c r="BD38" s="194">
        <v>2815</v>
      </c>
      <c r="BE38" s="195">
        <v>2815</v>
      </c>
      <c r="BF38" s="190">
        <v>0</v>
      </c>
      <c r="BG38" s="191">
        <v>0</v>
      </c>
      <c r="BH38" s="196">
        <v>0</v>
      </c>
      <c r="BI38" s="193">
        <v>0</v>
      </c>
      <c r="BJ38" s="191">
        <v>210</v>
      </c>
      <c r="BK38" s="191">
        <v>307</v>
      </c>
      <c r="BL38" s="191">
        <v>163</v>
      </c>
      <c r="BM38" s="191">
        <v>60</v>
      </c>
      <c r="BN38" s="191">
        <v>16</v>
      </c>
      <c r="BO38" s="196">
        <v>756</v>
      </c>
      <c r="BP38" s="195">
        <v>756</v>
      </c>
      <c r="BQ38" s="190">
        <v>0</v>
      </c>
      <c r="BR38" s="191">
        <v>0</v>
      </c>
      <c r="BS38" s="196">
        <v>0</v>
      </c>
      <c r="BT38" s="193">
        <v>0</v>
      </c>
      <c r="BU38" s="191">
        <v>84</v>
      </c>
      <c r="BV38" s="191">
        <v>182</v>
      </c>
      <c r="BW38" s="191">
        <v>212</v>
      </c>
      <c r="BX38" s="191">
        <v>288</v>
      </c>
      <c r="BY38" s="191">
        <v>239</v>
      </c>
      <c r="BZ38" s="196">
        <v>1005</v>
      </c>
      <c r="CA38" s="195">
        <v>1005</v>
      </c>
      <c r="CB38" s="190">
        <v>0</v>
      </c>
      <c r="CC38" s="191">
        <v>0</v>
      </c>
      <c r="CD38" s="196">
        <v>0</v>
      </c>
      <c r="CE38" s="193">
        <v>0</v>
      </c>
      <c r="CF38" s="191">
        <v>5</v>
      </c>
      <c r="CG38" s="191">
        <v>9</v>
      </c>
      <c r="CH38" s="191">
        <v>0</v>
      </c>
      <c r="CI38" s="191">
        <v>0</v>
      </c>
      <c r="CJ38" s="191">
        <v>0</v>
      </c>
      <c r="CK38" s="196">
        <v>14</v>
      </c>
      <c r="CL38" s="195">
        <v>14</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33</v>
      </c>
      <c r="H39" s="198">
        <v>46</v>
      </c>
      <c r="I39" s="198">
        <v>112</v>
      </c>
      <c r="J39" s="198">
        <v>71</v>
      </c>
      <c r="K39" s="198">
        <v>146</v>
      </c>
      <c r="L39" s="201">
        <v>408</v>
      </c>
      <c r="M39" s="202">
        <v>408</v>
      </c>
      <c r="N39" s="197">
        <v>0</v>
      </c>
      <c r="O39" s="198">
        <v>0</v>
      </c>
      <c r="P39" s="203">
        <v>0</v>
      </c>
      <c r="Q39" s="200">
        <v>0</v>
      </c>
      <c r="R39" s="198">
        <v>0</v>
      </c>
      <c r="S39" s="198">
        <v>0</v>
      </c>
      <c r="T39" s="198">
        <v>0</v>
      </c>
      <c r="U39" s="198">
        <v>0</v>
      </c>
      <c r="V39" s="198">
        <v>0</v>
      </c>
      <c r="W39" s="203">
        <v>0</v>
      </c>
      <c r="X39" s="202">
        <v>0</v>
      </c>
      <c r="Y39" s="197">
        <v>12</v>
      </c>
      <c r="Z39" s="198">
        <v>0</v>
      </c>
      <c r="AA39" s="203">
        <v>12</v>
      </c>
      <c r="AB39" s="200">
        <v>0</v>
      </c>
      <c r="AC39" s="198">
        <v>18</v>
      </c>
      <c r="AD39" s="198">
        <v>23</v>
      </c>
      <c r="AE39" s="198">
        <v>12</v>
      </c>
      <c r="AF39" s="198">
        <v>50</v>
      </c>
      <c r="AG39" s="198">
        <v>42</v>
      </c>
      <c r="AH39" s="203">
        <v>145</v>
      </c>
      <c r="AI39" s="202">
        <v>157</v>
      </c>
      <c r="AJ39" s="197">
        <v>0</v>
      </c>
      <c r="AK39" s="198">
        <v>0</v>
      </c>
      <c r="AL39" s="203">
        <v>0</v>
      </c>
      <c r="AM39" s="200">
        <v>0</v>
      </c>
      <c r="AN39" s="198">
        <v>8</v>
      </c>
      <c r="AO39" s="198">
        <v>10</v>
      </c>
      <c r="AP39" s="198">
        <v>0</v>
      </c>
      <c r="AQ39" s="198">
        <v>15</v>
      </c>
      <c r="AR39" s="198">
        <v>8</v>
      </c>
      <c r="AS39" s="203">
        <v>41</v>
      </c>
      <c r="AT39" s="202">
        <v>41</v>
      </c>
      <c r="AU39" s="197">
        <v>0</v>
      </c>
      <c r="AV39" s="198">
        <v>0</v>
      </c>
      <c r="AW39" s="203">
        <v>0</v>
      </c>
      <c r="AX39" s="200">
        <v>0</v>
      </c>
      <c r="AY39" s="198">
        <v>52</v>
      </c>
      <c r="AZ39" s="198">
        <v>46</v>
      </c>
      <c r="BA39" s="198">
        <v>55</v>
      </c>
      <c r="BB39" s="198">
        <v>43</v>
      </c>
      <c r="BC39" s="198">
        <v>9</v>
      </c>
      <c r="BD39" s="201">
        <v>205</v>
      </c>
      <c r="BE39" s="202">
        <v>205</v>
      </c>
      <c r="BF39" s="197">
        <v>0</v>
      </c>
      <c r="BG39" s="198">
        <v>0</v>
      </c>
      <c r="BH39" s="203">
        <v>0</v>
      </c>
      <c r="BI39" s="200">
        <v>0</v>
      </c>
      <c r="BJ39" s="198">
        <v>23</v>
      </c>
      <c r="BK39" s="198">
        <v>46</v>
      </c>
      <c r="BL39" s="198">
        <v>7</v>
      </c>
      <c r="BM39" s="198">
        <v>24</v>
      </c>
      <c r="BN39" s="198">
        <v>12</v>
      </c>
      <c r="BO39" s="203">
        <v>112</v>
      </c>
      <c r="BP39" s="202">
        <v>112</v>
      </c>
      <c r="BQ39" s="197">
        <v>0</v>
      </c>
      <c r="BR39" s="198">
        <v>0</v>
      </c>
      <c r="BS39" s="203">
        <v>0</v>
      </c>
      <c r="BT39" s="200">
        <v>0</v>
      </c>
      <c r="BU39" s="198">
        <v>0</v>
      </c>
      <c r="BV39" s="198">
        <v>11</v>
      </c>
      <c r="BW39" s="198">
        <v>25</v>
      </c>
      <c r="BX39" s="198">
        <v>5</v>
      </c>
      <c r="BY39" s="198">
        <v>0</v>
      </c>
      <c r="BZ39" s="203">
        <v>41</v>
      </c>
      <c r="CA39" s="202">
        <v>41</v>
      </c>
      <c r="CB39" s="197">
        <v>0</v>
      </c>
      <c r="CC39" s="198">
        <v>0</v>
      </c>
      <c r="CD39" s="203">
        <v>0</v>
      </c>
      <c r="CE39" s="200">
        <v>0</v>
      </c>
      <c r="CF39" s="198">
        <v>0</v>
      </c>
      <c r="CG39" s="198">
        <v>0</v>
      </c>
      <c r="CH39" s="198">
        <v>0</v>
      </c>
      <c r="CI39" s="198">
        <v>3</v>
      </c>
      <c r="CJ39" s="198">
        <v>6</v>
      </c>
      <c r="CK39" s="203">
        <v>9</v>
      </c>
      <c r="CL39" s="202">
        <v>9</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4-07-01T07:43:45Z</cp:lastPrinted>
  <dcterms:created xsi:type="dcterms:W3CDTF">2008-02-08T04:23:07Z</dcterms:created>
  <dcterms:modified xsi:type="dcterms:W3CDTF">2024-08-14T07:54:19Z</dcterms:modified>
</cp:coreProperties>
</file>